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45945" w:rsidRPr="00DA6817" w:rsidRDefault="00DA6817" w:rsidP="0085357E">
      <w:pPr>
        <w:pStyle w:val="ContactInfo"/>
        <w:rPr>
          <w:rStyle w:val="Strong"/>
          <w:b w:val="0"/>
          <w:bCs w:val="0"/>
          <w:sz w:val="72"/>
          <w:szCs w:val="72"/>
        </w:rPr>
      </w:pPr>
      <w:r w:rsidRPr="00DA6817">
        <w:rPr>
          <w:b/>
          <w:sz w:val="72"/>
          <w:szCs w:val="72"/>
        </w:rPr>
        <w:t>Early Head Start</w:t>
      </w:r>
    </w:p>
    <w:p w:rsidR="003E24DF" w:rsidRPr="00D03493" w:rsidRDefault="00D03493" w:rsidP="00D03493">
      <w:pPr>
        <w:pStyle w:val="Recipient"/>
        <w:jc w:val="center"/>
        <w:rPr>
          <w:sz w:val="72"/>
          <w:szCs w:val="72"/>
        </w:rPr>
      </w:pPr>
      <w:r>
        <w:rPr>
          <w:sz w:val="72"/>
          <w:szCs w:val="72"/>
        </w:rPr>
        <w:t>April</w:t>
      </w:r>
    </w:p>
    <w:p w:rsidR="003E24DF" w:rsidRDefault="001C6E26" w:rsidP="00D03493">
      <w:pPr>
        <w:pStyle w:val="ContactInfo"/>
        <w:jc w:val="center"/>
      </w:pPr>
      <w:r>
        <w:t>300 Baker A</w:t>
      </w:r>
      <w:r w:rsidR="00D03493">
        <w:t>ve</w:t>
      </w:r>
    </w:p>
    <w:p w:rsidR="00D03493" w:rsidRDefault="00D03493" w:rsidP="00D03493">
      <w:pPr>
        <w:pStyle w:val="ContactInfo"/>
        <w:jc w:val="center"/>
      </w:pPr>
      <w:r>
        <w:t>Boone Colorado 81025</w:t>
      </w:r>
    </w:p>
    <w:p w:rsidR="00CC07A2" w:rsidRDefault="00CC07A2" w:rsidP="00D03493">
      <w:pPr>
        <w:pStyle w:val="ContactInfo"/>
        <w:jc w:val="center"/>
      </w:pPr>
      <w:r>
        <w:t>(719)947-1257</w:t>
      </w:r>
    </w:p>
    <w:p w:rsidR="002B31E2" w:rsidRPr="00AD330B" w:rsidRDefault="002B31E2" w:rsidP="002B31E2">
      <w:pPr>
        <w:pStyle w:val="ContactInfo"/>
      </w:pPr>
    </w:p>
    <w:p w:rsidR="003E24DF" w:rsidRDefault="003E24DF" w:rsidP="00C539B0">
      <w:pPr>
        <w:pStyle w:val="Salutation"/>
      </w:pPr>
      <w:r w:rsidRPr="00C539B0">
        <w:t xml:space="preserve">Dear </w:t>
      </w:r>
      <w:r w:rsidR="00CC07A2">
        <w:t>parents</w:t>
      </w:r>
      <w:r w:rsidRPr="00C539B0">
        <w:t>,</w:t>
      </w:r>
    </w:p>
    <w:p w:rsidR="0085357E" w:rsidRDefault="00CC07A2" w:rsidP="002B31E2">
      <w:pPr>
        <w:pStyle w:val="Salutation"/>
      </w:pPr>
      <w:r>
        <w:t xml:space="preserve">During this </w:t>
      </w:r>
      <w:r w:rsidR="00E47372">
        <w:t>month,</w:t>
      </w:r>
      <w:r w:rsidR="00A47EE0">
        <w:t xml:space="preserve"> the classroom teachers will be working on community helpers</w:t>
      </w:r>
      <w:r w:rsidR="00E47372">
        <w:t xml:space="preserve"> and building language. We are sending home some books to keep along with a TS Gold handout on (love reading) this activity is important because it will help your child develop a love for of reading by being read to and interacting with the stories. Reading </w:t>
      </w:r>
      <w:r w:rsidR="00FA5901">
        <w:t xml:space="preserve">to </w:t>
      </w:r>
      <w:r w:rsidR="00E47372">
        <w:t>your child simple picture books with repeating words phrases will encourage her/him to engage with the stories and pave a way for her/him to become a competent, independent reader. Also sending TS gold handout (picture pages) this a</w:t>
      </w:r>
      <w:r w:rsidR="002B31E2">
        <w:t>ctivity goal it to help your child use and appreciate books and other text. Also helps with building vocabulary.  Just as a reminder, teachers are asking parent please send extra change of clothes for your child especially when you see we have sent home a teal bag with some of their clothes. I have also attached a handout (How sick is to sick?).  W</w:t>
      </w:r>
      <w:r w:rsidR="000900C1">
        <w:t>hen your child will be absent please continue to</w:t>
      </w:r>
      <w:r w:rsidR="002B31E2">
        <w:t xml:space="preserve"> let center manager or teachers know why they will be out and if due to sickness </w:t>
      </w:r>
      <w:r w:rsidR="000900C1">
        <w:t>please</w:t>
      </w:r>
      <w:r w:rsidR="002B31E2">
        <w:t xml:space="preserve"> state </w:t>
      </w:r>
      <w:r w:rsidR="000900C1">
        <w:t>symptoms</w:t>
      </w:r>
      <w:r w:rsidR="002B31E2">
        <w:t xml:space="preserve"> being we ne</w:t>
      </w:r>
      <w:r w:rsidR="000900C1">
        <w:t>ed to keep track of the symptoms.</w:t>
      </w:r>
      <w:bookmarkStart w:id="0" w:name="_GoBack"/>
      <w:bookmarkEnd w:id="0"/>
    </w:p>
    <w:p w:rsidR="003E24DF" w:rsidRPr="00204F5C" w:rsidRDefault="003E24DF" w:rsidP="00204F5C">
      <w:pPr>
        <w:pStyle w:val="Closing"/>
      </w:pPr>
    </w:p>
    <w:p w:rsidR="003E24DF" w:rsidRPr="00204F5C" w:rsidRDefault="002B31E2" w:rsidP="00204F5C">
      <w:pPr>
        <w:pStyle w:val="Signature"/>
      </w:pPr>
      <w:r>
        <w:t>Berlinda Pedro</w:t>
      </w:r>
    </w:p>
    <w:p w:rsidR="002B31E2" w:rsidRDefault="002B31E2" w:rsidP="003E24DF">
      <w:r>
        <w:t>Center manager</w:t>
      </w:r>
    </w:p>
    <w:p w:rsidR="00D45945" w:rsidRPr="00AD330B" w:rsidRDefault="002B31E2" w:rsidP="003E24DF">
      <w:pPr>
        <w:rPr>
          <w:rFonts w:ascii="Calibri" w:hAnsi="Calibri"/>
          <w:noProof/>
          <w:color w:val="000000" w:themeColor="text1"/>
          <w:sz w:val="22"/>
        </w:rPr>
      </w:pPr>
      <w:r>
        <w:t>Cell (719)406-1965</w:t>
      </w:r>
      <w:r w:rsidR="003E24DF" w:rsidRPr="00AD330B">
        <w:rPr>
          <w:rFonts w:ascii="Calibri" w:hAnsi="Calibri"/>
          <w:noProof/>
          <w:color w:val="000000" w:themeColor="text1"/>
          <w:sz w:val="22"/>
        </w:rPr>
        <w:t xml:space="preserve"> </w:t>
      </w:r>
    </w:p>
    <w:sectPr w:rsidR="00D45945" w:rsidRPr="00AD330B" w:rsidSect="00564809">
      <w:headerReference w:type="default" r:id="rId10"/>
      <w:pgSz w:w="12240" w:h="15840"/>
      <w:pgMar w:top="72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A6817" w:rsidRDefault="00DA6817" w:rsidP="00D45945">
      <w:pPr>
        <w:spacing w:before="0" w:after="0" w:line="240" w:lineRule="auto"/>
      </w:pPr>
      <w:r>
        <w:separator/>
      </w:r>
    </w:p>
  </w:endnote>
  <w:endnote w:type="continuationSeparator" w:id="0">
    <w:p w:rsidR="00DA6817" w:rsidRDefault="00DA6817" w:rsidP="00D45945">
      <w:pPr>
        <w:spacing w:before="0"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MS Mincho">
    <w:altName w:val="Yu Gothic UI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Angsana New">
    <w:altName w:val="Leelawadee UI"/>
    <w:panose1 w:val="02020603050405020304"/>
    <w:charset w:val="DE"/>
    <w:family w:val="roman"/>
    <w:pitch w:val="variable"/>
    <w:sig w:usb0="00000000" w:usb1="00000000" w:usb2="00000000" w:usb3="00000000" w:csb0="00010001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A6817" w:rsidRDefault="00DA6817" w:rsidP="00D45945">
      <w:pPr>
        <w:spacing w:before="0" w:after="0" w:line="240" w:lineRule="auto"/>
      </w:pPr>
      <w:r>
        <w:separator/>
      </w:r>
    </w:p>
  </w:footnote>
  <w:footnote w:type="continuationSeparator" w:id="0">
    <w:p w:rsidR="00DA6817" w:rsidRDefault="00DA6817" w:rsidP="00D45945">
      <w:pPr>
        <w:spacing w:before="0"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45945" w:rsidRDefault="0085357E" w:rsidP="00DA6817">
    <w:pPr>
      <w:pStyle w:val="Header"/>
      <w:jc w:val="center"/>
    </w:pPr>
    <w:r>
      <w:rPr>
        <w:rFonts w:ascii="Corbel" w:hAnsi="Corbel"/>
        <w:noProof/>
        <w:sz w:val="40"/>
        <w:lang w:eastAsia="en-US"/>
      </w:rPr>
      <mc:AlternateContent>
        <mc:Choice Requires="wpg">
          <w:drawing>
            <wp:anchor distT="0" distB="0" distL="114300" distR="114300" simplePos="0" relativeHeight="251662336" behindDoc="1" locked="0" layoutInCell="1" allowOverlap="1" wp14:anchorId="6FAB0BE2" wp14:editId="2A1C608B">
              <wp:simplePos x="0" y="0"/>
              <wp:positionH relativeFrom="page">
                <wp:posOffset>-152400</wp:posOffset>
              </wp:positionH>
              <wp:positionV relativeFrom="page">
                <wp:posOffset>-1238250</wp:posOffset>
              </wp:positionV>
              <wp:extent cx="8185570" cy="12230120"/>
              <wp:effectExtent l="0" t="0" r="6985" b="0"/>
              <wp:wrapNone/>
              <wp:docPr id="3" name="Group 3">
                <a:extLst xmlns:a="http://schemas.openxmlformats.org/drawingml/2006/main">
                  <a:ext uri="{C183D7F6-B498-43B3-948B-1728B52AA6E4}">
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8185570" cy="12230120"/>
                        <a:chOff x="0" y="0"/>
                        <a:chExt cx="8185570" cy="12230120"/>
                      </a:xfrm>
                    </wpg:grpSpPr>
                    <wps:wsp>
                      <wps:cNvPr id="1" name="Freeform: Shape 10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/>
                      <wps:spPr>
                        <a:xfrm rot="10800000" flipH="1">
                          <a:off x="3920067" y="0"/>
                          <a:ext cx="4063454" cy="4010114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4 w 2647519"/>
                            <a:gd name="connsiteY9" fmla="*/ 2520821 h 2612594"/>
                            <a:gd name="connsiteX10" fmla="*/ 1643880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3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2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3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4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6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1 w 2647519"/>
                            <a:gd name="connsiteY143" fmla="*/ 2265793 h 2612594"/>
                            <a:gd name="connsiteX144" fmla="*/ 2099802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80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61 w 2647519"/>
                            <a:gd name="connsiteY154" fmla="*/ 2217358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6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5 h 2612594"/>
                            <a:gd name="connsiteX166" fmla="*/ 477272 w 2647519"/>
                            <a:gd name="connsiteY166" fmla="*/ 2155822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78787 w 2647519"/>
                            <a:gd name="connsiteY180" fmla="*/ 2272865 h 2612594"/>
                            <a:gd name="connsiteX181" fmla="*/ 482130 w 2647519"/>
                            <a:gd name="connsiteY181" fmla="*/ 2274569 h 2612594"/>
                            <a:gd name="connsiteX182" fmla="*/ 492608 w 2647519"/>
                            <a:gd name="connsiteY182" fmla="*/ 2265997 h 2612594"/>
                            <a:gd name="connsiteX183" fmla="*/ 583095 w 2647519"/>
                            <a:gd name="connsiteY183" fmla="*/ 2337434 h 2612594"/>
                            <a:gd name="connsiteX184" fmla="*/ 564998 w 2647519"/>
                            <a:gd name="connsiteY184" fmla="*/ 2343149 h 2612594"/>
                            <a:gd name="connsiteX185" fmla="*/ 571665 w 2647519"/>
                            <a:gd name="connsiteY185" fmla="*/ 2347912 h 2612594"/>
                            <a:gd name="connsiteX186" fmla="*/ 544995 w 2647519"/>
                            <a:gd name="connsiteY186" fmla="*/ 2348864 h 2612594"/>
                            <a:gd name="connsiteX187" fmla="*/ 527850 w 2647519"/>
                            <a:gd name="connsiteY187" fmla="*/ 2337434 h 2612594"/>
                            <a:gd name="connsiteX188" fmla="*/ 511658 w 2647519"/>
                            <a:gd name="connsiteY188" fmla="*/ 2325052 h 2612594"/>
                            <a:gd name="connsiteX189" fmla="*/ 471653 w 2647519"/>
                            <a:gd name="connsiteY189" fmla="*/ 2291714 h 2612594"/>
                            <a:gd name="connsiteX190" fmla="*/ 434505 w 2647519"/>
                            <a:gd name="connsiteY190" fmla="*/ 2258377 h 2612594"/>
                            <a:gd name="connsiteX191" fmla="*/ 400215 w 2647519"/>
                            <a:gd name="connsiteY191" fmla="*/ 2225039 h 2612594"/>
                            <a:gd name="connsiteX192" fmla="*/ 384023 w 2647519"/>
                            <a:gd name="connsiteY192" fmla="*/ 2208847 h 2612594"/>
                            <a:gd name="connsiteX193" fmla="*/ 368783 w 2647519"/>
                            <a:gd name="connsiteY193" fmla="*/ 2191702 h 2612594"/>
                            <a:gd name="connsiteX194" fmla="*/ 374498 w 2647519"/>
                            <a:gd name="connsiteY194" fmla="*/ 2184082 h 2612594"/>
                            <a:gd name="connsiteX195" fmla="*/ 393548 w 2647519"/>
                            <a:gd name="connsiteY195" fmla="*/ 2201227 h 2612594"/>
                            <a:gd name="connsiteX196" fmla="*/ 414503 w 2647519"/>
                            <a:gd name="connsiteY196" fmla="*/ 2217419 h 2612594"/>
                            <a:gd name="connsiteX197" fmla="*/ 440220 w 2647519"/>
                            <a:gd name="connsiteY197" fmla="*/ 2245042 h 2612594"/>
                            <a:gd name="connsiteX198" fmla="*/ 442406 w 2647519"/>
                            <a:gd name="connsiteY198" fmla="*/ 2246917 h 2612594"/>
                            <a:gd name="connsiteX199" fmla="*/ 414503 w 2647519"/>
                            <a:gd name="connsiteY199" fmla="*/ 2217419 h 2612594"/>
                            <a:gd name="connsiteX200" fmla="*/ 394500 w 2647519"/>
                            <a:gd name="connsiteY200" fmla="*/ 2201227 h 2612594"/>
                            <a:gd name="connsiteX201" fmla="*/ 375450 w 2647519"/>
                            <a:gd name="connsiteY201" fmla="*/ 2184082 h 2612594"/>
                            <a:gd name="connsiteX202" fmla="*/ 354495 w 2647519"/>
                            <a:gd name="connsiteY202" fmla="*/ 2158364 h 2612594"/>
                            <a:gd name="connsiteX203" fmla="*/ 334493 w 2647519"/>
                            <a:gd name="connsiteY203" fmla="*/ 2131694 h 2612594"/>
                            <a:gd name="connsiteX204" fmla="*/ 2432850 w 2647519"/>
                            <a:gd name="connsiteY204" fmla="*/ 1980247 h 2612594"/>
                            <a:gd name="connsiteX205" fmla="*/ 2432367 w 2647519"/>
                            <a:gd name="connsiteY205" fmla="*/ 1980454 h 2612594"/>
                            <a:gd name="connsiteX206" fmla="*/ 2421964 w 2647519"/>
                            <a:gd name="connsiteY206" fmla="*/ 2005422 h 2612594"/>
                            <a:gd name="connsiteX207" fmla="*/ 2422850 w 2647519"/>
                            <a:gd name="connsiteY207" fmla="*/ 1860918 h 2612594"/>
                            <a:gd name="connsiteX208" fmla="*/ 2397608 w 2647519"/>
                            <a:gd name="connsiteY208" fmla="*/ 1897379 h 2612594"/>
                            <a:gd name="connsiteX209" fmla="*/ 2385225 w 2647519"/>
                            <a:gd name="connsiteY209" fmla="*/ 1920239 h 2612594"/>
                            <a:gd name="connsiteX210" fmla="*/ 2372843 w 2647519"/>
                            <a:gd name="connsiteY210" fmla="*/ 1941194 h 2612594"/>
                            <a:gd name="connsiteX211" fmla="*/ 2343315 w 2647519"/>
                            <a:gd name="connsiteY211" fmla="*/ 1980247 h 2612594"/>
                            <a:gd name="connsiteX212" fmla="*/ 2317598 w 2647519"/>
                            <a:gd name="connsiteY212" fmla="*/ 2019299 h 2612594"/>
                            <a:gd name="connsiteX213" fmla="*/ 2294738 w 2647519"/>
                            <a:gd name="connsiteY213" fmla="*/ 2050732 h 2612594"/>
                            <a:gd name="connsiteX214" fmla="*/ 2292832 w 2647519"/>
                            <a:gd name="connsiteY214" fmla="*/ 2051897 h 2612594"/>
                            <a:gd name="connsiteX215" fmla="*/ 2291272 w 2647519"/>
                            <a:gd name="connsiteY215" fmla="*/ 2054208 h 2612594"/>
                            <a:gd name="connsiteX216" fmla="*/ 2293785 w 2647519"/>
                            <a:gd name="connsiteY216" fmla="*/ 2052637 h 2612594"/>
                            <a:gd name="connsiteX217" fmla="*/ 2316645 w 2647519"/>
                            <a:gd name="connsiteY217" fmla="*/ 2021205 h 2612594"/>
                            <a:gd name="connsiteX218" fmla="*/ 2342363 w 2647519"/>
                            <a:gd name="connsiteY218" fmla="*/ 1982152 h 2612594"/>
                            <a:gd name="connsiteX219" fmla="*/ 2371890 w 2647519"/>
                            <a:gd name="connsiteY219" fmla="*/ 1943100 h 2612594"/>
                            <a:gd name="connsiteX220" fmla="*/ 2384273 w 2647519"/>
                            <a:gd name="connsiteY220" fmla="*/ 1922145 h 2612594"/>
                            <a:gd name="connsiteX221" fmla="*/ 2396655 w 2647519"/>
                            <a:gd name="connsiteY221" fmla="*/ 1899285 h 2612594"/>
                            <a:gd name="connsiteX222" fmla="*/ 2422373 w 2647519"/>
                            <a:gd name="connsiteY222" fmla="*/ 1862137 h 2612594"/>
                            <a:gd name="connsiteX223" fmla="*/ 2521433 w 2647519"/>
                            <a:gd name="connsiteY223" fmla="*/ 1847850 h 2612594"/>
                            <a:gd name="connsiteX224" fmla="*/ 2509050 w 2647519"/>
                            <a:gd name="connsiteY224" fmla="*/ 1884997 h 2612594"/>
                            <a:gd name="connsiteX225" fmla="*/ 2487143 w 2647519"/>
                            <a:gd name="connsiteY225" fmla="*/ 1925002 h 2612594"/>
                            <a:gd name="connsiteX226" fmla="*/ 2465235 w 2647519"/>
                            <a:gd name="connsiteY226" fmla="*/ 1965960 h 2612594"/>
                            <a:gd name="connsiteX227" fmla="*/ 2445233 w 2647519"/>
                            <a:gd name="connsiteY227" fmla="*/ 1991677 h 2612594"/>
                            <a:gd name="connsiteX228" fmla="*/ 2458568 w 2647519"/>
                            <a:gd name="connsiteY228" fmla="*/ 1965007 h 2612594"/>
                            <a:gd name="connsiteX229" fmla="*/ 2469998 w 2647519"/>
                            <a:gd name="connsiteY229" fmla="*/ 1938337 h 2612594"/>
                            <a:gd name="connsiteX230" fmla="*/ 2478570 w 2647519"/>
                            <a:gd name="connsiteY230" fmla="*/ 1924050 h 2612594"/>
                            <a:gd name="connsiteX231" fmla="*/ 2490000 w 2647519"/>
                            <a:gd name="connsiteY231" fmla="*/ 1905000 h 2612594"/>
                            <a:gd name="connsiteX232" fmla="*/ 2500478 w 2647519"/>
                            <a:gd name="connsiteY232" fmla="*/ 1885950 h 2612594"/>
                            <a:gd name="connsiteX233" fmla="*/ 2521433 w 2647519"/>
                            <a:gd name="connsiteY233" fmla="*/ 1847850 h 2612594"/>
                            <a:gd name="connsiteX234" fmla="*/ 2459780 w 2647519"/>
                            <a:gd name="connsiteY234" fmla="*/ 1766202 h 2612594"/>
                            <a:gd name="connsiteX235" fmla="*/ 2436660 w 2647519"/>
                            <a:gd name="connsiteY235" fmla="*/ 1806892 h 2612594"/>
                            <a:gd name="connsiteX236" fmla="*/ 2436235 w 2647519"/>
                            <a:gd name="connsiteY236" fmla="*/ 1807870 h 2612594"/>
                            <a:gd name="connsiteX237" fmla="*/ 2459520 w 2647519"/>
                            <a:gd name="connsiteY237" fmla="*/ 1766887 h 2612594"/>
                            <a:gd name="connsiteX238" fmla="*/ 2472460 w 2647519"/>
                            <a:gd name="connsiteY238" fmla="*/ 1674043 h 2612594"/>
                            <a:gd name="connsiteX239" fmla="*/ 2444672 w 2647519"/>
                            <a:gd name="connsiteY239" fmla="*/ 1749965 h 2612594"/>
                            <a:gd name="connsiteX240" fmla="*/ 2386218 w 2647519"/>
                            <a:gd name="connsiteY240" fmla="*/ 1869449 h 2612594"/>
                            <a:gd name="connsiteX241" fmla="*/ 2377660 w 2647519"/>
                            <a:gd name="connsiteY241" fmla="*/ 1882980 h 2612594"/>
                            <a:gd name="connsiteX242" fmla="*/ 2377605 w 2647519"/>
                            <a:gd name="connsiteY242" fmla="*/ 1883092 h 2612594"/>
                            <a:gd name="connsiteX243" fmla="*/ 2357602 w 2647519"/>
                            <a:gd name="connsiteY243" fmla="*/ 1917382 h 2612594"/>
                            <a:gd name="connsiteX244" fmla="*/ 2337600 w 2647519"/>
                            <a:gd name="connsiteY244" fmla="*/ 1954530 h 2612594"/>
                            <a:gd name="connsiteX245" fmla="*/ 2314740 w 2647519"/>
                            <a:gd name="connsiteY245" fmla="*/ 1983105 h 2612594"/>
                            <a:gd name="connsiteX246" fmla="*/ 2295690 w 2647519"/>
                            <a:gd name="connsiteY246" fmla="*/ 2015490 h 2612594"/>
                            <a:gd name="connsiteX247" fmla="*/ 2183295 w 2647519"/>
                            <a:gd name="connsiteY247" fmla="*/ 2142172 h 2612594"/>
                            <a:gd name="connsiteX248" fmla="*/ 2146147 w 2647519"/>
                            <a:gd name="connsiteY248" fmla="*/ 2173605 h 2612594"/>
                            <a:gd name="connsiteX249" fmla="*/ 2142583 w 2647519"/>
                            <a:gd name="connsiteY249" fmla="*/ 2176315 h 2612594"/>
                            <a:gd name="connsiteX250" fmla="*/ 2141046 w 2647519"/>
                            <a:gd name="connsiteY250" fmla="*/ 2177871 h 2612594"/>
                            <a:gd name="connsiteX251" fmla="*/ 2125512 w 2647519"/>
                            <a:gd name="connsiteY251" fmla="*/ 2190534 h 2612594"/>
                            <a:gd name="connsiteX252" fmla="*/ 2112810 w 2647519"/>
                            <a:gd name="connsiteY252" fmla="*/ 2205037 h 2612594"/>
                            <a:gd name="connsiteX253" fmla="*/ 2066137 w 2647519"/>
                            <a:gd name="connsiteY253" fmla="*/ 2240280 h 2612594"/>
                            <a:gd name="connsiteX254" fmla="*/ 2058824 w 2647519"/>
                            <a:gd name="connsiteY254" fmla="*/ 2244900 h 2612594"/>
                            <a:gd name="connsiteX255" fmla="*/ 2038960 w 2647519"/>
                            <a:gd name="connsiteY255" fmla="*/ 2261093 h 2612594"/>
                            <a:gd name="connsiteX256" fmla="*/ 2036092 w 2647519"/>
                            <a:gd name="connsiteY256" fmla="*/ 2262956 h 2612594"/>
                            <a:gd name="connsiteX257" fmla="*/ 2031847 w 2647519"/>
                            <a:gd name="connsiteY257" fmla="*/ 2266950 h 2612594"/>
                            <a:gd name="connsiteX258" fmla="*/ 1994700 w 2647519"/>
                            <a:gd name="connsiteY258" fmla="*/ 2291715 h 2612594"/>
                            <a:gd name="connsiteX259" fmla="*/ 1957552 w 2647519"/>
                            <a:gd name="connsiteY259" fmla="*/ 2314575 h 2612594"/>
                            <a:gd name="connsiteX260" fmla="*/ 1953300 w 2647519"/>
                            <a:gd name="connsiteY260" fmla="*/ 2316730 h 2612594"/>
                            <a:gd name="connsiteX261" fmla="*/ 1928148 w 2647519"/>
                            <a:gd name="connsiteY261" fmla="*/ 2333067 h 2612594"/>
                            <a:gd name="connsiteX262" fmla="*/ 1920351 w 2647519"/>
                            <a:gd name="connsiteY262" fmla="*/ 2337000 h 2612594"/>
                            <a:gd name="connsiteX263" fmla="*/ 1912785 w 2647519"/>
                            <a:gd name="connsiteY263" fmla="*/ 2342197 h 2612594"/>
                            <a:gd name="connsiteX264" fmla="*/ 1887067 w 2647519"/>
                            <a:gd name="connsiteY264" fmla="*/ 2356485 h 2612594"/>
                            <a:gd name="connsiteX265" fmla="*/ 1863038 w 2647519"/>
                            <a:gd name="connsiteY265" fmla="*/ 2365909 h 2612594"/>
                            <a:gd name="connsiteX266" fmla="*/ 1809483 w 2647519"/>
                            <a:gd name="connsiteY266" fmla="*/ 2392922 h 2612594"/>
                            <a:gd name="connsiteX267" fmla="*/ 1683836 w 2647519"/>
                            <a:gd name="connsiteY267" fmla="*/ 2439784 h 2612594"/>
                            <a:gd name="connsiteX268" fmla="*/ 1596280 w 2647519"/>
                            <a:gd name="connsiteY268" fmla="*/ 2462297 h 2612594"/>
                            <a:gd name="connsiteX269" fmla="*/ 1667040 w 2647519"/>
                            <a:gd name="connsiteY269" fmla="*/ 2448877 h 2612594"/>
                            <a:gd name="connsiteX270" fmla="*/ 1680375 w 2647519"/>
                            <a:gd name="connsiteY270" fmla="*/ 2446019 h 2612594"/>
                            <a:gd name="connsiteX271" fmla="*/ 1723237 w 2647519"/>
                            <a:gd name="connsiteY271" fmla="*/ 2430779 h 2612594"/>
                            <a:gd name="connsiteX272" fmla="*/ 1749907 w 2647519"/>
                            <a:gd name="connsiteY272" fmla="*/ 2422207 h 2612594"/>
                            <a:gd name="connsiteX273" fmla="*/ 1792770 w 2647519"/>
                            <a:gd name="connsiteY273" fmla="*/ 2400299 h 2612594"/>
                            <a:gd name="connsiteX274" fmla="*/ 1841347 w 2647519"/>
                            <a:gd name="connsiteY274" fmla="*/ 2383154 h 2612594"/>
                            <a:gd name="connsiteX275" fmla="*/ 1872470 w 2647519"/>
                            <a:gd name="connsiteY275" fmla="*/ 2370949 h 2612594"/>
                            <a:gd name="connsiteX276" fmla="*/ 1886115 w 2647519"/>
                            <a:gd name="connsiteY276" fmla="*/ 2363152 h 2612594"/>
                            <a:gd name="connsiteX277" fmla="*/ 1898496 w 2647519"/>
                            <a:gd name="connsiteY277" fmla="*/ 2359343 h 2612594"/>
                            <a:gd name="connsiteX278" fmla="*/ 1915642 w 2647519"/>
                            <a:gd name="connsiteY278" fmla="*/ 2349817 h 2612594"/>
                            <a:gd name="connsiteX279" fmla="*/ 1920147 w 2647519"/>
                            <a:gd name="connsiteY279" fmla="*/ 2346686 h 2612594"/>
                            <a:gd name="connsiteX280" fmla="*/ 1931835 w 2647519"/>
                            <a:gd name="connsiteY280" fmla="*/ 2335530 h 2612594"/>
                            <a:gd name="connsiteX281" fmla="*/ 1957552 w 2647519"/>
                            <a:gd name="connsiteY281" fmla="*/ 2320290 h 2612594"/>
                            <a:gd name="connsiteX282" fmla="*/ 1986810 w 2647519"/>
                            <a:gd name="connsiteY282" fmla="*/ 2305948 h 2612594"/>
                            <a:gd name="connsiteX283" fmla="*/ 1997557 w 2647519"/>
                            <a:gd name="connsiteY283" fmla="*/ 2299334 h 2612594"/>
                            <a:gd name="connsiteX284" fmla="*/ 2034705 w 2647519"/>
                            <a:gd name="connsiteY284" fmla="*/ 2274569 h 2612594"/>
                            <a:gd name="connsiteX285" fmla="*/ 2050897 w 2647519"/>
                            <a:gd name="connsiteY285" fmla="*/ 2259329 h 2612594"/>
                            <a:gd name="connsiteX286" fmla="*/ 2068995 w 2647519"/>
                            <a:gd name="connsiteY286" fmla="*/ 2247899 h 2612594"/>
                            <a:gd name="connsiteX287" fmla="*/ 2115667 w 2647519"/>
                            <a:gd name="connsiteY287" fmla="*/ 2212657 h 2612594"/>
                            <a:gd name="connsiteX288" fmla="*/ 2149005 w 2647519"/>
                            <a:gd name="connsiteY288" fmla="*/ 2181224 h 2612594"/>
                            <a:gd name="connsiteX289" fmla="*/ 2186152 w 2647519"/>
                            <a:gd name="connsiteY289" fmla="*/ 2149792 h 2612594"/>
                            <a:gd name="connsiteX290" fmla="*/ 2298547 w 2647519"/>
                            <a:gd name="connsiteY290" fmla="*/ 2023109 h 2612594"/>
                            <a:gd name="connsiteX291" fmla="*/ 2314015 w 2647519"/>
                            <a:gd name="connsiteY291" fmla="*/ 1996814 h 2612594"/>
                            <a:gd name="connsiteX292" fmla="*/ 2314740 w 2647519"/>
                            <a:gd name="connsiteY292" fmla="*/ 1994534 h 2612594"/>
                            <a:gd name="connsiteX293" fmla="*/ 2339505 w 2647519"/>
                            <a:gd name="connsiteY293" fmla="*/ 1956434 h 2612594"/>
                            <a:gd name="connsiteX294" fmla="*/ 2347125 w 2647519"/>
                            <a:gd name="connsiteY294" fmla="*/ 1945004 h 2612594"/>
                            <a:gd name="connsiteX295" fmla="*/ 2357257 w 2647519"/>
                            <a:gd name="connsiteY295" fmla="*/ 1930951 h 2612594"/>
                            <a:gd name="connsiteX296" fmla="*/ 2360460 w 2647519"/>
                            <a:gd name="connsiteY296" fmla="*/ 1925002 h 2612594"/>
                            <a:gd name="connsiteX297" fmla="*/ 2380462 w 2647519"/>
                            <a:gd name="connsiteY297" fmla="*/ 1890712 h 2612594"/>
                            <a:gd name="connsiteX298" fmla="*/ 2419515 w 2647519"/>
                            <a:gd name="connsiteY298" fmla="*/ 1809749 h 2612594"/>
                            <a:gd name="connsiteX299" fmla="*/ 2457615 w 2647519"/>
                            <a:gd name="connsiteY299" fmla="*/ 1723072 h 2612594"/>
                            <a:gd name="connsiteX300" fmla="*/ 2468807 w 2647519"/>
                            <a:gd name="connsiteY300" fmla="*/ 1687829 h 2612594"/>
                            <a:gd name="connsiteX301" fmla="*/ 2576677 w 2647519"/>
                            <a:gd name="connsiteY301" fmla="*/ 1589722 h 2612594"/>
                            <a:gd name="connsiteX302" fmla="*/ 2573820 w 2647519"/>
                            <a:gd name="connsiteY302" fmla="*/ 1591627 h 2612594"/>
                            <a:gd name="connsiteX303" fmla="*/ 2573820 w 2647519"/>
                            <a:gd name="connsiteY303" fmla="*/ 1591627 h 2612594"/>
                            <a:gd name="connsiteX304" fmla="*/ 2585674 w 2647519"/>
                            <a:gd name="connsiteY304" fmla="*/ 1533271 h 2612594"/>
                            <a:gd name="connsiteX305" fmla="*/ 2585332 w 2647519"/>
                            <a:gd name="connsiteY305" fmla="*/ 1534956 h 2612594"/>
                            <a:gd name="connsiteX306" fmla="*/ 2588107 w 2647519"/>
                            <a:gd name="connsiteY306" fmla="*/ 1538287 h 2612594"/>
                            <a:gd name="connsiteX307" fmla="*/ 2596680 w 2647519"/>
                            <a:gd name="connsiteY307" fmla="*/ 1547812 h 2612594"/>
                            <a:gd name="connsiteX308" fmla="*/ 2602395 w 2647519"/>
                            <a:gd name="connsiteY308" fmla="*/ 1544002 h 2612594"/>
                            <a:gd name="connsiteX309" fmla="*/ 2602539 w 2647519"/>
                            <a:gd name="connsiteY309" fmla="*/ 1543271 h 2612594"/>
                            <a:gd name="connsiteX310" fmla="*/ 2598585 w 2647519"/>
                            <a:gd name="connsiteY310" fmla="*/ 1545907 h 2612594"/>
                            <a:gd name="connsiteX311" fmla="*/ 2589060 w 2647519"/>
                            <a:gd name="connsiteY311" fmla="*/ 1537334 h 2612594"/>
                            <a:gd name="connsiteX312" fmla="*/ 2577184 w 2647519"/>
                            <a:gd name="connsiteY312" fmla="*/ 1425070 h 2612594"/>
                            <a:gd name="connsiteX313" fmla="*/ 2576519 w 2647519"/>
                            <a:gd name="connsiteY313" fmla="*/ 1425107 h 2612594"/>
                            <a:gd name="connsiteX314" fmla="*/ 2575314 w 2647519"/>
                            <a:gd name="connsiteY314" fmla="*/ 1425174 h 2612594"/>
                            <a:gd name="connsiteX315" fmla="*/ 2575725 w 2647519"/>
                            <a:gd name="connsiteY315" fmla="*/ 1429702 h 2612594"/>
                            <a:gd name="connsiteX316" fmla="*/ 2574773 w 2647519"/>
                            <a:gd name="connsiteY316" fmla="*/ 1453515 h 2612594"/>
                            <a:gd name="connsiteX317" fmla="*/ 2570963 w 2647519"/>
                            <a:gd name="connsiteY317" fmla="*/ 1467802 h 2612594"/>
                            <a:gd name="connsiteX318" fmla="*/ 2548103 w 2647519"/>
                            <a:gd name="connsiteY318" fmla="*/ 1503997 h 2612594"/>
                            <a:gd name="connsiteX319" fmla="*/ 2542388 w 2647519"/>
                            <a:gd name="connsiteY319" fmla="*/ 1535430 h 2612594"/>
                            <a:gd name="connsiteX320" fmla="*/ 2536673 w 2647519"/>
                            <a:gd name="connsiteY320" fmla="*/ 1545907 h 2612594"/>
                            <a:gd name="connsiteX321" fmla="*/ 2527148 w 2647519"/>
                            <a:gd name="connsiteY321" fmla="*/ 1591627 h 2612594"/>
                            <a:gd name="connsiteX322" fmla="*/ 2516670 w 2647519"/>
                            <a:gd name="connsiteY322" fmla="*/ 1627822 h 2612594"/>
                            <a:gd name="connsiteX323" fmla="*/ 2505240 w 2647519"/>
                            <a:gd name="connsiteY323" fmla="*/ 1663065 h 2612594"/>
                            <a:gd name="connsiteX324" fmla="*/ 2498573 w 2647519"/>
                            <a:gd name="connsiteY324" fmla="*/ 1690687 h 2612594"/>
                            <a:gd name="connsiteX325" fmla="*/ 2490953 w 2647519"/>
                            <a:gd name="connsiteY325" fmla="*/ 1719262 h 2612594"/>
                            <a:gd name="connsiteX326" fmla="*/ 2497030 w 2647519"/>
                            <a:gd name="connsiteY326" fmla="*/ 1709810 h 2612594"/>
                            <a:gd name="connsiteX327" fmla="*/ 2502383 w 2647519"/>
                            <a:gd name="connsiteY327" fmla="*/ 1689734 h 2612594"/>
                            <a:gd name="connsiteX328" fmla="*/ 2507145 w 2647519"/>
                            <a:gd name="connsiteY328" fmla="*/ 1661159 h 2612594"/>
                            <a:gd name="connsiteX329" fmla="*/ 2518575 w 2647519"/>
                            <a:gd name="connsiteY329" fmla="*/ 1625917 h 2612594"/>
                            <a:gd name="connsiteX330" fmla="*/ 2529053 w 2647519"/>
                            <a:gd name="connsiteY330" fmla="*/ 1589722 h 2612594"/>
                            <a:gd name="connsiteX331" fmla="*/ 2538578 w 2647519"/>
                            <a:gd name="connsiteY331" fmla="*/ 1544002 h 2612594"/>
                            <a:gd name="connsiteX332" fmla="*/ 2544293 w 2647519"/>
                            <a:gd name="connsiteY332" fmla="*/ 1533524 h 2612594"/>
                            <a:gd name="connsiteX333" fmla="*/ 2550008 w 2647519"/>
                            <a:gd name="connsiteY333" fmla="*/ 1502092 h 2612594"/>
                            <a:gd name="connsiteX334" fmla="*/ 2572868 w 2647519"/>
                            <a:gd name="connsiteY334" fmla="*/ 1465897 h 2612594"/>
                            <a:gd name="connsiteX335" fmla="*/ 2557628 w 2647519"/>
                            <a:gd name="connsiteY335" fmla="*/ 1539239 h 2612594"/>
                            <a:gd name="connsiteX336" fmla="*/ 2546198 w 2647519"/>
                            <a:gd name="connsiteY336" fmla="*/ 1600199 h 2612594"/>
                            <a:gd name="connsiteX337" fmla="*/ 2520480 w 2647519"/>
                            <a:gd name="connsiteY337" fmla="*/ 1678304 h 2612594"/>
                            <a:gd name="connsiteX338" fmla="*/ 2515393 w 2647519"/>
                            <a:gd name="connsiteY338" fmla="*/ 1686218 h 2612594"/>
                            <a:gd name="connsiteX339" fmla="*/ 2513218 w 2647519"/>
                            <a:gd name="connsiteY339" fmla="*/ 1698069 h 2612594"/>
                            <a:gd name="connsiteX340" fmla="*/ 2506193 w 2647519"/>
                            <a:gd name="connsiteY340" fmla="*/ 1718310 h 2612594"/>
                            <a:gd name="connsiteX341" fmla="*/ 2479523 w 2647519"/>
                            <a:gd name="connsiteY341" fmla="*/ 1776412 h 2612594"/>
                            <a:gd name="connsiteX342" fmla="*/ 2467140 w 2647519"/>
                            <a:gd name="connsiteY342" fmla="*/ 1806892 h 2612594"/>
                            <a:gd name="connsiteX343" fmla="*/ 2459520 w 2647519"/>
                            <a:gd name="connsiteY343" fmla="*/ 1823085 h 2612594"/>
                            <a:gd name="connsiteX344" fmla="*/ 2449995 w 2647519"/>
                            <a:gd name="connsiteY344" fmla="*/ 1840230 h 2612594"/>
                            <a:gd name="connsiteX345" fmla="*/ 2424278 w 2647519"/>
                            <a:gd name="connsiteY345" fmla="*/ 1885950 h 2612594"/>
                            <a:gd name="connsiteX346" fmla="*/ 2396655 w 2647519"/>
                            <a:gd name="connsiteY346" fmla="*/ 1930717 h 2612594"/>
                            <a:gd name="connsiteX347" fmla="*/ 2361413 w 2647519"/>
                            <a:gd name="connsiteY347" fmla="*/ 1990725 h 2612594"/>
                            <a:gd name="connsiteX348" fmla="*/ 2322360 w 2647519"/>
                            <a:gd name="connsiteY348" fmla="*/ 2049780 h 2612594"/>
                            <a:gd name="connsiteX349" fmla="*/ 2296643 w 2647519"/>
                            <a:gd name="connsiteY349" fmla="*/ 2083117 h 2612594"/>
                            <a:gd name="connsiteX350" fmla="*/ 2269020 w 2647519"/>
                            <a:gd name="connsiteY350" fmla="*/ 2115502 h 2612594"/>
                            <a:gd name="connsiteX351" fmla="*/ 2259495 w 2647519"/>
                            <a:gd name="connsiteY351" fmla="*/ 2128837 h 2612594"/>
                            <a:gd name="connsiteX352" fmla="*/ 2249018 w 2647519"/>
                            <a:gd name="connsiteY352" fmla="*/ 2142172 h 2612594"/>
                            <a:gd name="connsiteX353" fmla="*/ 2232825 w 2647519"/>
                            <a:gd name="connsiteY353" fmla="*/ 2155507 h 2612594"/>
                            <a:gd name="connsiteX354" fmla="*/ 2206342 w 2647519"/>
                            <a:gd name="connsiteY354" fmla="*/ 2184829 h 2612594"/>
                            <a:gd name="connsiteX355" fmla="*/ 2207107 w 2647519"/>
                            <a:gd name="connsiteY355" fmla="*/ 2187892 h 2612594"/>
                            <a:gd name="connsiteX356" fmla="*/ 2179485 w 2647519"/>
                            <a:gd name="connsiteY356" fmla="*/ 2216467 h 2612594"/>
                            <a:gd name="connsiteX357" fmla="*/ 2149957 w 2647519"/>
                            <a:gd name="connsiteY357" fmla="*/ 2237422 h 2612594"/>
                            <a:gd name="connsiteX358" fmla="*/ 2126145 w 2647519"/>
                            <a:gd name="connsiteY358" fmla="*/ 2256472 h 2612594"/>
                            <a:gd name="connsiteX359" fmla="*/ 2103587 w 2647519"/>
                            <a:gd name="connsiteY359" fmla="*/ 2272957 h 2612594"/>
                            <a:gd name="connsiteX360" fmla="*/ 2107095 w 2647519"/>
                            <a:gd name="connsiteY360" fmla="*/ 2272665 h 2612594"/>
                            <a:gd name="connsiteX361" fmla="*/ 2131860 w 2647519"/>
                            <a:gd name="connsiteY361" fmla="*/ 2254567 h 2612594"/>
                            <a:gd name="connsiteX362" fmla="*/ 2155673 w 2647519"/>
                            <a:gd name="connsiteY362" fmla="*/ 2235517 h 2612594"/>
                            <a:gd name="connsiteX363" fmla="*/ 2185200 w 2647519"/>
                            <a:gd name="connsiteY363" fmla="*/ 2214562 h 2612594"/>
                            <a:gd name="connsiteX364" fmla="*/ 2212823 w 2647519"/>
                            <a:gd name="connsiteY364" fmla="*/ 2185987 h 2612594"/>
                            <a:gd name="connsiteX365" fmla="*/ 2211870 w 2647519"/>
                            <a:gd name="connsiteY365" fmla="*/ 2182177 h 2612594"/>
                            <a:gd name="connsiteX366" fmla="*/ 2238540 w 2647519"/>
                            <a:gd name="connsiteY366" fmla="*/ 2152650 h 2612594"/>
                            <a:gd name="connsiteX367" fmla="*/ 2254733 w 2647519"/>
                            <a:gd name="connsiteY367" fmla="*/ 2139315 h 2612594"/>
                            <a:gd name="connsiteX368" fmla="*/ 2265210 w 2647519"/>
                            <a:gd name="connsiteY368" fmla="*/ 2125980 h 2612594"/>
                            <a:gd name="connsiteX369" fmla="*/ 2274735 w 2647519"/>
                            <a:gd name="connsiteY369" fmla="*/ 2112645 h 2612594"/>
                            <a:gd name="connsiteX370" fmla="*/ 2302358 w 2647519"/>
                            <a:gd name="connsiteY370" fmla="*/ 2080260 h 2612594"/>
                            <a:gd name="connsiteX371" fmla="*/ 2328075 w 2647519"/>
                            <a:gd name="connsiteY371" fmla="*/ 2046922 h 2612594"/>
                            <a:gd name="connsiteX372" fmla="*/ 2367128 w 2647519"/>
                            <a:gd name="connsiteY372" fmla="*/ 1987867 h 2612594"/>
                            <a:gd name="connsiteX373" fmla="*/ 2402370 w 2647519"/>
                            <a:gd name="connsiteY373" fmla="*/ 1927860 h 2612594"/>
                            <a:gd name="connsiteX374" fmla="*/ 2429993 w 2647519"/>
                            <a:gd name="connsiteY374" fmla="*/ 1883092 h 2612594"/>
                            <a:gd name="connsiteX375" fmla="*/ 2455710 w 2647519"/>
                            <a:gd name="connsiteY375" fmla="*/ 1837372 h 2612594"/>
                            <a:gd name="connsiteX376" fmla="*/ 2465235 w 2647519"/>
                            <a:gd name="connsiteY376" fmla="*/ 1820227 h 2612594"/>
                            <a:gd name="connsiteX377" fmla="*/ 2472855 w 2647519"/>
                            <a:gd name="connsiteY377" fmla="*/ 1804035 h 2612594"/>
                            <a:gd name="connsiteX378" fmla="*/ 2485238 w 2647519"/>
                            <a:gd name="connsiteY378" fmla="*/ 1773555 h 2612594"/>
                            <a:gd name="connsiteX379" fmla="*/ 2511908 w 2647519"/>
                            <a:gd name="connsiteY379" fmla="*/ 1715452 h 2612594"/>
                            <a:gd name="connsiteX380" fmla="*/ 2522385 w 2647519"/>
                            <a:gd name="connsiteY380" fmla="*/ 1676400 h 2612594"/>
                            <a:gd name="connsiteX381" fmla="*/ 2548103 w 2647519"/>
                            <a:gd name="connsiteY381" fmla="*/ 1598295 h 2612594"/>
                            <a:gd name="connsiteX382" fmla="*/ 2559533 w 2647519"/>
                            <a:gd name="connsiteY382" fmla="*/ 1537335 h 2612594"/>
                            <a:gd name="connsiteX383" fmla="*/ 2574773 w 2647519"/>
                            <a:gd name="connsiteY383" fmla="*/ 1463992 h 2612594"/>
                            <a:gd name="connsiteX384" fmla="*/ 2578209 w 2647519"/>
                            <a:gd name="connsiteY384" fmla="*/ 1451109 h 2612594"/>
                            <a:gd name="connsiteX385" fmla="*/ 2575725 w 2647519"/>
                            <a:gd name="connsiteY385" fmla="*/ 1450657 h 2612594"/>
                            <a:gd name="connsiteX386" fmla="*/ 2576677 w 2647519"/>
                            <a:gd name="connsiteY386" fmla="*/ 1426845 h 2612594"/>
                            <a:gd name="connsiteX387" fmla="*/ 2597632 w 2647519"/>
                            <a:gd name="connsiteY387" fmla="*/ 1404937 h 2612594"/>
                            <a:gd name="connsiteX388" fmla="*/ 2586541 w 2647519"/>
                            <a:gd name="connsiteY388" fmla="*/ 1451152 h 2612594"/>
                            <a:gd name="connsiteX389" fmla="*/ 2586542 w 2647519"/>
                            <a:gd name="connsiteY389" fmla="*/ 1451152 h 2612594"/>
                            <a:gd name="connsiteX390" fmla="*/ 2597633 w 2647519"/>
                            <a:gd name="connsiteY390" fmla="*/ 1404938 h 2612594"/>
                            <a:gd name="connsiteX391" fmla="*/ 2606205 w 2647519"/>
                            <a:gd name="connsiteY391" fmla="*/ 1395412 h 2612594"/>
                            <a:gd name="connsiteX392" fmla="*/ 2600490 w 2647519"/>
                            <a:gd name="connsiteY392" fmla="*/ 1407795 h 2612594"/>
                            <a:gd name="connsiteX393" fmla="*/ 2599181 w 2647519"/>
                            <a:gd name="connsiteY393" fmla="*/ 1433750 h 2612594"/>
                            <a:gd name="connsiteX394" fmla="*/ 2598585 w 2647519"/>
                            <a:gd name="connsiteY394" fmla="*/ 1458277 h 2612594"/>
                            <a:gd name="connsiteX395" fmla="*/ 2589060 w 2647519"/>
                            <a:gd name="connsiteY395" fmla="*/ 1487586 h 2612594"/>
                            <a:gd name="connsiteX396" fmla="*/ 2589060 w 2647519"/>
                            <a:gd name="connsiteY396" fmla="*/ 1490934 h 2612594"/>
                            <a:gd name="connsiteX397" fmla="*/ 2600490 w 2647519"/>
                            <a:gd name="connsiteY397" fmla="*/ 1458277 h 2612594"/>
                            <a:gd name="connsiteX398" fmla="*/ 2602395 w 2647519"/>
                            <a:gd name="connsiteY398" fmla="*/ 1407794 h 2612594"/>
                            <a:gd name="connsiteX399" fmla="*/ 2606836 w 2647519"/>
                            <a:gd name="connsiteY399" fmla="*/ 1398173 h 2612594"/>
                            <a:gd name="connsiteX400" fmla="*/ 2565247 w 2647519"/>
                            <a:gd name="connsiteY400" fmla="*/ 1354454 h 2612594"/>
                            <a:gd name="connsiteX401" fmla="*/ 2559006 w 2647519"/>
                            <a:gd name="connsiteY401" fmla="*/ 1369207 h 2612594"/>
                            <a:gd name="connsiteX402" fmla="*/ 2556675 w 2647519"/>
                            <a:gd name="connsiteY402" fmla="*/ 1390650 h 2612594"/>
                            <a:gd name="connsiteX403" fmla="*/ 2553670 w 2647519"/>
                            <a:gd name="connsiteY403" fmla="*/ 1380633 h 2612594"/>
                            <a:gd name="connsiteX404" fmla="*/ 2552571 w 2647519"/>
                            <a:gd name="connsiteY404" fmla="*/ 1382047 h 2612594"/>
                            <a:gd name="connsiteX405" fmla="*/ 2555723 w 2647519"/>
                            <a:gd name="connsiteY405" fmla="*/ 1392555 h 2612594"/>
                            <a:gd name="connsiteX406" fmla="*/ 2553818 w 2647519"/>
                            <a:gd name="connsiteY406" fmla="*/ 1407795 h 2612594"/>
                            <a:gd name="connsiteX407" fmla="*/ 2557628 w 2647519"/>
                            <a:gd name="connsiteY407" fmla="*/ 1420177 h 2612594"/>
                            <a:gd name="connsiteX408" fmla="*/ 2560581 w 2647519"/>
                            <a:gd name="connsiteY408" fmla="*/ 1420013 h 2612594"/>
                            <a:gd name="connsiteX409" fmla="*/ 2558580 w 2647519"/>
                            <a:gd name="connsiteY409" fmla="*/ 1413509 h 2612594"/>
                            <a:gd name="connsiteX410" fmla="*/ 2560485 w 2647519"/>
                            <a:gd name="connsiteY410" fmla="*/ 1398269 h 2612594"/>
                            <a:gd name="connsiteX411" fmla="*/ 2565247 w 2647519"/>
                            <a:gd name="connsiteY411" fmla="*/ 1354454 h 2612594"/>
                            <a:gd name="connsiteX412" fmla="*/ 2645258 w 2647519"/>
                            <a:gd name="connsiteY412" fmla="*/ 1328737 h 2612594"/>
                            <a:gd name="connsiteX413" fmla="*/ 2647163 w 2647519"/>
                            <a:gd name="connsiteY413" fmla="*/ 1329689 h 2612594"/>
                            <a:gd name="connsiteX414" fmla="*/ 2646210 w 2647519"/>
                            <a:gd name="connsiteY414" fmla="*/ 1369694 h 2612594"/>
                            <a:gd name="connsiteX415" fmla="*/ 2647163 w 2647519"/>
                            <a:gd name="connsiteY415" fmla="*/ 1397317 h 2612594"/>
                            <a:gd name="connsiteX416" fmla="*/ 2644305 w 2647519"/>
                            <a:gd name="connsiteY416" fmla="*/ 1447799 h 2612594"/>
                            <a:gd name="connsiteX417" fmla="*/ 2641448 w 2647519"/>
                            <a:gd name="connsiteY417" fmla="*/ 1476374 h 2612594"/>
                            <a:gd name="connsiteX418" fmla="*/ 2632875 w 2647519"/>
                            <a:gd name="connsiteY418" fmla="*/ 1518284 h 2612594"/>
                            <a:gd name="connsiteX419" fmla="*/ 2630018 w 2647519"/>
                            <a:gd name="connsiteY419" fmla="*/ 1553527 h 2612594"/>
                            <a:gd name="connsiteX420" fmla="*/ 2615730 w 2647519"/>
                            <a:gd name="connsiteY420" fmla="*/ 1618297 h 2612594"/>
                            <a:gd name="connsiteX421" fmla="*/ 2602395 w 2647519"/>
                            <a:gd name="connsiteY421" fmla="*/ 1674494 h 2612594"/>
                            <a:gd name="connsiteX422" fmla="*/ 2578583 w 2647519"/>
                            <a:gd name="connsiteY422" fmla="*/ 1684972 h 2612594"/>
                            <a:gd name="connsiteX423" fmla="*/ 2580488 w 2647519"/>
                            <a:gd name="connsiteY423" fmla="*/ 1679257 h 2612594"/>
                            <a:gd name="connsiteX424" fmla="*/ 2584298 w 2647519"/>
                            <a:gd name="connsiteY424" fmla="*/ 1639252 h 2612594"/>
                            <a:gd name="connsiteX425" fmla="*/ 2598585 w 2647519"/>
                            <a:gd name="connsiteY425" fmla="*/ 1597342 h 2612594"/>
                            <a:gd name="connsiteX426" fmla="*/ 2610015 w 2647519"/>
                            <a:gd name="connsiteY426" fmla="*/ 1590675 h 2612594"/>
                            <a:gd name="connsiteX427" fmla="*/ 2610015 w 2647519"/>
                            <a:gd name="connsiteY427" fmla="*/ 1590674 h 2612594"/>
                            <a:gd name="connsiteX428" fmla="*/ 2622398 w 2647519"/>
                            <a:gd name="connsiteY428" fmla="*/ 1518284 h 2612594"/>
                            <a:gd name="connsiteX429" fmla="*/ 2629065 w 2647519"/>
                            <a:gd name="connsiteY429" fmla="*/ 1483994 h 2612594"/>
                            <a:gd name="connsiteX430" fmla="*/ 2634780 w 2647519"/>
                            <a:gd name="connsiteY430" fmla="*/ 1448752 h 2612594"/>
                            <a:gd name="connsiteX431" fmla="*/ 2639543 w 2647519"/>
                            <a:gd name="connsiteY431" fmla="*/ 1415414 h 2612594"/>
                            <a:gd name="connsiteX432" fmla="*/ 2641448 w 2647519"/>
                            <a:gd name="connsiteY432" fmla="*/ 1383982 h 2612594"/>
                            <a:gd name="connsiteX433" fmla="*/ 2642400 w 2647519"/>
                            <a:gd name="connsiteY433" fmla="*/ 1357312 h 2612594"/>
                            <a:gd name="connsiteX434" fmla="*/ 2644305 w 2647519"/>
                            <a:gd name="connsiteY434" fmla="*/ 1343024 h 2612594"/>
                            <a:gd name="connsiteX435" fmla="*/ 2645258 w 2647519"/>
                            <a:gd name="connsiteY435" fmla="*/ 1328737 h 2612594"/>
                            <a:gd name="connsiteX436" fmla="*/ 134151 w 2647519"/>
                            <a:gd name="connsiteY436" fmla="*/ 887095 h 2612594"/>
                            <a:gd name="connsiteX437" fmla="*/ 134625 w 2647519"/>
                            <a:gd name="connsiteY437" fmla="*/ 887332 h 2612594"/>
                            <a:gd name="connsiteX438" fmla="*/ 134670 w 2647519"/>
                            <a:gd name="connsiteY438" fmla="*/ 887199 h 2612594"/>
                            <a:gd name="connsiteX439" fmla="*/ 191618 w 2647519"/>
                            <a:gd name="connsiteY439" fmla="*/ 750570 h 2612594"/>
                            <a:gd name="connsiteX440" fmla="*/ 170663 w 2647519"/>
                            <a:gd name="connsiteY440" fmla="*/ 789622 h 2612594"/>
                            <a:gd name="connsiteX441" fmla="*/ 153518 w 2647519"/>
                            <a:gd name="connsiteY441" fmla="*/ 803910 h 2612594"/>
                            <a:gd name="connsiteX442" fmla="*/ 153477 w 2647519"/>
                            <a:gd name="connsiteY442" fmla="*/ 804822 h 2612594"/>
                            <a:gd name="connsiteX443" fmla="*/ 151819 w 2647519"/>
                            <a:gd name="connsiteY443" fmla="*/ 841286 h 2612594"/>
                            <a:gd name="connsiteX444" fmla="*/ 151867 w 2647519"/>
                            <a:gd name="connsiteY444" fmla="*/ 841199 h 2612594"/>
                            <a:gd name="connsiteX445" fmla="*/ 153518 w 2647519"/>
                            <a:gd name="connsiteY445" fmla="*/ 804862 h 2612594"/>
                            <a:gd name="connsiteX446" fmla="*/ 170663 w 2647519"/>
                            <a:gd name="connsiteY446" fmla="*/ 790574 h 2612594"/>
                            <a:gd name="connsiteX447" fmla="*/ 191618 w 2647519"/>
                            <a:gd name="connsiteY447" fmla="*/ 751522 h 2612594"/>
                            <a:gd name="connsiteX448" fmla="*/ 192332 w 2647519"/>
                            <a:gd name="connsiteY448" fmla="*/ 751998 h 2612594"/>
                            <a:gd name="connsiteX449" fmla="*/ 192689 w 2647519"/>
                            <a:gd name="connsiteY449" fmla="*/ 751284 h 2612594"/>
                            <a:gd name="connsiteX450" fmla="*/ 203047 w 2647519"/>
                            <a:gd name="connsiteY450" fmla="*/ 667702 h 2612594"/>
                            <a:gd name="connsiteX451" fmla="*/ 189712 w 2647519"/>
                            <a:gd name="connsiteY451" fmla="*/ 677227 h 2612594"/>
                            <a:gd name="connsiteX452" fmla="*/ 169710 w 2647519"/>
                            <a:gd name="connsiteY452" fmla="*/ 719137 h 2612594"/>
                            <a:gd name="connsiteX453" fmla="*/ 174286 w 2647519"/>
                            <a:gd name="connsiteY453" fmla="*/ 722798 h 2612594"/>
                            <a:gd name="connsiteX454" fmla="*/ 174435 w 2647519"/>
                            <a:gd name="connsiteY454" fmla="*/ 722155 h 2612594"/>
                            <a:gd name="connsiteX455" fmla="*/ 170663 w 2647519"/>
                            <a:gd name="connsiteY455" fmla="*/ 719137 h 2612594"/>
                            <a:gd name="connsiteX456" fmla="*/ 190665 w 2647519"/>
                            <a:gd name="connsiteY456" fmla="*/ 677227 h 2612594"/>
                            <a:gd name="connsiteX457" fmla="*/ 202473 w 2647519"/>
                            <a:gd name="connsiteY457" fmla="*/ 668793 h 2612594"/>
                            <a:gd name="connsiteX458" fmla="*/ 276390 w 2647519"/>
                            <a:gd name="connsiteY458" fmla="*/ 613410 h 2612594"/>
                            <a:gd name="connsiteX459" fmla="*/ 275187 w 2647519"/>
                            <a:gd name="connsiteY459" fmla="*/ 614373 h 2612594"/>
                            <a:gd name="connsiteX460" fmla="*/ 270080 w 2647519"/>
                            <a:gd name="connsiteY460" fmla="*/ 634008 h 2612594"/>
                            <a:gd name="connsiteX461" fmla="*/ 266865 w 2647519"/>
                            <a:gd name="connsiteY461" fmla="*/ 643890 h 2612594"/>
                            <a:gd name="connsiteX462" fmla="*/ 179235 w 2647519"/>
                            <a:gd name="connsiteY462" fmla="*/ 803910 h 2612594"/>
                            <a:gd name="connsiteX463" fmla="*/ 166852 w 2647519"/>
                            <a:gd name="connsiteY463" fmla="*/ 842962 h 2612594"/>
                            <a:gd name="connsiteX464" fmla="*/ 155422 w 2647519"/>
                            <a:gd name="connsiteY464" fmla="*/ 882967 h 2612594"/>
                            <a:gd name="connsiteX465" fmla="*/ 130657 w 2647519"/>
                            <a:gd name="connsiteY465" fmla="*/ 966787 h 2612594"/>
                            <a:gd name="connsiteX466" fmla="*/ 114465 w 2647519"/>
                            <a:gd name="connsiteY466" fmla="*/ 1023937 h 2612594"/>
                            <a:gd name="connsiteX467" fmla="*/ 106845 w 2647519"/>
                            <a:gd name="connsiteY467" fmla="*/ 1066800 h 2612594"/>
                            <a:gd name="connsiteX468" fmla="*/ 103035 w 2647519"/>
                            <a:gd name="connsiteY468" fmla="*/ 1088707 h 2612594"/>
                            <a:gd name="connsiteX469" fmla="*/ 100177 w 2647519"/>
                            <a:gd name="connsiteY469" fmla="*/ 1110615 h 2612594"/>
                            <a:gd name="connsiteX470" fmla="*/ 91605 w 2647519"/>
                            <a:gd name="connsiteY470" fmla="*/ 1169670 h 2612594"/>
                            <a:gd name="connsiteX471" fmla="*/ 88747 w 2647519"/>
                            <a:gd name="connsiteY471" fmla="*/ 1205865 h 2612594"/>
                            <a:gd name="connsiteX472" fmla="*/ 93510 w 2647519"/>
                            <a:gd name="connsiteY472" fmla="*/ 1243965 h 2612594"/>
                            <a:gd name="connsiteX473" fmla="*/ 95742 w 2647519"/>
                            <a:gd name="connsiteY473" fmla="*/ 1223205 h 2612594"/>
                            <a:gd name="connsiteX474" fmla="*/ 95415 w 2647519"/>
                            <a:gd name="connsiteY474" fmla="*/ 1216342 h 2612594"/>
                            <a:gd name="connsiteX475" fmla="*/ 99225 w 2647519"/>
                            <a:gd name="connsiteY475" fmla="*/ 1176337 h 2612594"/>
                            <a:gd name="connsiteX476" fmla="*/ 107797 w 2647519"/>
                            <a:gd name="connsiteY476" fmla="*/ 1117282 h 2612594"/>
                            <a:gd name="connsiteX477" fmla="*/ 114596 w 2647519"/>
                            <a:gd name="connsiteY477" fmla="*/ 1109123 h 2612594"/>
                            <a:gd name="connsiteX478" fmla="*/ 124469 w 2647519"/>
                            <a:gd name="connsiteY478" fmla="*/ 1043051 h 2612594"/>
                            <a:gd name="connsiteX479" fmla="*/ 123990 w 2647519"/>
                            <a:gd name="connsiteY479" fmla="*/ 1031557 h 2612594"/>
                            <a:gd name="connsiteX480" fmla="*/ 133400 w 2647519"/>
                            <a:gd name="connsiteY480" fmla="*/ 1004580 h 2612594"/>
                            <a:gd name="connsiteX481" fmla="*/ 138999 w 2647519"/>
                            <a:gd name="connsiteY481" fmla="*/ 981931 h 2612594"/>
                            <a:gd name="connsiteX482" fmla="*/ 137325 w 2647519"/>
                            <a:gd name="connsiteY482" fmla="*/ 985837 h 2612594"/>
                            <a:gd name="connsiteX483" fmla="*/ 131610 w 2647519"/>
                            <a:gd name="connsiteY483" fmla="*/ 983932 h 2612594"/>
                            <a:gd name="connsiteX484" fmla="*/ 117322 w 2647519"/>
                            <a:gd name="connsiteY484" fmla="*/ 1024890 h 2612594"/>
                            <a:gd name="connsiteX485" fmla="*/ 118275 w 2647519"/>
                            <a:gd name="connsiteY485" fmla="*/ 1047750 h 2612594"/>
                            <a:gd name="connsiteX486" fmla="*/ 111607 w 2647519"/>
                            <a:gd name="connsiteY486" fmla="*/ 1091565 h 2612594"/>
                            <a:gd name="connsiteX487" fmla="*/ 110655 w 2647519"/>
                            <a:gd name="connsiteY487" fmla="*/ 1099185 h 2612594"/>
                            <a:gd name="connsiteX488" fmla="*/ 101130 w 2647519"/>
                            <a:gd name="connsiteY488" fmla="*/ 1110615 h 2612594"/>
                            <a:gd name="connsiteX489" fmla="*/ 103987 w 2647519"/>
                            <a:gd name="connsiteY489" fmla="*/ 1088707 h 2612594"/>
                            <a:gd name="connsiteX490" fmla="*/ 107797 w 2647519"/>
                            <a:gd name="connsiteY490" fmla="*/ 1066800 h 2612594"/>
                            <a:gd name="connsiteX491" fmla="*/ 115417 w 2647519"/>
                            <a:gd name="connsiteY491" fmla="*/ 1023937 h 2612594"/>
                            <a:gd name="connsiteX492" fmla="*/ 131610 w 2647519"/>
                            <a:gd name="connsiteY492" fmla="*/ 966787 h 2612594"/>
                            <a:gd name="connsiteX493" fmla="*/ 156375 w 2647519"/>
                            <a:gd name="connsiteY493" fmla="*/ 882967 h 2612594"/>
                            <a:gd name="connsiteX494" fmla="*/ 167805 w 2647519"/>
                            <a:gd name="connsiteY494" fmla="*/ 842962 h 2612594"/>
                            <a:gd name="connsiteX495" fmla="*/ 180187 w 2647519"/>
                            <a:gd name="connsiteY495" fmla="*/ 803910 h 2612594"/>
                            <a:gd name="connsiteX496" fmla="*/ 267817 w 2647519"/>
                            <a:gd name="connsiteY496" fmla="*/ 643890 h 2612594"/>
                            <a:gd name="connsiteX497" fmla="*/ 276390 w 2647519"/>
                            <a:gd name="connsiteY497" fmla="*/ 613410 h 2612594"/>
                            <a:gd name="connsiteX498" fmla="*/ 293536 w 2647519"/>
                            <a:gd name="connsiteY498" fmla="*/ 518160 h 2612594"/>
                            <a:gd name="connsiteX499" fmla="*/ 293535 w 2647519"/>
                            <a:gd name="connsiteY499" fmla="*/ 518160 h 2612594"/>
                            <a:gd name="connsiteX500" fmla="*/ 298297 w 2647519"/>
                            <a:gd name="connsiteY500" fmla="*/ 521970 h 2612594"/>
                            <a:gd name="connsiteX501" fmla="*/ 298297 w 2647519"/>
                            <a:gd name="connsiteY501" fmla="*/ 521969 h 2612594"/>
                            <a:gd name="connsiteX502" fmla="*/ 465169 w 2647519"/>
                            <a:gd name="connsiteY502" fmla="*/ 382550 h 2612594"/>
                            <a:gd name="connsiteX503" fmla="*/ 464986 w 2647519"/>
                            <a:gd name="connsiteY503" fmla="*/ 382696 h 2612594"/>
                            <a:gd name="connsiteX504" fmla="*/ 464430 w 2647519"/>
                            <a:gd name="connsiteY504" fmla="*/ 383325 h 2612594"/>
                            <a:gd name="connsiteX505" fmla="*/ 456651 w 2647519"/>
                            <a:gd name="connsiteY505" fmla="*/ 391477 h 2612594"/>
                            <a:gd name="connsiteX506" fmla="*/ 454684 w 2647519"/>
                            <a:gd name="connsiteY506" fmla="*/ 394338 h 2612594"/>
                            <a:gd name="connsiteX507" fmla="*/ 453399 w 2647519"/>
                            <a:gd name="connsiteY507" fmla="*/ 395790 h 2612594"/>
                            <a:gd name="connsiteX508" fmla="*/ 447840 w 2647519"/>
                            <a:gd name="connsiteY508" fmla="*/ 403860 h 2612594"/>
                            <a:gd name="connsiteX509" fmla="*/ 389738 w 2647519"/>
                            <a:gd name="connsiteY509" fmla="*/ 472440 h 2612594"/>
                            <a:gd name="connsiteX510" fmla="*/ 373545 w 2647519"/>
                            <a:gd name="connsiteY510" fmla="*/ 491490 h 2612594"/>
                            <a:gd name="connsiteX511" fmla="*/ 357353 w 2647519"/>
                            <a:gd name="connsiteY511" fmla="*/ 511492 h 2612594"/>
                            <a:gd name="connsiteX512" fmla="*/ 285752 w 2647519"/>
                            <a:gd name="connsiteY512" fmla="*/ 590631 h 2612594"/>
                            <a:gd name="connsiteX513" fmla="*/ 358305 w 2647519"/>
                            <a:gd name="connsiteY513" fmla="*/ 510540 h 2612594"/>
                            <a:gd name="connsiteX514" fmla="*/ 374497 w 2647519"/>
                            <a:gd name="connsiteY514" fmla="*/ 490537 h 2612594"/>
                            <a:gd name="connsiteX515" fmla="*/ 390690 w 2647519"/>
                            <a:gd name="connsiteY515" fmla="*/ 471487 h 2612594"/>
                            <a:gd name="connsiteX516" fmla="*/ 448792 w 2647519"/>
                            <a:gd name="connsiteY516" fmla="*/ 402907 h 2612594"/>
                            <a:gd name="connsiteX517" fmla="*/ 454684 w 2647519"/>
                            <a:gd name="connsiteY517" fmla="*/ 394338 h 2612594"/>
                            <a:gd name="connsiteX518" fmla="*/ 464430 w 2647519"/>
                            <a:gd name="connsiteY518" fmla="*/ 383325 h 2612594"/>
                            <a:gd name="connsiteX519" fmla="*/ 489348 w 2647519"/>
                            <a:gd name="connsiteY519" fmla="*/ 316869 h 2612594"/>
                            <a:gd name="connsiteX520" fmla="*/ 481127 w 2647519"/>
                            <a:gd name="connsiteY520" fmla="*/ 319733 h 2612594"/>
                            <a:gd name="connsiteX521" fmla="*/ 475013 w 2647519"/>
                            <a:gd name="connsiteY521" fmla="*/ 322003 h 2612594"/>
                            <a:gd name="connsiteX522" fmla="*/ 473558 w 2647519"/>
                            <a:gd name="connsiteY522" fmla="*/ 323849 h 2612594"/>
                            <a:gd name="connsiteX523" fmla="*/ 463080 w 2647519"/>
                            <a:gd name="connsiteY523" fmla="*/ 333374 h 2612594"/>
                            <a:gd name="connsiteX524" fmla="*/ 436410 w 2647519"/>
                            <a:gd name="connsiteY524" fmla="*/ 350519 h 2612594"/>
                            <a:gd name="connsiteX525" fmla="*/ 418313 w 2647519"/>
                            <a:gd name="connsiteY525" fmla="*/ 370522 h 2612594"/>
                            <a:gd name="connsiteX526" fmla="*/ 401168 w 2647519"/>
                            <a:gd name="connsiteY526" fmla="*/ 390524 h 2612594"/>
                            <a:gd name="connsiteX527" fmla="*/ 389738 w 2647519"/>
                            <a:gd name="connsiteY527" fmla="*/ 401002 h 2612594"/>
                            <a:gd name="connsiteX528" fmla="*/ 389350 w 2647519"/>
                            <a:gd name="connsiteY528" fmla="*/ 400516 h 2612594"/>
                            <a:gd name="connsiteX529" fmla="*/ 378546 w 2647519"/>
                            <a:gd name="connsiteY529" fmla="*/ 413504 h 2612594"/>
                            <a:gd name="connsiteX530" fmla="*/ 360210 w 2647519"/>
                            <a:gd name="connsiteY530" fmla="*/ 436245 h 2612594"/>
                            <a:gd name="connsiteX531" fmla="*/ 330683 w 2647519"/>
                            <a:gd name="connsiteY531" fmla="*/ 468630 h 2612594"/>
                            <a:gd name="connsiteX532" fmla="*/ 335445 w 2647519"/>
                            <a:gd name="connsiteY532" fmla="*/ 474344 h 2612594"/>
                            <a:gd name="connsiteX533" fmla="*/ 335536 w 2647519"/>
                            <a:gd name="connsiteY533" fmla="*/ 474264 h 2612594"/>
                            <a:gd name="connsiteX534" fmla="*/ 331635 w 2647519"/>
                            <a:gd name="connsiteY534" fmla="*/ 469582 h 2612594"/>
                            <a:gd name="connsiteX535" fmla="*/ 361162 w 2647519"/>
                            <a:gd name="connsiteY535" fmla="*/ 437197 h 2612594"/>
                            <a:gd name="connsiteX536" fmla="*/ 390690 w 2647519"/>
                            <a:gd name="connsiteY536" fmla="*/ 401002 h 2612594"/>
                            <a:gd name="connsiteX537" fmla="*/ 402120 w 2647519"/>
                            <a:gd name="connsiteY537" fmla="*/ 390525 h 2612594"/>
                            <a:gd name="connsiteX538" fmla="*/ 419265 w 2647519"/>
                            <a:gd name="connsiteY538" fmla="*/ 370522 h 2612594"/>
                            <a:gd name="connsiteX539" fmla="*/ 437362 w 2647519"/>
                            <a:gd name="connsiteY539" fmla="*/ 350520 h 2612594"/>
                            <a:gd name="connsiteX540" fmla="*/ 464032 w 2647519"/>
                            <a:gd name="connsiteY540" fmla="*/ 333375 h 2612594"/>
                            <a:gd name="connsiteX541" fmla="*/ 474510 w 2647519"/>
                            <a:gd name="connsiteY541" fmla="*/ 323850 h 2612594"/>
                            <a:gd name="connsiteX542" fmla="*/ 485940 w 2647519"/>
                            <a:gd name="connsiteY542" fmla="*/ 319564 h 2612594"/>
                            <a:gd name="connsiteX543" fmla="*/ 489548 w 2647519"/>
                            <a:gd name="connsiteY543" fmla="*/ 318444 h 2612594"/>
                            <a:gd name="connsiteX544" fmla="*/ 1868970 w 2647519"/>
                            <a:gd name="connsiteY544" fmla="*/ 144780 h 2612594"/>
                            <a:gd name="connsiteX545" fmla="*/ 1917547 w 2647519"/>
                            <a:gd name="connsiteY545" fmla="*/ 166687 h 2612594"/>
                            <a:gd name="connsiteX546" fmla="*/ 1938502 w 2647519"/>
                            <a:gd name="connsiteY546" fmla="*/ 183832 h 2612594"/>
                            <a:gd name="connsiteX547" fmla="*/ 1891830 w 2647519"/>
                            <a:gd name="connsiteY547" fmla="*/ 160972 h 2612594"/>
                            <a:gd name="connsiteX548" fmla="*/ 1868970 w 2647519"/>
                            <a:gd name="connsiteY548" fmla="*/ 144780 h 2612594"/>
                            <a:gd name="connsiteX549" fmla="*/ 1710855 w 2647519"/>
                            <a:gd name="connsiteY549" fmla="*/ 75247 h 2612594"/>
                            <a:gd name="connsiteX550" fmla="*/ 1748955 w 2647519"/>
                            <a:gd name="connsiteY550" fmla="*/ 83819 h 2612594"/>
                            <a:gd name="connsiteX551" fmla="*/ 1802295 w 2647519"/>
                            <a:gd name="connsiteY551" fmla="*/ 110489 h 2612594"/>
                            <a:gd name="connsiteX552" fmla="*/ 1710855 w 2647519"/>
                            <a:gd name="connsiteY552" fmla="*/ 75247 h 2612594"/>
                            <a:gd name="connsiteX553" fmla="*/ 1137451 w 2647519"/>
                            <a:gd name="connsiteY553" fmla="*/ 68937 h 2612594"/>
                            <a:gd name="connsiteX554" fmla="*/ 1117448 w 2647519"/>
                            <a:gd name="connsiteY554" fmla="*/ 71437 h 2612594"/>
                            <a:gd name="connsiteX555" fmla="*/ 1074585 w 2647519"/>
                            <a:gd name="connsiteY555" fmla="*/ 77152 h 2612594"/>
                            <a:gd name="connsiteX556" fmla="*/ 1032675 w 2647519"/>
                            <a:gd name="connsiteY556" fmla="*/ 86677 h 2612594"/>
                            <a:gd name="connsiteX557" fmla="*/ 1014578 w 2647519"/>
                            <a:gd name="connsiteY557" fmla="*/ 92392 h 2612594"/>
                            <a:gd name="connsiteX558" fmla="*/ 993623 w 2647519"/>
                            <a:gd name="connsiteY558" fmla="*/ 98107 h 2612594"/>
                            <a:gd name="connsiteX559" fmla="*/ 947769 w 2647519"/>
                            <a:gd name="connsiteY559" fmla="*/ 107115 h 2612594"/>
                            <a:gd name="connsiteX560" fmla="*/ 939330 w 2647519"/>
                            <a:gd name="connsiteY560" fmla="*/ 110490 h 2612594"/>
                            <a:gd name="connsiteX561" fmla="*/ 881228 w 2647519"/>
                            <a:gd name="connsiteY561" fmla="*/ 130492 h 2612594"/>
                            <a:gd name="connsiteX562" fmla="*/ 824078 w 2647519"/>
                            <a:gd name="connsiteY562" fmla="*/ 153352 h 2612594"/>
                            <a:gd name="connsiteX563" fmla="*/ 784073 w 2647519"/>
                            <a:gd name="connsiteY563" fmla="*/ 171450 h 2612594"/>
                            <a:gd name="connsiteX564" fmla="*/ 757403 w 2647519"/>
                            <a:gd name="connsiteY564" fmla="*/ 181927 h 2612594"/>
                            <a:gd name="connsiteX565" fmla="*/ 691680 w 2647519"/>
                            <a:gd name="connsiteY565" fmla="*/ 212407 h 2612594"/>
                            <a:gd name="connsiteX566" fmla="*/ 660248 w 2647519"/>
                            <a:gd name="connsiteY566" fmla="*/ 232410 h 2612594"/>
                            <a:gd name="connsiteX567" fmla="*/ 629768 w 2647519"/>
                            <a:gd name="connsiteY567" fmla="*/ 252412 h 2612594"/>
                            <a:gd name="connsiteX568" fmla="*/ 581190 w 2647519"/>
                            <a:gd name="connsiteY568" fmla="*/ 288607 h 2612594"/>
                            <a:gd name="connsiteX569" fmla="*/ 535470 w 2647519"/>
                            <a:gd name="connsiteY569" fmla="*/ 324802 h 2612594"/>
                            <a:gd name="connsiteX570" fmla="*/ 491713 w 2647519"/>
                            <a:gd name="connsiteY570" fmla="*/ 362974 h 2612594"/>
                            <a:gd name="connsiteX571" fmla="*/ 495465 w 2647519"/>
                            <a:gd name="connsiteY571" fmla="*/ 367665 h 2612594"/>
                            <a:gd name="connsiteX572" fmla="*/ 504752 w 2647519"/>
                            <a:gd name="connsiteY572" fmla="*/ 361295 h 2612594"/>
                            <a:gd name="connsiteX573" fmla="*/ 512657 w 2647519"/>
                            <a:gd name="connsiteY573" fmla="*/ 355403 h 2612594"/>
                            <a:gd name="connsiteX574" fmla="*/ 541185 w 2647519"/>
                            <a:gd name="connsiteY574" fmla="*/ 330517 h 2612594"/>
                            <a:gd name="connsiteX575" fmla="*/ 586905 w 2647519"/>
                            <a:gd name="connsiteY575" fmla="*/ 294322 h 2612594"/>
                            <a:gd name="connsiteX576" fmla="*/ 635482 w 2647519"/>
                            <a:gd name="connsiteY576" fmla="*/ 258127 h 2612594"/>
                            <a:gd name="connsiteX577" fmla="*/ 665962 w 2647519"/>
                            <a:gd name="connsiteY577" fmla="*/ 238124 h 2612594"/>
                            <a:gd name="connsiteX578" fmla="*/ 697395 w 2647519"/>
                            <a:gd name="connsiteY578" fmla="*/ 218122 h 2612594"/>
                            <a:gd name="connsiteX579" fmla="*/ 763117 w 2647519"/>
                            <a:gd name="connsiteY579" fmla="*/ 187642 h 2612594"/>
                            <a:gd name="connsiteX580" fmla="*/ 788835 w 2647519"/>
                            <a:gd name="connsiteY580" fmla="*/ 174307 h 2612594"/>
                            <a:gd name="connsiteX581" fmla="*/ 828840 w 2647519"/>
                            <a:gd name="connsiteY581" fmla="*/ 156209 h 2612594"/>
                            <a:gd name="connsiteX582" fmla="*/ 885990 w 2647519"/>
                            <a:gd name="connsiteY582" fmla="*/ 133349 h 2612594"/>
                            <a:gd name="connsiteX583" fmla="*/ 944092 w 2647519"/>
                            <a:gd name="connsiteY583" fmla="*/ 113347 h 2612594"/>
                            <a:gd name="connsiteX584" fmla="*/ 968499 w 2647519"/>
                            <a:gd name="connsiteY584" fmla="*/ 108553 h 2612594"/>
                            <a:gd name="connsiteX585" fmla="*/ 980289 w 2647519"/>
                            <a:gd name="connsiteY585" fmla="*/ 104524 h 2612594"/>
                            <a:gd name="connsiteX586" fmla="*/ 1140765 w 2647519"/>
                            <a:gd name="connsiteY586" fmla="*/ 69904 h 2612594"/>
                            <a:gd name="connsiteX587" fmla="*/ 1478088 w 2647519"/>
                            <a:gd name="connsiteY587" fmla="*/ 48458 h 2612594"/>
                            <a:gd name="connsiteX588" fmla="*/ 1498447 w 2647519"/>
                            <a:gd name="connsiteY588" fmla="*/ 50482 h 2612594"/>
                            <a:gd name="connsiteX589" fmla="*/ 1526070 w 2647519"/>
                            <a:gd name="connsiteY589" fmla="*/ 60007 h 2612594"/>
                            <a:gd name="connsiteX590" fmla="*/ 1505115 w 2647519"/>
                            <a:gd name="connsiteY590" fmla="*/ 57150 h 2612594"/>
                            <a:gd name="connsiteX591" fmla="*/ 1461300 w 2647519"/>
                            <a:gd name="connsiteY591" fmla="*/ 48577 h 2612594"/>
                            <a:gd name="connsiteX592" fmla="*/ 1478088 w 2647519"/>
                            <a:gd name="connsiteY592" fmla="*/ 48458 h 2612594"/>
                            <a:gd name="connsiteX593" fmla="*/ 1588935 w 2647519"/>
                            <a:gd name="connsiteY593" fmla="*/ 40957 h 2612594"/>
                            <a:gd name="connsiteX594" fmla="*/ 1627987 w 2647519"/>
                            <a:gd name="connsiteY594" fmla="*/ 43814 h 2612594"/>
                            <a:gd name="connsiteX595" fmla="*/ 1675612 w 2647519"/>
                            <a:gd name="connsiteY595" fmla="*/ 62864 h 2612594"/>
                            <a:gd name="connsiteX596" fmla="*/ 1616557 w 2647519"/>
                            <a:gd name="connsiteY596" fmla="*/ 52387 h 2612594"/>
                            <a:gd name="connsiteX597" fmla="*/ 1588935 w 2647519"/>
                            <a:gd name="connsiteY597" fmla="*/ 40957 h 2612594"/>
                            <a:gd name="connsiteX598" fmla="*/ 1270324 w 2647519"/>
                            <a:gd name="connsiteY598" fmla="*/ 40719 h 2612594"/>
                            <a:gd name="connsiteX599" fmla="*/ 1160310 w 2647519"/>
                            <a:gd name="connsiteY599" fmla="*/ 46672 h 2612594"/>
                            <a:gd name="connsiteX600" fmla="*/ 1084110 w 2647519"/>
                            <a:gd name="connsiteY600" fmla="*/ 57149 h 2612594"/>
                            <a:gd name="connsiteX601" fmla="*/ 1047915 w 2647519"/>
                            <a:gd name="connsiteY601" fmla="*/ 66674 h 2612594"/>
                            <a:gd name="connsiteX602" fmla="*/ 1016482 w 2647519"/>
                            <a:gd name="connsiteY602" fmla="*/ 78104 h 2612594"/>
                            <a:gd name="connsiteX603" fmla="*/ 972667 w 2647519"/>
                            <a:gd name="connsiteY603" fmla="*/ 83819 h 2612594"/>
                            <a:gd name="connsiteX604" fmla="*/ 806932 w 2647519"/>
                            <a:gd name="connsiteY604" fmla="*/ 147637 h 2612594"/>
                            <a:gd name="connsiteX605" fmla="*/ 746925 w 2647519"/>
                            <a:gd name="connsiteY605" fmla="*/ 174307 h 2612594"/>
                            <a:gd name="connsiteX606" fmla="*/ 728827 w 2647519"/>
                            <a:gd name="connsiteY606" fmla="*/ 180974 h 2612594"/>
                            <a:gd name="connsiteX607" fmla="*/ 712635 w 2647519"/>
                            <a:gd name="connsiteY607" fmla="*/ 189547 h 2612594"/>
                            <a:gd name="connsiteX608" fmla="*/ 682155 w 2647519"/>
                            <a:gd name="connsiteY608" fmla="*/ 205739 h 2612594"/>
                            <a:gd name="connsiteX609" fmla="*/ 634530 w 2647519"/>
                            <a:gd name="connsiteY609" fmla="*/ 230504 h 2612594"/>
                            <a:gd name="connsiteX610" fmla="*/ 598335 w 2647519"/>
                            <a:gd name="connsiteY610" fmla="*/ 259079 h 2612594"/>
                            <a:gd name="connsiteX611" fmla="*/ 493560 w 2647519"/>
                            <a:gd name="connsiteY611" fmla="*/ 340994 h 2612594"/>
                            <a:gd name="connsiteX612" fmla="*/ 471664 w 2647519"/>
                            <a:gd name="connsiteY612" fmla="*/ 360034 h 2612594"/>
                            <a:gd name="connsiteX613" fmla="*/ 450243 w 2647519"/>
                            <a:gd name="connsiteY613" fmla="*/ 379593 h 2612594"/>
                            <a:gd name="connsiteX614" fmla="*/ 450697 w 2647519"/>
                            <a:gd name="connsiteY614" fmla="*/ 380047 h 2612594"/>
                            <a:gd name="connsiteX615" fmla="*/ 285915 w 2647519"/>
                            <a:gd name="connsiteY615" fmla="*/ 573404 h 2612594"/>
                            <a:gd name="connsiteX616" fmla="*/ 252577 w 2647519"/>
                            <a:gd name="connsiteY616" fmla="*/ 619124 h 2612594"/>
                            <a:gd name="connsiteX617" fmla="*/ 237337 w 2647519"/>
                            <a:gd name="connsiteY617" fmla="*/ 646747 h 2612594"/>
                            <a:gd name="connsiteX618" fmla="*/ 222097 w 2647519"/>
                            <a:gd name="connsiteY618" fmla="*/ 672464 h 2612594"/>
                            <a:gd name="connsiteX619" fmla="*/ 193522 w 2647519"/>
                            <a:gd name="connsiteY619" fmla="*/ 725804 h 2612594"/>
                            <a:gd name="connsiteX620" fmla="*/ 162439 w 2647519"/>
                            <a:gd name="connsiteY620" fmla="*/ 774785 h 2612594"/>
                            <a:gd name="connsiteX621" fmla="*/ 162090 w 2647519"/>
                            <a:gd name="connsiteY621" fmla="*/ 776287 h 2612594"/>
                            <a:gd name="connsiteX622" fmla="*/ 151612 w 2647519"/>
                            <a:gd name="connsiteY622" fmla="*/ 804862 h 2612594"/>
                            <a:gd name="connsiteX623" fmla="*/ 143992 w 2647519"/>
                            <a:gd name="connsiteY623" fmla="*/ 818197 h 2612594"/>
                            <a:gd name="connsiteX624" fmla="*/ 142087 w 2647519"/>
                            <a:gd name="connsiteY624" fmla="*/ 820102 h 2612594"/>
                            <a:gd name="connsiteX625" fmla="*/ 133634 w 2647519"/>
                            <a:gd name="connsiteY625" fmla="*/ 848201 h 2612594"/>
                            <a:gd name="connsiteX626" fmla="*/ 131610 w 2647519"/>
                            <a:gd name="connsiteY626" fmla="*/ 864870 h 2612594"/>
                            <a:gd name="connsiteX627" fmla="*/ 129705 w 2647519"/>
                            <a:gd name="connsiteY627" fmla="*/ 888682 h 2612594"/>
                            <a:gd name="connsiteX628" fmla="*/ 116370 w 2647519"/>
                            <a:gd name="connsiteY628" fmla="*/ 927735 h 2612594"/>
                            <a:gd name="connsiteX629" fmla="*/ 103987 w 2647519"/>
                            <a:gd name="connsiteY629" fmla="*/ 966787 h 2612594"/>
                            <a:gd name="connsiteX630" fmla="*/ 90652 w 2647519"/>
                            <a:gd name="connsiteY630" fmla="*/ 1023937 h 2612594"/>
                            <a:gd name="connsiteX631" fmla="*/ 83032 w 2647519"/>
                            <a:gd name="connsiteY631" fmla="*/ 1076325 h 2612594"/>
                            <a:gd name="connsiteX632" fmla="*/ 78270 w 2647519"/>
                            <a:gd name="connsiteY632" fmla="*/ 1128712 h 2612594"/>
                            <a:gd name="connsiteX633" fmla="*/ 84937 w 2647519"/>
                            <a:gd name="connsiteY633" fmla="*/ 1092517 h 2612594"/>
                            <a:gd name="connsiteX634" fmla="*/ 85555 w 2647519"/>
                            <a:gd name="connsiteY634" fmla="*/ 1089530 h 2612594"/>
                            <a:gd name="connsiteX635" fmla="*/ 86842 w 2647519"/>
                            <a:gd name="connsiteY635" fmla="*/ 1075372 h 2612594"/>
                            <a:gd name="connsiteX636" fmla="*/ 94462 w 2647519"/>
                            <a:gd name="connsiteY636" fmla="*/ 1022985 h 2612594"/>
                            <a:gd name="connsiteX637" fmla="*/ 96848 w 2647519"/>
                            <a:gd name="connsiteY637" fmla="*/ 1023781 h 2612594"/>
                            <a:gd name="connsiteX638" fmla="*/ 97055 w 2647519"/>
                            <a:gd name="connsiteY638" fmla="*/ 1022896 h 2612594"/>
                            <a:gd name="connsiteX639" fmla="*/ 94463 w 2647519"/>
                            <a:gd name="connsiteY639" fmla="*/ 1022032 h 2612594"/>
                            <a:gd name="connsiteX640" fmla="*/ 107798 w 2647519"/>
                            <a:gd name="connsiteY640" fmla="*/ 964882 h 2612594"/>
                            <a:gd name="connsiteX641" fmla="*/ 120180 w 2647519"/>
                            <a:gd name="connsiteY641" fmla="*/ 925829 h 2612594"/>
                            <a:gd name="connsiteX642" fmla="*/ 133454 w 2647519"/>
                            <a:gd name="connsiteY642" fmla="*/ 886956 h 2612594"/>
                            <a:gd name="connsiteX643" fmla="*/ 132563 w 2647519"/>
                            <a:gd name="connsiteY643" fmla="*/ 886777 h 2612594"/>
                            <a:gd name="connsiteX644" fmla="*/ 134468 w 2647519"/>
                            <a:gd name="connsiteY644" fmla="*/ 862965 h 2612594"/>
                            <a:gd name="connsiteX645" fmla="*/ 144945 w 2647519"/>
                            <a:gd name="connsiteY645" fmla="*/ 818197 h 2612594"/>
                            <a:gd name="connsiteX646" fmla="*/ 152565 w 2647519"/>
                            <a:gd name="connsiteY646" fmla="*/ 804862 h 2612594"/>
                            <a:gd name="connsiteX647" fmla="*/ 152821 w 2647519"/>
                            <a:gd name="connsiteY647" fmla="*/ 804166 h 2612594"/>
                            <a:gd name="connsiteX648" fmla="*/ 163043 w 2647519"/>
                            <a:gd name="connsiteY648" fmla="*/ 776287 h 2612594"/>
                            <a:gd name="connsiteX649" fmla="*/ 194475 w 2647519"/>
                            <a:gd name="connsiteY649" fmla="*/ 726757 h 2612594"/>
                            <a:gd name="connsiteX650" fmla="*/ 223050 w 2647519"/>
                            <a:gd name="connsiteY650" fmla="*/ 673417 h 2612594"/>
                            <a:gd name="connsiteX651" fmla="*/ 238290 w 2647519"/>
                            <a:gd name="connsiteY651" fmla="*/ 647700 h 2612594"/>
                            <a:gd name="connsiteX652" fmla="*/ 253530 w 2647519"/>
                            <a:gd name="connsiteY652" fmla="*/ 620077 h 2612594"/>
                            <a:gd name="connsiteX653" fmla="*/ 286868 w 2647519"/>
                            <a:gd name="connsiteY653" fmla="*/ 574357 h 2612594"/>
                            <a:gd name="connsiteX654" fmla="*/ 451650 w 2647519"/>
                            <a:gd name="connsiteY654" fmla="*/ 381000 h 2612594"/>
                            <a:gd name="connsiteX655" fmla="*/ 495465 w 2647519"/>
                            <a:gd name="connsiteY655" fmla="*/ 340995 h 2612594"/>
                            <a:gd name="connsiteX656" fmla="*/ 600240 w 2647519"/>
                            <a:gd name="connsiteY656" fmla="*/ 259080 h 2612594"/>
                            <a:gd name="connsiteX657" fmla="*/ 636435 w 2647519"/>
                            <a:gd name="connsiteY657" fmla="*/ 230505 h 2612594"/>
                            <a:gd name="connsiteX658" fmla="*/ 684060 w 2647519"/>
                            <a:gd name="connsiteY658" fmla="*/ 205740 h 2612594"/>
                            <a:gd name="connsiteX659" fmla="*/ 714540 w 2647519"/>
                            <a:gd name="connsiteY659" fmla="*/ 189547 h 2612594"/>
                            <a:gd name="connsiteX660" fmla="*/ 730733 w 2647519"/>
                            <a:gd name="connsiteY660" fmla="*/ 180975 h 2612594"/>
                            <a:gd name="connsiteX661" fmla="*/ 748830 w 2647519"/>
                            <a:gd name="connsiteY661" fmla="*/ 174307 h 2612594"/>
                            <a:gd name="connsiteX662" fmla="*/ 808838 w 2647519"/>
                            <a:gd name="connsiteY662" fmla="*/ 147637 h 2612594"/>
                            <a:gd name="connsiteX663" fmla="*/ 974573 w 2647519"/>
                            <a:gd name="connsiteY663" fmla="*/ 83820 h 2612594"/>
                            <a:gd name="connsiteX664" fmla="*/ 1018388 w 2647519"/>
                            <a:gd name="connsiteY664" fmla="*/ 78105 h 2612594"/>
                            <a:gd name="connsiteX665" fmla="*/ 1049820 w 2647519"/>
                            <a:gd name="connsiteY665" fmla="*/ 66675 h 2612594"/>
                            <a:gd name="connsiteX666" fmla="*/ 1086015 w 2647519"/>
                            <a:gd name="connsiteY666" fmla="*/ 57150 h 2612594"/>
                            <a:gd name="connsiteX667" fmla="*/ 1162215 w 2647519"/>
                            <a:gd name="connsiteY667" fmla="*/ 46672 h 2612594"/>
                            <a:gd name="connsiteX668" fmla="*/ 1272229 w 2647519"/>
                            <a:gd name="connsiteY668" fmla="*/ 41076 h 2612594"/>
                            <a:gd name="connsiteX669" fmla="*/ 1360655 w 2647519"/>
                            <a:gd name="connsiteY669" fmla="*/ 44043 h 2612594"/>
                            <a:gd name="connsiteX670" fmla="*/ 1404150 w 2647519"/>
                            <a:gd name="connsiteY670" fmla="*/ 0 h 2612594"/>
                            <a:gd name="connsiteX671" fmla="*/ 1448917 w 2647519"/>
                            <a:gd name="connsiteY671" fmla="*/ 2857 h 2612594"/>
                            <a:gd name="connsiteX672" fmla="*/ 1494637 w 2647519"/>
                            <a:gd name="connsiteY672" fmla="*/ 7620 h 2612594"/>
                            <a:gd name="connsiteX673" fmla="*/ 1525117 w 2647519"/>
                            <a:gd name="connsiteY673" fmla="*/ 15240 h 2612594"/>
                            <a:gd name="connsiteX674" fmla="*/ 1545120 w 2647519"/>
                            <a:gd name="connsiteY674" fmla="*/ 24765 h 2612594"/>
                            <a:gd name="connsiteX675" fmla="*/ 1569885 w 2647519"/>
                            <a:gd name="connsiteY675" fmla="*/ 20002 h 2612594"/>
                            <a:gd name="connsiteX676" fmla="*/ 1607032 w 2647519"/>
                            <a:gd name="connsiteY676" fmla="*/ 28575 h 2612594"/>
                            <a:gd name="connsiteX677" fmla="*/ 1629892 w 2647519"/>
                            <a:gd name="connsiteY677" fmla="*/ 35242 h 2612594"/>
                            <a:gd name="connsiteX678" fmla="*/ 1628940 w 2647519"/>
                            <a:gd name="connsiteY678" fmla="*/ 36195 h 2612594"/>
                            <a:gd name="connsiteX679" fmla="*/ 1627987 w 2647519"/>
                            <a:gd name="connsiteY679" fmla="*/ 42862 h 2612594"/>
                            <a:gd name="connsiteX680" fmla="*/ 1588935 w 2647519"/>
                            <a:gd name="connsiteY680" fmla="*/ 40005 h 2612594"/>
                            <a:gd name="connsiteX681" fmla="*/ 1575600 w 2647519"/>
                            <a:gd name="connsiteY681" fmla="*/ 36195 h 2612594"/>
                            <a:gd name="connsiteX682" fmla="*/ 1562265 w 2647519"/>
                            <a:gd name="connsiteY682" fmla="*/ 33337 h 2612594"/>
                            <a:gd name="connsiteX683" fmla="*/ 1536547 w 2647519"/>
                            <a:gd name="connsiteY683" fmla="*/ 27622 h 2612594"/>
                            <a:gd name="connsiteX684" fmla="*/ 1510830 w 2647519"/>
                            <a:gd name="connsiteY684" fmla="*/ 21907 h 2612594"/>
                            <a:gd name="connsiteX685" fmla="*/ 1484160 w 2647519"/>
                            <a:gd name="connsiteY685" fmla="*/ 18097 h 2612594"/>
                            <a:gd name="connsiteX686" fmla="*/ 1454633 w 2647519"/>
                            <a:gd name="connsiteY686" fmla="*/ 18097 h 2612594"/>
                            <a:gd name="connsiteX687" fmla="*/ 1430820 w 2647519"/>
                            <a:gd name="connsiteY687" fmla="*/ 18097 h 2612594"/>
                            <a:gd name="connsiteX688" fmla="*/ 1393673 w 2647519"/>
                            <a:gd name="connsiteY688" fmla="*/ 18097 h 2612594"/>
                            <a:gd name="connsiteX689" fmla="*/ 1391928 w 2647519"/>
                            <a:gd name="connsiteY689" fmla="*/ 17540 h 2612594"/>
                            <a:gd name="connsiteX690" fmla="*/ 1375575 w 2647519"/>
                            <a:gd name="connsiteY690" fmla="*/ 25717 h 2612594"/>
                            <a:gd name="connsiteX691" fmla="*/ 1381290 w 2647519"/>
                            <a:gd name="connsiteY691" fmla="*/ 35242 h 2612594"/>
                            <a:gd name="connsiteX692" fmla="*/ 1438440 w 2647519"/>
                            <a:gd name="connsiteY692" fmla="*/ 46672 h 2612594"/>
                            <a:gd name="connsiteX693" fmla="*/ 1413008 w 2647519"/>
                            <a:gd name="connsiteY693" fmla="*/ 47116 h 2612594"/>
                            <a:gd name="connsiteX694" fmla="*/ 1413437 w 2647519"/>
                            <a:gd name="connsiteY694" fmla="*/ 47149 h 2612594"/>
                            <a:gd name="connsiteX695" fmla="*/ 1440345 w 2647519"/>
                            <a:gd name="connsiteY695" fmla="*/ 46672 h 2612594"/>
                            <a:gd name="connsiteX696" fmla="*/ 1463205 w 2647519"/>
                            <a:gd name="connsiteY696" fmla="*/ 49530 h 2612594"/>
                            <a:gd name="connsiteX697" fmla="*/ 1507020 w 2647519"/>
                            <a:gd name="connsiteY697" fmla="*/ 58102 h 2612594"/>
                            <a:gd name="connsiteX698" fmla="*/ 1527975 w 2647519"/>
                            <a:gd name="connsiteY698" fmla="*/ 60960 h 2612594"/>
                            <a:gd name="connsiteX699" fmla="*/ 1563218 w 2647519"/>
                            <a:gd name="connsiteY699" fmla="*/ 68580 h 2612594"/>
                            <a:gd name="connsiteX700" fmla="*/ 1599413 w 2647519"/>
                            <a:gd name="connsiteY700" fmla="*/ 76200 h 2612594"/>
                            <a:gd name="connsiteX701" fmla="*/ 1634655 w 2647519"/>
                            <a:gd name="connsiteY701" fmla="*/ 84772 h 2612594"/>
                            <a:gd name="connsiteX702" fmla="*/ 1669898 w 2647519"/>
                            <a:gd name="connsiteY702" fmla="*/ 95250 h 2612594"/>
                            <a:gd name="connsiteX703" fmla="*/ 1687043 w 2647519"/>
                            <a:gd name="connsiteY703" fmla="*/ 100012 h 2612594"/>
                            <a:gd name="connsiteX704" fmla="*/ 1704188 w 2647519"/>
                            <a:gd name="connsiteY704" fmla="*/ 105727 h 2612594"/>
                            <a:gd name="connsiteX705" fmla="*/ 1704409 w 2647519"/>
                            <a:gd name="connsiteY705" fmla="*/ 105929 h 2612594"/>
                            <a:gd name="connsiteX706" fmla="*/ 1716704 w 2647519"/>
                            <a:gd name="connsiteY706" fmla="*/ 108049 h 2612594"/>
                            <a:gd name="connsiteX707" fmla="*/ 1746499 w 2647519"/>
                            <a:gd name="connsiteY707" fmla="*/ 119121 h 2612594"/>
                            <a:gd name="connsiteX708" fmla="*/ 1750661 w 2647519"/>
                            <a:gd name="connsiteY708" fmla="*/ 125427 h 2612594"/>
                            <a:gd name="connsiteX709" fmla="*/ 1751813 w 2647519"/>
                            <a:gd name="connsiteY709" fmla="*/ 125730 h 2612594"/>
                            <a:gd name="connsiteX710" fmla="*/ 1778483 w 2647519"/>
                            <a:gd name="connsiteY710" fmla="*/ 136207 h 2612594"/>
                            <a:gd name="connsiteX711" fmla="*/ 1801343 w 2647519"/>
                            <a:gd name="connsiteY711" fmla="*/ 145732 h 2612594"/>
                            <a:gd name="connsiteX712" fmla="*/ 1824203 w 2647519"/>
                            <a:gd name="connsiteY712" fmla="*/ 156210 h 2612594"/>
                            <a:gd name="connsiteX713" fmla="*/ 1841348 w 2647519"/>
                            <a:gd name="connsiteY713" fmla="*/ 165735 h 2612594"/>
                            <a:gd name="connsiteX714" fmla="*/ 1852778 w 2647519"/>
                            <a:gd name="connsiteY714" fmla="*/ 171450 h 2612594"/>
                            <a:gd name="connsiteX715" fmla="*/ 1865160 w 2647519"/>
                            <a:gd name="connsiteY715" fmla="*/ 178117 h 2612594"/>
                            <a:gd name="connsiteX716" fmla="*/ 1907070 w 2647519"/>
                            <a:gd name="connsiteY716" fmla="*/ 201930 h 2612594"/>
                            <a:gd name="connsiteX717" fmla="*/ 1960410 w 2647519"/>
                            <a:gd name="connsiteY717" fmla="*/ 236220 h 2612594"/>
                            <a:gd name="connsiteX718" fmla="*/ 1988033 w 2647519"/>
                            <a:gd name="connsiteY718" fmla="*/ 255270 h 2612594"/>
                            <a:gd name="connsiteX719" fmla="*/ 1988833 w 2647519"/>
                            <a:gd name="connsiteY719" fmla="*/ 255841 h 2612594"/>
                            <a:gd name="connsiteX720" fmla="*/ 2002949 w 2647519"/>
                            <a:gd name="connsiteY720" fmla="*/ 264417 h 2612594"/>
                            <a:gd name="connsiteX721" fmla="*/ 2540483 w 2647519"/>
                            <a:gd name="connsiteY721" fmla="*/ 1275397 h 2612594"/>
                            <a:gd name="connsiteX722" fmla="*/ 2540081 w 2647519"/>
                            <a:gd name="connsiteY722" fmla="*/ 1283368 h 2612594"/>
                            <a:gd name="connsiteX723" fmla="*/ 2550960 w 2647519"/>
                            <a:gd name="connsiteY723" fmla="*/ 1284922 h 2612594"/>
                            <a:gd name="connsiteX724" fmla="*/ 2561437 w 2647519"/>
                            <a:gd name="connsiteY724" fmla="*/ 1292542 h 2612594"/>
                            <a:gd name="connsiteX725" fmla="*/ 2566200 w 2647519"/>
                            <a:gd name="connsiteY725" fmla="*/ 1318259 h 2612594"/>
                            <a:gd name="connsiteX726" fmla="*/ 2584297 w 2647519"/>
                            <a:gd name="connsiteY726" fmla="*/ 1348739 h 2612594"/>
                            <a:gd name="connsiteX727" fmla="*/ 2591918 w 2647519"/>
                            <a:gd name="connsiteY727" fmla="*/ 1349432 h 2612594"/>
                            <a:gd name="connsiteX728" fmla="*/ 2591918 w 2647519"/>
                            <a:gd name="connsiteY728" fmla="*/ 1342072 h 2612594"/>
                            <a:gd name="connsiteX729" fmla="*/ 2599661 w 2647519"/>
                            <a:gd name="connsiteY729" fmla="*/ 1320563 h 2612594"/>
                            <a:gd name="connsiteX730" fmla="*/ 2599537 w 2647519"/>
                            <a:gd name="connsiteY730" fmla="*/ 1316355 h 2612594"/>
                            <a:gd name="connsiteX731" fmla="*/ 2607157 w 2647519"/>
                            <a:gd name="connsiteY731" fmla="*/ 1290637 h 2612594"/>
                            <a:gd name="connsiteX732" fmla="*/ 2617635 w 2647519"/>
                            <a:gd name="connsiteY732" fmla="*/ 1290637 h 2612594"/>
                            <a:gd name="connsiteX733" fmla="*/ 2633827 w 2647519"/>
                            <a:gd name="connsiteY733" fmla="*/ 1280160 h 2612594"/>
                            <a:gd name="connsiteX734" fmla="*/ 2635732 w 2647519"/>
                            <a:gd name="connsiteY734" fmla="*/ 1322070 h 2612594"/>
                            <a:gd name="connsiteX735" fmla="*/ 2630970 w 2647519"/>
                            <a:gd name="connsiteY735" fmla="*/ 1342072 h 2612594"/>
                            <a:gd name="connsiteX736" fmla="*/ 2625255 w 2647519"/>
                            <a:gd name="connsiteY736" fmla="*/ 1361122 h 2612594"/>
                            <a:gd name="connsiteX737" fmla="*/ 2622397 w 2647519"/>
                            <a:gd name="connsiteY737" fmla="*/ 1392555 h 2612594"/>
                            <a:gd name="connsiteX738" fmla="*/ 2621445 w 2647519"/>
                            <a:gd name="connsiteY738" fmla="*/ 1408747 h 2612594"/>
                            <a:gd name="connsiteX739" fmla="*/ 2619540 w 2647519"/>
                            <a:gd name="connsiteY739" fmla="*/ 1424940 h 2612594"/>
                            <a:gd name="connsiteX740" fmla="*/ 2615479 w 2647519"/>
                            <a:gd name="connsiteY740" fmla="*/ 1427648 h 2612594"/>
                            <a:gd name="connsiteX741" fmla="*/ 2615730 w 2647519"/>
                            <a:gd name="connsiteY741" fmla="*/ 1428749 h 2612594"/>
                            <a:gd name="connsiteX742" fmla="*/ 2619621 w 2647519"/>
                            <a:gd name="connsiteY742" fmla="*/ 1426155 h 2612594"/>
                            <a:gd name="connsiteX743" fmla="*/ 2621445 w 2647519"/>
                            <a:gd name="connsiteY743" fmla="*/ 1410652 h 2612594"/>
                            <a:gd name="connsiteX744" fmla="*/ 2622397 w 2647519"/>
                            <a:gd name="connsiteY744" fmla="*/ 1394460 h 2612594"/>
                            <a:gd name="connsiteX745" fmla="*/ 2625255 w 2647519"/>
                            <a:gd name="connsiteY745" fmla="*/ 1363027 h 2612594"/>
                            <a:gd name="connsiteX746" fmla="*/ 2630970 w 2647519"/>
                            <a:gd name="connsiteY746" fmla="*/ 1343977 h 2612594"/>
                            <a:gd name="connsiteX747" fmla="*/ 2635732 w 2647519"/>
                            <a:gd name="connsiteY747" fmla="*/ 1323975 h 2612594"/>
                            <a:gd name="connsiteX748" fmla="*/ 2643352 w 2647519"/>
                            <a:gd name="connsiteY748" fmla="*/ 1329690 h 2612594"/>
                            <a:gd name="connsiteX749" fmla="*/ 2642400 w 2647519"/>
                            <a:gd name="connsiteY749" fmla="*/ 1343977 h 2612594"/>
                            <a:gd name="connsiteX750" fmla="*/ 2640495 w 2647519"/>
                            <a:gd name="connsiteY750" fmla="*/ 1358265 h 2612594"/>
                            <a:gd name="connsiteX751" fmla="*/ 2639542 w 2647519"/>
                            <a:gd name="connsiteY751" fmla="*/ 1384935 h 2612594"/>
                            <a:gd name="connsiteX752" fmla="*/ 2637637 w 2647519"/>
                            <a:gd name="connsiteY752" fmla="*/ 1416367 h 2612594"/>
                            <a:gd name="connsiteX753" fmla="*/ 2632875 w 2647519"/>
                            <a:gd name="connsiteY753" fmla="*/ 1449705 h 2612594"/>
                            <a:gd name="connsiteX754" fmla="*/ 2627160 w 2647519"/>
                            <a:gd name="connsiteY754" fmla="*/ 1484947 h 2612594"/>
                            <a:gd name="connsiteX755" fmla="*/ 2620492 w 2647519"/>
                            <a:gd name="connsiteY755" fmla="*/ 1519237 h 2612594"/>
                            <a:gd name="connsiteX756" fmla="*/ 2608110 w 2647519"/>
                            <a:gd name="connsiteY756" fmla="*/ 1591627 h 2612594"/>
                            <a:gd name="connsiteX757" fmla="*/ 2596680 w 2647519"/>
                            <a:gd name="connsiteY757" fmla="*/ 1598295 h 2612594"/>
                            <a:gd name="connsiteX758" fmla="*/ 2582392 w 2647519"/>
                            <a:gd name="connsiteY758" fmla="*/ 1640205 h 2612594"/>
                            <a:gd name="connsiteX759" fmla="*/ 2578582 w 2647519"/>
                            <a:gd name="connsiteY759" fmla="*/ 1680210 h 2612594"/>
                            <a:gd name="connsiteX760" fmla="*/ 2576677 w 2647519"/>
                            <a:gd name="connsiteY760" fmla="*/ 1685925 h 2612594"/>
                            <a:gd name="connsiteX761" fmla="*/ 2560485 w 2647519"/>
                            <a:gd name="connsiteY761" fmla="*/ 1729740 h 2612594"/>
                            <a:gd name="connsiteX762" fmla="*/ 2555722 w 2647519"/>
                            <a:gd name="connsiteY762" fmla="*/ 1733550 h 2612594"/>
                            <a:gd name="connsiteX763" fmla="*/ 2535720 w 2647519"/>
                            <a:gd name="connsiteY763" fmla="*/ 1780222 h 2612594"/>
                            <a:gd name="connsiteX764" fmla="*/ 2556675 w 2647519"/>
                            <a:gd name="connsiteY764" fmla="*/ 1733550 h 2612594"/>
                            <a:gd name="connsiteX765" fmla="*/ 2561437 w 2647519"/>
                            <a:gd name="connsiteY765" fmla="*/ 1729740 h 2612594"/>
                            <a:gd name="connsiteX766" fmla="*/ 2530957 w 2647519"/>
                            <a:gd name="connsiteY766" fmla="*/ 1816417 h 2612594"/>
                            <a:gd name="connsiteX767" fmla="*/ 2514765 w 2647519"/>
                            <a:gd name="connsiteY767" fmla="*/ 1824990 h 2612594"/>
                            <a:gd name="connsiteX768" fmla="*/ 2511407 w 2647519"/>
                            <a:gd name="connsiteY768" fmla="*/ 1831707 h 2612594"/>
                            <a:gd name="connsiteX769" fmla="*/ 2511908 w 2647519"/>
                            <a:gd name="connsiteY769" fmla="*/ 1832609 h 2612594"/>
                            <a:gd name="connsiteX770" fmla="*/ 2515718 w 2647519"/>
                            <a:gd name="connsiteY770" fmla="*/ 1824989 h 2612594"/>
                            <a:gd name="connsiteX771" fmla="*/ 2531910 w 2647519"/>
                            <a:gd name="connsiteY771" fmla="*/ 1816417 h 2612594"/>
                            <a:gd name="connsiteX772" fmla="*/ 2520480 w 2647519"/>
                            <a:gd name="connsiteY772" fmla="*/ 1848802 h 2612594"/>
                            <a:gd name="connsiteX773" fmla="*/ 2499525 w 2647519"/>
                            <a:gd name="connsiteY773" fmla="*/ 1886902 h 2612594"/>
                            <a:gd name="connsiteX774" fmla="*/ 2489048 w 2647519"/>
                            <a:gd name="connsiteY774" fmla="*/ 1905952 h 2612594"/>
                            <a:gd name="connsiteX775" fmla="*/ 2477618 w 2647519"/>
                            <a:gd name="connsiteY775" fmla="*/ 1925002 h 2612594"/>
                            <a:gd name="connsiteX776" fmla="*/ 2469045 w 2647519"/>
                            <a:gd name="connsiteY776" fmla="*/ 1939289 h 2612594"/>
                            <a:gd name="connsiteX777" fmla="*/ 2456663 w 2647519"/>
                            <a:gd name="connsiteY777" fmla="*/ 1966912 h 2612594"/>
                            <a:gd name="connsiteX778" fmla="*/ 2443328 w 2647519"/>
                            <a:gd name="connsiteY778" fmla="*/ 1993582 h 2612594"/>
                            <a:gd name="connsiteX779" fmla="*/ 2422373 w 2647519"/>
                            <a:gd name="connsiteY779" fmla="*/ 2022157 h 2612594"/>
                            <a:gd name="connsiteX780" fmla="*/ 2401418 w 2647519"/>
                            <a:gd name="connsiteY780" fmla="*/ 2048827 h 2612594"/>
                            <a:gd name="connsiteX781" fmla="*/ 2402291 w 2647519"/>
                            <a:gd name="connsiteY781" fmla="*/ 2047029 h 2612594"/>
                            <a:gd name="connsiteX782" fmla="*/ 2378557 w 2647519"/>
                            <a:gd name="connsiteY782" fmla="*/ 2079307 h 2612594"/>
                            <a:gd name="connsiteX783" fmla="*/ 2327122 w 2647519"/>
                            <a:gd name="connsiteY783" fmla="*/ 2135505 h 2612594"/>
                            <a:gd name="connsiteX784" fmla="*/ 2316996 w 2647519"/>
                            <a:gd name="connsiteY784" fmla="*/ 2151085 h 2612594"/>
                            <a:gd name="connsiteX785" fmla="*/ 2327122 w 2647519"/>
                            <a:gd name="connsiteY785" fmla="*/ 2136457 h 2612594"/>
                            <a:gd name="connsiteX786" fmla="*/ 2378557 w 2647519"/>
                            <a:gd name="connsiteY786" fmla="*/ 2080259 h 2612594"/>
                            <a:gd name="connsiteX787" fmla="*/ 2339505 w 2647519"/>
                            <a:gd name="connsiteY787" fmla="*/ 2139314 h 2612594"/>
                            <a:gd name="connsiteX788" fmla="*/ 2319383 w 2647519"/>
                            <a:gd name="connsiteY788" fmla="*/ 2160389 h 2612594"/>
                            <a:gd name="connsiteX789" fmla="*/ 2303230 w 2647519"/>
                            <a:gd name="connsiteY789" fmla="*/ 2172263 h 2612594"/>
                            <a:gd name="connsiteX790" fmla="*/ 2302357 w 2647519"/>
                            <a:gd name="connsiteY790" fmla="*/ 2173605 h 2612594"/>
                            <a:gd name="connsiteX791" fmla="*/ 2292258 w 2647519"/>
                            <a:gd name="connsiteY791" fmla="*/ 2181374 h 2612594"/>
                            <a:gd name="connsiteX792" fmla="*/ 2291880 w 2647519"/>
                            <a:gd name="connsiteY792" fmla="*/ 2184082 h 2612594"/>
                            <a:gd name="connsiteX793" fmla="*/ 2247112 w 2647519"/>
                            <a:gd name="connsiteY793" fmla="*/ 2229802 h 2612594"/>
                            <a:gd name="connsiteX794" fmla="*/ 2199487 w 2647519"/>
                            <a:gd name="connsiteY794" fmla="*/ 2273617 h 2612594"/>
                            <a:gd name="connsiteX795" fmla="*/ 2197285 w 2647519"/>
                            <a:gd name="connsiteY795" fmla="*/ 2275215 h 2612594"/>
                            <a:gd name="connsiteX796" fmla="*/ 2181390 w 2647519"/>
                            <a:gd name="connsiteY796" fmla="*/ 2295524 h 2612594"/>
                            <a:gd name="connsiteX797" fmla="*/ 2143290 w 2647519"/>
                            <a:gd name="connsiteY797" fmla="*/ 2324099 h 2612594"/>
                            <a:gd name="connsiteX798" fmla="*/ 2107681 w 2647519"/>
                            <a:gd name="connsiteY798" fmla="*/ 2350806 h 2612594"/>
                            <a:gd name="connsiteX799" fmla="*/ 2107553 w 2647519"/>
                            <a:gd name="connsiteY799" fmla="*/ 2350961 h 2612594"/>
                            <a:gd name="connsiteX800" fmla="*/ 2143290 w 2647519"/>
                            <a:gd name="connsiteY800" fmla="*/ 2325052 h 2612594"/>
                            <a:gd name="connsiteX801" fmla="*/ 2181390 w 2647519"/>
                            <a:gd name="connsiteY801" fmla="*/ 2296477 h 2612594"/>
                            <a:gd name="connsiteX802" fmla="*/ 2149957 w 2647519"/>
                            <a:gd name="connsiteY802" fmla="*/ 2327909 h 2612594"/>
                            <a:gd name="connsiteX803" fmla="*/ 2124359 w 2647519"/>
                            <a:gd name="connsiteY803" fmla="*/ 2344578 h 2612594"/>
                            <a:gd name="connsiteX804" fmla="*/ 2106651 w 2647519"/>
                            <a:gd name="connsiteY804" fmla="*/ 2352057 h 2612594"/>
                            <a:gd name="connsiteX805" fmla="*/ 2106142 w 2647519"/>
                            <a:gd name="connsiteY805" fmla="*/ 2352675 h 2612594"/>
                            <a:gd name="connsiteX806" fmla="*/ 2087092 w 2647519"/>
                            <a:gd name="connsiteY806" fmla="*/ 2365057 h 2612594"/>
                            <a:gd name="connsiteX807" fmla="*/ 2079914 w 2647519"/>
                            <a:gd name="connsiteY807" fmla="*/ 2368384 h 2612594"/>
                            <a:gd name="connsiteX808" fmla="*/ 2061852 w 2647519"/>
                            <a:gd name="connsiteY808" fmla="*/ 2383036 h 2612594"/>
                            <a:gd name="connsiteX809" fmla="*/ 2044230 w 2647519"/>
                            <a:gd name="connsiteY809" fmla="*/ 2395537 h 2612594"/>
                            <a:gd name="connsiteX810" fmla="*/ 2017560 w 2647519"/>
                            <a:gd name="connsiteY810" fmla="*/ 2412682 h 2612594"/>
                            <a:gd name="connsiteX811" fmla="*/ 2008988 w 2647519"/>
                            <a:gd name="connsiteY811" fmla="*/ 2413635 h 2612594"/>
                            <a:gd name="connsiteX812" fmla="*/ 1999460 w 2647519"/>
                            <a:gd name="connsiteY812" fmla="*/ 2417870 h 2612594"/>
                            <a:gd name="connsiteX813" fmla="*/ 1997979 w 2647519"/>
                            <a:gd name="connsiteY813" fmla="*/ 2418995 h 2612594"/>
                            <a:gd name="connsiteX814" fmla="*/ 2009940 w 2647519"/>
                            <a:gd name="connsiteY814" fmla="*/ 2414587 h 2612594"/>
                            <a:gd name="connsiteX815" fmla="*/ 2018513 w 2647519"/>
                            <a:gd name="connsiteY815" fmla="*/ 2413635 h 2612594"/>
                            <a:gd name="connsiteX816" fmla="*/ 1984223 w 2647519"/>
                            <a:gd name="connsiteY816" fmla="*/ 2439352 h 2612594"/>
                            <a:gd name="connsiteX817" fmla="*/ 1962315 w 2647519"/>
                            <a:gd name="connsiteY817" fmla="*/ 2450783 h 2612594"/>
                            <a:gd name="connsiteX818" fmla="*/ 1940408 w 2647519"/>
                            <a:gd name="connsiteY818" fmla="*/ 2461260 h 2612594"/>
                            <a:gd name="connsiteX819" fmla="*/ 1924934 w 2647519"/>
                            <a:gd name="connsiteY819" fmla="*/ 2463581 h 2612594"/>
                            <a:gd name="connsiteX820" fmla="*/ 1922310 w 2647519"/>
                            <a:gd name="connsiteY820" fmla="*/ 2465070 h 2612594"/>
                            <a:gd name="connsiteX821" fmla="*/ 1849920 w 2647519"/>
                            <a:gd name="connsiteY821" fmla="*/ 2496502 h 2612594"/>
                            <a:gd name="connsiteX822" fmla="*/ 1846229 w 2647519"/>
                            <a:gd name="connsiteY822" fmla="*/ 2497341 h 2612594"/>
                            <a:gd name="connsiteX823" fmla="*/ 1824203 w 2647519"/>
                            <a:gd name="connsiteY823" fmla="*/ 2511742 h 2612594"/>
                            <a:gd name="connsiteX824" fmla="*/ 1836585 w 2647519"/>
                            <a:gd name="connsiteY824" fmla="*/ 2515552 h 2612594"/>
                            <a:gd name="connsiteX825" fmla="*/ 1790865 w 2647519"/>
                            <a:gd name="connsiteY825" fmla="*/ 2535555 h 2612594"/>
                            <a:gd name="connsiteX826" fmla="*/ 1794675 w 2647519"/>
                            <a:gd name="connsiteY826" fmla="*/ 2522220 h 2612594"/>
                            <a:gd name="connsiteX827" fmla="*/ 1779435 w 2647519"/>
                            <a:gd name="connsiteY827" fmla="*/ 2527935 h 2612594"/>
                            <a:gd name="connsiteX828" fmla="*/ 1765148 w 2647519"/>
                            <a:gd name="connsiteY828" fmla="*/ 2532697 h 2612594"/>
                            <a:gd name="connsiteX829" fmla="*/ 1735620 w 2647519"/>
                            <a:gd name="connsiteY829" fmla="*/ 2542222 h 2612594"/>
                            <a:gd name="connsiteX830" fmla="*/ 1731675 w 2647519"/>
                            <a:gd name="connsiteY830" fmla="*/ 2537487 h 2612594"/>
                            <a:gd name="connsiteX831" fmla="*/ 1717522 w 2647519"/>
                            <a:gd name="connsiteY831" fmla="*/ 2540317 h 2612594"/>
                            <a:gd name="connsiteX832" fmla="*/ 1700377 w 2647519"/>
                            <a:gd name="connsiteY832" fmla="*/ 2544127 h 2612594"/>
                            <a:gd name="connsiteX833" fmla="*/ 1665135 w 2647519"/>
                            <a:gd name="connsiteY833" fmla="*/ 2552700 h 2612594"/>
                            <a:gd name="connsiteX834" fmla="*/ 1663973 w 2647519"/>
                            <a:gd name="connsiteY834" fmla="*/ 2553240 h 2612594"/>
                            <a:gd name="connsiteX835" fmla="*/ 1697520 w 2647519"/>
                            <a:gd name="connsiteY835" fmla="*/ 2545079 h 2612594"/>
                            <a:gd name="connsiteX836" fmla="*/ 1714665 w 2647519"/>
                            <a:gd name="connsiteY836" fmla="*/ 2541269 h 2612594"/>
                            <a:gd name="connsiteX837" fmla="*/ 1728952 w 2647519"/>
                            <a:gd name="connsiteY837" fmla="*/ 2538412 h 2612594"/>
                            <a:gd name="connsiteX838" fmla="*/ 1734667 w 2647519"/>
                            <a:gd name="connsiteY838" fmla="*/ 2543174 h 2612594"/>
                            <a:gd name="connsiteX839" fmla="*/ 1764195 w 2647519"/>
                            <a:gd name="connsiteY839" fmla="*/ 2533649 h 2612594"/>
                            <a:gd name="connsiteX840" fmla="*/ 1778482 w 2647519"/>
                            <a:gd name="connsiteY840" fmla="*/ 2528887 h 2612594"/>
                            <a:gd name="connsiteX841" fmla="*/ 1793722 w 2647519"/>
                            <a:gd name="connsiteY841" fmla="*/ 2523172 h 2612594"/>
                            <a:gd name="connsiteX842" fmla="*/ 1789912 w 2647519"/>
                            <a:gd name="connsiteY842" fmla="*/ 2536507 h 2612594"/>
                            <a:gd name="connsiteX843" fmla="*/ 1749907 w 2647519"/>
                            <a:gd name="connsiteY843" fmla="*/ 2555557 h 2612594"/>
                            <a:gd name="connsiteX844" fmla="*/ 1747946 w 2647519"/>
                            <a:gd name="connsiteY844" fmla="*/ 2555008 h 2612594"/>
                            <a:gd name="connsiteX845" fmla="*/ 1720380 w 2647519"/>
                            <a:gd name="connsiteY845" fmla="*/ 2566034 h 2612594"/>
                            <a:gd name="connsiteX846" fmla="*/ 1697520 w 2647519"/>
                            <a:gd name="connsiteY846" fmla="*/ 2572702 h 2612594"/>
                            <a:gd name="connsiteX847" fmla="*/ 1663230 w 2647519"/>
                            <a:gd name="connsiteY847" fmla="*/ 2581274 h 2612594"/>
                            <a:gd name="connsiteX848" fmla="*/ 1649062 w 2647519"/>
                            <a:gd name="connsiteY848" fmla="*/ 2580084 h 2612594"/>
                            <a:gd name="connsiteX849" fmla="*/ 1619428 w 2647519"/>
                            <a:gd name="connsiteY849" fmla="*/ 2585850 h 2612594"/>
                            <a:gd name="connsiteX850" fmla="*/ 1618462 w 2647519"/>
                            <a:gd name="connsiteY850" fmla="*/ 2587942 h 2612594"/>
                            <a:gd name="connsiteX851" fmla="*/ 1539405 w 2647519"/>
                            <a:gd name="connsiteY851" fmla="*/ 2603182 h 2612594"/>
                            <a:gd name="connsiteX852" fmla="*/ 1521307 w 2647519"/>
                            <a:gd name="connsiteY852" fmla="*/ 2598419 h 2612594"/>
                            <a:gd name="connsiteX853" fmla="*/ 1506067 w 2647519"/>
                            <a:gd name="connsiteY853" fmla="*/ 2598419 h 2612594"/>
                            <a:gd name="connsiteX854" fmla="*/ 1479397 w 2647519"/>
                            <a:gd name="connsiteY854" fmla="*/ 2606992 h 2612594"/>
                            <a:gd name="connsiteX855" fmla="*/ 1455585 w 2647519"/>
                            <a:gd name="connsiteY855" fmla="*/ 2608897 h 2612594"/>
                            <a:gd name="connsiteX856" fmla="*/ 1431772 w 2647519"/>
                            <a:gd name="connsiteY856" fmla="*/ 2609849 h 2612594"/>
                            <a:gd name="connsiteX857" fmla="*/ 1429185 w 2647519"/>
                            <a:gd name="connsiteY857" fmla="*/ 2608741 h 2612594"/>
                            <a:gd name="connsiteX858" fmla="*/ 1407484 w 2647519"/>
                            <a:gd name="connsiteY858" fmla="*/ 2612588 h 2612594"/>
                            <a:gd name="connsiteX859" fmla="*/ 1381290 w 2647519"/>
                            <a:gd name="connsiteY859" fmla="*/ 2607944 h 2612594"/>
                            <a:gd name="connsiteX860" fmla="*/ 1382243 w 2647519"/>
                            <a:gd name="connsiteY860" fmla="*/ 2606992 h 2612594"/>
                            <a:gd name="connsiteX861" fmla="*/ 1387005 w 2647519"/>
                            <a:gd name="connsiteY861" fmla="*/ 2600324 h 2612594"/>
                            <a:gd name="connsiteX862" fmla="*/ 1365098 w 2647519"/>
                            <a:gd name="connsiteY862" fmla="*/ 2597467 h 2612594"/>
                            <a:gd name="connsiteX863" fmla="*/ 1375575 w 2647519"/>
                            <a:gd name="connsiteY863" fmla="*/ 2591752 h 2612594"/>
                            <a:gd name="connsiteX864" fmla="*/ 1407008 w 2647519"/>
                            <a:gd name="connsiteY864" fmla="*/ 2590799 h 2612594"/>
                            <a:gd name="connsiteX865" fmla="*/ 1437488 w 2647519"/>
                            <a:gd name="connsiteY865" fmla="*/ 2589847 h 2612594"/>
                            <a:gd name="connsiteX866" fmla="*/ 1481302 w 2647519"/>
                            <a:gd name="connsiteY866" fmla="*/ 2590799 h 2612594"/>
                            <a:gd name="connsiteX867" fmla="*/ 1511782 w 2647519"/>
                            <a:gd name="connsiteY867" fmla="*/ 2587942 h 2612594"/>
                            <a:gd name="connsiteX868" fmla="*/ 1568932 w 2647519"/>
                            <a:gd name="connsiteY868" fmla="*/ 2575559 h 2612594"/>
                            <a:gd name="connsiteX869" fmla="*/ 1607032 w 2647519"/>
                            <a:gd name="connsiteY869" fmla="*/ 2566987 h 2612594"/>
                            <a:gd name="connsiteX870" fmla="*/ 1635607 w 2647519"/>
                            <a:gd name="connsiteY870" fmla="*/ 2566034 h 2612594"/>
                            <a:gd name="connsiteX871" fmla="*/ 1637595 w 2647519"/>
                            <a:gd name="connsiteY871" fmla="*/ 2565111 h 2612594"/>
                            <a:gd name="connsiteX872" fmla="*/ 1609890 w 2647519"/>
                            <a:gd name="connsiteY872" fmla="*/ 2566035 h 2612594"/>
                            <a:gd name="connsiteX873" fmla="*/ 1571790 w 2647519"/>
                            <a:gd name="connsiteY873" fmla="*/ 2574607 h 2612594"/>
                            <a:gd name="connsiteX874" fmla="*/ 1514640 w 2647519"/>
                            <a:gd name="connsiteY874" fmla="*/ 2586990 h 2612594"/>
                            <a:gd name="connsiteX875" fmla="*/ 1484160 w 2647519"/>
                            <a:gd name="connsiteY875" fmla="*/ 2589847 h 2612594"/>
                            <a:gd name="connsiteX876" fmla="*/ 1440345 w 2647519"/>
                            <a:gd name="connsiteY876" fmla="*/ 2588895 h 2612594"/>
                            <a:gd name="connsiteX877" fmla="*/ 1409865 w 2647519"/>
                            <a:gd name="connsiteY877" fmla="*/ 2589847 h 2612594"/>
                            <a:gd name="connsiteX878" fmla="*/ 1378432 w 2647519"/>
                            <a:gd name="connsiteY878" fmla="*/ 2590800 h 2612594"/>
                            <a:gd name="connsiteX879" fmla="*/ 1379385 w 2647519"/>
                            <a:gd name="connsiteY879" fmla="*/ 2586990 h 2612594"/>
                            <a:gd name="connsiteX880" fmla="*/ 1386052 w 2647519"/>
                            <a:gd name="connsiteY880" fmla="*/ 2577465 h 2612594"/>
                            <a:gd name="connsiteX881" fmla="*/ 1679422 w 2647519"/>
                            <a:gd name="connsiteY881" fmla="*/ 2528887 h 2612594"/>
                            <a:gd name="connsiteX882" fmla="*/ 1878495 w 2647519"/>
                            <a:gd name="connsiteY882" fmla="*/ 2453640 h 2612594"/>
                            <a:gd name="connsiteX883" fmla="*/ 1930882 w 2647519"/>
                            <a:gd name="connsiteY883" fmla="*/ 2426017 h 2612594"/>
                            <a:gd name="connsiteX884" fmla="*/ 1960410 w 2647519"/>
                            <a:gd name="connsiteY884" fmla="*/ 2410777 h 2612594"/>
                            <a:gd name="connsiteX885" fmla="*/ 1990890 w 2647519"/>
                            <a:gd name="connsiteY885" fmla="*/ 2394585 h 2612594"/>
                            <a:gd name="connsiteX886" fmla="*/ 2048040 w 2647519"/>
                            <a:gd name="connsiteY886" fmla="*/ 2360295 h 2612594"/>
                            <a:gd name="connsiteX887" fmla="*/ 2093760 w 2647519"/>
                            <a:gd name="connsiteY887" fmla="*/ 2325052 h 2612594"/>
                            <a:gd name="connsiteX888" fmla="*/ 2179485 w 2647519"/>
                            <a:gd name="connsiteY888" fmla="*/ 2258377 h 2612594"/>
                            <a:gd name="connsiteX889" fmla="*/ 2203297 w 2647519"/>
                            <a:gd name="connsiteY889" fmla="*/ 2239327 h 2612594"/>
                            <a:gd name="connsiteX890" fmla="*/ 2226157 w 2647519"/>
                            <a:gd name="connsiteY890" fmla="*/ 2219325 h 2612594"/>
                            <a:gd name="connsiteX891" fmla="*/ 2260447 w 2647519"/>
                            <a:gd name="connsiteY891" fmla="*/ 2187892 h 2612594"/>
                            <a:gd name="connsiteX892" fmla="*/ 2274735 w 2647519"/>
                            <a:gd name="connsiteY892" fmla="*/ 2164080 h 2612594"/>
                            <a:gd name="connsiteX893" fmla="*/ 2295258 w 2647519"/>
                            <a:gd name="connsiteY893" fmla="*/ 2145267 h 2612594"/>
                            <a:gd name="connsiteX894" fmla="*/ 2295423 w 2647519"/>
                            <a:gd name="connsiteY894" fmla="*/ 2144085 h 2612594"/>
                            <a:gd name="connsiteX895" fmla="*/ 2275688 w 2647519"/>
                            <a:gd name="connsiteY895" fmla="*/ 2162175 h 2612594"/>
                            <a:gd name="connsiteX896" fmla="*/ 2261400 w 2647519"/>
                            <a:gd name="connsiteY896" fmla="*/ 2185987 h 2612594"/>
                            <a:gd name="connsiteX897" fmla="*/ 2227110 w 2647519"/>
                            <a:gd name="connsiteY897" fmla="*/ 2217420 h 2612594"/>
                            <a:gd name="connsiteX898" fmla="*/ 2204250 w 2647519"/>
                            <a:gd name="connsiteY898" fmla="*/ 2237422 h 2612594"/>
                            <a:gd name="connsiteX899" fmla="*/ 2180438 w 2647519"/>
                            <a:gd name="connsiteY899" fmla="*/ 2256472 h 2612594"/>
                            <a:gd name="connsiteX900" fmla="*/ 2094713 w 2647519"/>
                            <a:gd name="connsiteY900" fmla="*/ 2323147 h 2612594"/>
                            <a:gd name="connsiteX901" fmla="*/ 2048993 w 2647519"/>
                            <a:gd name="connsiteY901" fmla="*/ 2358390 h 2612594"/>
                            <a:gd name="connsiteX902" fmla="*/ 1991843 w 2647519"/>
                            <a:gd name="connsiteY902" fmla="*/ 2392680 h 2612594"/>
                            <a:gd name="connsiteX903" fmla="*/ 1961363 w 2647519"/>
                            <a:gd name="connsiteY903" fmla="*/ 2408872 h 2612594"/>
                            <a:gd name="connsiteX904" fmla="*/ 1931835 w 2647519"/>
                            <a:gd name="connsiteY904" fmla="*/ 2424112 h 2612594"/>
                            <a:gd name="connsiteX905" fmla="*/ 1879448 w 2647519"/>
                            <a:gd name="connsiteY905" fmla="*/ 2451735 h 2612594"/>
                            <a:gd name="connsiteX906" fmla="*/ 1680375 w 2647519"/>
                            <a:gd name="connsiteY906" fmla="*/ 2526982 h 2612594"/>
                            <a:gd name="connsiteX907" fmla="*/ 1387005 w 2647519"/>
                            <a:gd name="connsiteY907" fmla="*/ 2575560 h 2612594"/>
                            <a:gd name="connsiteX908" fmla="*/ 1365098 w 2647519"/>
                            <a:gd name="connsiteY908" fmla="*/ 2575560 h 2612594"/>
                            <a:gd name="connsiteX909" fmla="*/ 1362240 w 2647519"/>
                            <a:gd name="connsiteY909" fmla="*/ 2567940 h 2612594"/>
                            <a:gd name="connsiteX910" fmla="*/ 1339380 w 2647519"/>
                            <a:gd name="connsiteY910" fmla="*/ 2566987 h 2612594"/>
                            <a:gd name="connsiteX911" fmla="*/ 1318425 w 2647519"/>
                            <a:gd name="connsiteY911" fmla="*/ 2575560 h 2612594"/>
                            <a:gd name="connsiteX912" fmla="*/ 1257465 w 2647519"/>
                            <a:gd name="connsiteY912" fmla="*/ 2576512 h 2612594"/>
                            <a:gd name="connsiteX913" fmla="*/ 1212698 w 2647519"/>
                            <a:gd name="connsiteY913" fmla="*/ 2574607 h 2612594"/>
                            <a:gd name="connsiteX914" fmla="*/ 1190790 w 2647519"/>
                            <a:gd name="connsiteY914" fmla="*/ 2572702 h 2612594"/>
                            <a:gd name="connsiteX915" fmla="*/ 1168883 w 2647519"/>
                            <a:gd name="connsiteY915" fmla="*/ 2568892 h 2612594"/>
                            <a:gd name="connsiteX916" fmla="*/ 1182080 w 2647519"/>
                            <a:gd name="connsiteY916" fmla="*/ 2554816 h 2612594"/>
                            <a:gd name="connsiteX917" fmla="*/ 1179360 w 2647519"/>
                            <a:gd name="connsiteY917" fmla="*/ 2555557 h 2612594"/>
                            <a:gd name="connsiteX918" fmla="*/ 1130192 w 2647519"/>
                            <a:gd name="connsiteY918" fmla="*/ 2546452 h 2612594"/>
                            <a:gd name="connsiteX919" fmla="*/ 1127925 w 2647519"/>
                            <a:gd name="connsiteY919" fmla="*/ 2546985 h 2612594"/>
                            <a:gd name="connsiteX920" fmla="*/ 1033628 w 2647519"/>
                            <a:gd name="connsiteY920" fmla="*/ 2529840 h 2612594"/>
                            <a:gd name="connsiteX921" fmla="*/ 996480 w 2647519"/>
                            <a:gd name="connsiteY921" fmla="*/ 2522220 h 2612594"/>
                            <a:gd name="connsiteX922" fmla="*/ 964095 w 2647519"/>
                            <a:gd name="connsiteY922" fmla="*/ 2516505 h 2612594"/>
                            <a:gd name="connsiteX923" fmla="*/ 925043 w 2647519"/>
                            <a:gd name="connsiteY923" fmla="*/ 2498407 h 2612594"/>
                            <a:gd name="connsiteX924" fmla="*/ 876465 w 2647519"/>
                            <a:gd name="connsiteY924" fmla="*/ 2480310 h 2612594"/>
                            <a:gd name="connsiteX925" fmla="*/ 825983 w 2647519"/>
                            <a:gd name="connsiteY925" fmla="*/ 2460307 h 2612594"/>
                            <a:gd name="connsiteX926" fmla="*/ 834555 w 2647519"/>
                            <a:gd name="connsiteY926" fmla="*/ 2453640 h 2612594"/>
                            <a:gd name="connsiteX927" fmla="*/ 869798 w 2647519"/>
                            <a:gd name="connsiteY927" fmla="*/ 2460307 h 2612594"/>
                            <a:gd name="connsiteX928" fmla="*/ 885038 w 2647519"/>
                            <a:gd name="connsiteY928" fmla="*/ 2473642 h 2612594"/>
                            <a:gd name="connsiteX929" fmla="*/ 937425 w 2647519"/>
                            <a:gd name="connsiteY929" fmla="*/ 2488882 h 2612594"/>
                            <a:gd name="connsiteX930" fmla="*/ 1041248 w 2647519"/>
                            <a:gd name="connsiteY930" fmla="*/ 2515552 h 2612594"/>
                            <a:gd name="connsiteX931" fmla="*/ 1066965 w 2647519"/>
                            <a:gd name="connsiteY931" fmla="*/ 2520315 h 2612594"/>
                            <a:gd name="connsiteX932" fmla="*/ 1094588 w 2647519"/>
                            <a:gd name="connsiteY932" fmla="*/ 2525077 h 2612594"/>
                            <a:gd name="connsiteX933" fmla="*/ 1125068 w 2647519"/>
                            <a:gd name="connsiteY933" fmla="*/ 2531745 h 2612594"/>
                            <a:gd name="connsiteX934" fmla="*/ 1158657 w 2647519"/>
                            <a:gd name="connsiteY934" fmla="*/ 2539008 h 2612594"/>
                            <a:gd name="connsiteX935" fmla="*/ 1161262 w 2647519"/>
                            <a:gd name="connsiteY935" fmla="*/ 2538412 h 2612594"/>
                            <a:gd name="connsiteX936" fmla="*/ 1192695 w 2647519"/>
                            <a:gd name="connsiteY936" fmla="*/ 2543175 h 2612594"/>
                            <a:gd name="connsiteX937" fmla="*/ 1193647 w 2647519"/>
                            <a:gd name="connsiteY937" fmla="*/ 2541270 h 2612594"/>
                            <a:gd name="connsiteX938" fmla="*/ 1239367 w 2647519"/>
                            <a:gd name="connsiteY938" fmla="*/ 2543175 h 2612594"/>
                            <a:gd name="connsiteX939" fmla="*/ 1246987 w 2647519"/>
                            <a:gd name="connsiteY939" fmla="*/ 2544127 h 2612594"/>
                            <a:gd name="connsiteX940" fmla="*/ 1317472 w 2647519"/>
                            <a:gd name="connsiteY940" fmla="*/ 2544127 h 2612594"/>
                            <a:gd name="connsiteX941" fmla="*/ 1368907 w 2647519"/>
                            <a:gd name="connsiteY941" fmla="*/ 2546032 h 2612594"/>
                            <a:gd name="connsiteX942" fmla="*/ 1429867 w 2647519"/>
                            <a:gd name="connsiteY942" fmla="*/ 2541270 h 2612594"/>
                            <a:gd name="connsiteX943" fmla="*/ 1437487 w 2647519"/>
                            <a:gd name="connsiteY943" fmla="*/ 2541270 h 2612594"/>
                            <a:gd name="connsiteX944" fmla="*/ 1440345 w 2647519"/>
                            <a:gd name="connsiteY944" fmla="*/ 2548890 h 2612594"/>
                            <a:gd name="connsiteX945" fmla="*/ 1500352 w 2647519"/>
                            <a:gd name="connsiteY945" fmla="*/ 2541270 h 2612594"/>
                            <a:gd name="connsiteX946" fmla="*/ 1540357 w 2647519"/>
                            <a:gd name="connsiteY946" fmla="*/ 2531745 h 2612594"/>
                            <a:gd name="connsiteX947" fmla="*/ 1563217 w 2647519"/>
                            <a:gd name="connsiteY947" fmla="*/ 2527935 h 2612594"/>
                            <a:gd name="connsiteX948" fmla="*/ 1577505 w 2647519"/>
                            <a:gd name="connsiteY948" fmla="*/ 2526030 h 2612594"/>
                            <a:gd name="connsiteX949" fmla="*/ 1608937 w 2647519"/>
                            <a:gd name="connsiteY949" fmla="*/ 2518410 h 2612594"/>
                            <a:gd name="connsiteX950" fmla="*/ 1634655 w 2647519"/>
                            <a:gd name="connsiteY950" fmla="*/ 2512695 h 2612594"/>
                            <a:gd name="connsiteX951" fmla="*/ 1660372 w 2647519"/>
                            <a:gd name="connsiteY951" fmla="*/ 2506027 h 2612594"/>
                            <a:gd name="connsiteX952" fmla="*/ 1707545 w 2647519"/>
                            <a:gd name="connsiteY952" fmla="*/ 2497863 h 2612594"/>
                            <a:gd name="connsiteX953" fmla="*/ 1713713 w 2647519"/>
                            <a:gd name="connsiteY953" fmla="*/ 2495550 h 2612594"/>
                            <a:gd name="connsiteX954" fmla="*/ 1664183 w 2647519"/>
                            <a:gd name="connsiteY954" fmla="*/ 2504122 h 2612594"/>
                            <a:gd name="connsiteX955" fmla="*/ 1638465 w 2647519"/>
                            <a:gd name="connsiteY955" fmla="*/ 2510790 h 2612594"/>
                            <a:gd name="connsiteX956" fmla="*/ 1612748 w 2647519"/>
                            <a:gd name="connsiteY956" fmla="*/ 2516505 h 2612594"/>
                            <a:gd name="connsiteX957" fmla="*/ 1581315 w 2647519"/>
                            <a:gd name="connsiteY957" fmla="*/ 2524125 h 2612594"/>
                            <a:gd name="connsiteX958" fmla="*/ 1567028 w 2647519"/>
                            <a:gd name="connsiteY958" fmla="*/ 2526030 h 2612594"/>
                            <a:gd name="connsiteX959" fmla="*/ 1544168 w 2647519"/>
                            <a:gd name="connsiteY959" fmla="*/ 2529840 h 2612594"/>
                            <a:gd name="connsiteX960" fmla="*/ 1482255 w 2647519"/>
                            <a:gd name="connsiteY960" fmla="*/ 2535555 h 2612594"/>
                            <a:gd name="connsiteX961" fmla="*/ 1440345 w 2647519"/>
                            <a:gd name="connsiteY961" fmla="*/ 2539365 h 2612594"/>
                            <a:gd name="connsiteX962" fmla="*/ 1432725 w 2647519"/>
                            <a:gd name="connsiteY962" fmla="*/ 2539365 h 2612594"/>
                            <a:gd name="connsiteX963" fmla="*/ 1371765 w 2647519"/>
                            <a:gd name="connsiteY963" fmla="*/ 2544127 h 2612594"/>
                            <a:gd name="connsiteX964" fmla="*/ 1320330 w 2647519"/>
                            <a:gd name="connsiteY964" fmla="*/ 2542222 h 2612594"/>
                            <a:gd name="connsiteX965" fmla="*/ 1249845 w 2647519"/>
                            <a:gd name="connsiteY965" fmla="*/ 2542222 h 2612594"/>
                            <a:gd name="connsiteX966" fmla="*/ 1242225 w 2647519"/>
                            <a:gd name="connsiteY966" fmla="*/ 2541270 h 2612594"/>
                            <a:gd name="connsiteX967" fmla="*/ 1212698 w 2647519"/>
                            <a:gd name="connsiteY967" fmla="*/ 2528887 h 2612594"/>
                            <a:gd name="connsiteX968" fmla="*/ 1196505 w 2647519"/>
                            <a:gd name="connsiteY968" fmla="*/ 2539365 h 2612594"/>
                            <a:gd name="connsiteX969" fmla="*/ 1196464 w 2647519"/>
                            <a:gd name="connsiteY969" fmla="*/ 2539447 h 2612594"/>
                            <a:gd name="connsiteX970" fmla="*/ 1209840 w 2647519"/>
                            <a:gd name="connsiteY970" fmla="*/ 2530792 h 2612594"/>
                            <a:gd name="connsiteX971" fmla="*/ 1239368 w 2647519"/>
                            <a:gd name="connsiteY971" fmla="*/ 2543174 h 2612594"/>
                            <a:gd name="connsiteX972" fmla="*/ 1193648 w 2647519"/>
                            <a:gd name="connsiteY972" fmla="*/ 2541269 h 2612594"/>
                            <a:gd name="connsiteX973" fmla="*/ 1194008 w 2647519"/>
                            <a:gd name="connsiteY973" fmla="*/ 2541036 h 2612594"/>
                            <a:gd name="connsiteX974" fmla="*/ 1164120 w 2647519"/>
                            <a:gd name="connsiteY974" fmla="*/ 2536507 h 2612594"/>
                            <a:gd name="connsiteX975" fmla="*/ 1128878 w 2647519"/>
                            <a:gd name="connsiteY975" fmla="*/ 2528887 h 2612594"/>
                            <a:gd name="connsiteX976" fmla="*/ 1098398 w 2647519"/>
                            <a:gd name="connsiteY976" fmla="*/ 2522220 h 2612594"/>
                            <a:gd name="connsiteX977" fmla="*/ 1070775 w 2647519"/>
                            <a:gd name="connsiteY977" fmla="*/ 2517457 h 2612594"/>
                            <a:gd name="connsiteX978" fmla="*/ 1045058 w 2647519"/>
                            <a:gd name="connsiteY978" fmla="*/ 2512695 h 2612594"/>
                            <a:gd name="connsiteX979" fmla="*/ 941235 w 2647519"/>
                            <a:gd name="connsiteY979" fmla="*/ 2486025 h 2612594"/>
                            <a:gd name="connsiteX980" fmla="*/ 888848 w 2647519"/>
                            <a:gd name="connsiteY980" fmla="*/ 2470785 h 2612594"/>
                            <a:gd name="connsiteX981" fmla="*/ 873608 w 2647519"/>
                            <a:gd name="connsiteY981" fmla="*/ 2457450 h 2612594"/>
                            <a:gd name="connsiteX982" fmla="*/ 838365 w 2647519"/>
                            <a:gd name="connsiteY982" fmla="*/ 2450782 h 2612594"/>
                            <a:gd name="connsiteX983" fmla="*/ 785978 w 2647519"/>
                            <a:gd name="connsiteY983" fmla="*/ 2424112 h 2612594"/>
                            <a:gd name="connsiteX984" fmla="*/ 770738 w 2647519"/>
                            <a:gd name="connsiteY984" fmla="*/ 2425065 h 2612594"/>
                            <a:gd name="connsiteX985" fmla="*/ 716445 w 2647519"/>
                            <a:gd name="connsiteY985" fmla="*/ 2397442 h 2612594"/>
                            <a:gd name="connsiteX986" fmla="*/ 706920 w 2647519"/>
                            <a:gd name="connsiteY986" fmla="*/ 2380297 h 2612594"/>
                            <a:gd name="connsiteX987" fmla="*/ 708825 w 2647519"/>
                            <a:gd name="connsiteY987" fmla="*/ 2379345 h 2612594"/>
                            <a:gd name="connsiteX988" fmla="*/ 742163 w 2647519"/>
                            <a:gd name="connsiteY988" fmla="*/ 2397442 h 2612594"/>
                            <a:gd name="connsiteX989" fmla="*/ 775500 w 2647519"/>
                            <a:gd name="connsiteY989" fmla="*/ 2415540 h 2612594"/>
                            <a:gd name="connsiteX990" fmla="*/ 785025 w 2647519"/>
                            <a:gd name="connsiteY990" fmla="*/ 2409825 h 2612594"/>
                            <a:gd name="connsiteX991" fmla="*/ 745973 w 2647519"/>
                            <a:gd name="connsiteY991" fmla="*/ 2384107 h 2612594"/>
                            <a:gd name="connsiteX992" fmla="*/ 713588 w 2647519"/>
                            <a:gd name="connsiteY992" fmla="*/ 2369820 h 2612594"/>
                            <a:gd name="connsiteX993" fmla="*/ 668820 w 2647519"/>
                            <a:gd name="connsiteY993" fmla="*/ 2344102 h 2612594"/>
                            <a:gd name="connsiteX994" fmla="*/ 630720 w 2647519"/>
                            <a:gd name="connsiteY994" fmla="*/ 2319337 h 2612594"/>
                            <a:gd name="connsiteX995" fmla="*/ 570713 w 2647519"/>
                            <a:gd name="connsiteY995" fmla="*/ 2293620 h 2612594"/>
                            <a:gd name="connsiteX996" fmla="*/ 547853 w 2647519"/>
                            <a:gd name="connsiteY996" fmla="*/ 2274570 h 2612594"/>
                            <a:gd name="connsiteX997" fmla="*/ 552615 w 2647519"/>
                            <a:gd name="connsiteY997" fmla="*/ 2272665 h 2612594"/>
                            <a:gd name="connsiteX998" fmla="*/ 575475 w 2647519"/>
                            <a:gd name="connsiteY998" fmla="*/ 2279332 h 2612594"/>
                            <a:gd name="connsiteX999" fmla="*/ 527850 w 2647519"/>
                            <a:gd name="connsiteY999" fmla="*/ 2229802 h 2612594"/>
                            <a:gd name="connsiteX1000" fmla="*/ 501180 w 2647519"/>
                            <a:gd name="connsiteY1000" fmla="*/ 2207895 h 2612594"/>
                            <a:gd name="connsiteX1001" fmla="*/ 476415 w 2647519"/>
                            <a:gd name="connsiteY1001" fmla="*/ 2185987 h 2612594"/>
                            <a:gd name="connsiteX1002" fmla="*/ 444983 w 2647519"/>
                            <a:gd name="connsiteY1002" fmla="*/ 2160270 h 2612594"/>
                            <a:gd name="connsiteX1003" fmla="*/ 399263 w 2647519"/>
                            <a:gd name="connsiteY1003" fmla="*/ 2109787 h 2612594"/>
                            <a:gd name="connsiteX1004" fmla="*/ 396126 w 2647519"/>
                            <a:gd name="connsiteY1004" fmla="*/ 2099983 h 2612594"/>
                            <a:gd name="connsiteX1005" fmla="*/ 386880 w 2647519"/>
                            <a:gd name="connsiteY1005" fmla="*/ 2090737 h 2612594"/>
                            <a:gd name="connsiteX1006" fmla="*/ 355448 w 2647519"/>
                            <a:gd name="connsiteY1006" fmla="*/ 2056447 h 2612594"/>
                            <a:gd name="connsiteX1007" fmla="*/ 351638 w 2647519"/>
                            <a:gd name="connsiteY1007" fmla="*/ 2039302 h 2612594"/>
                            <a:gd name="connsiteX1008" fmla="*/ 339255 w 2647519"/>
                            <a:gd name="connsiteY1008" fmla="*/ 2022157 h 2612594"/>
                            <a:gd name="connsiteX1009" fmla="*/ 337780 w 2647519"/>
                            <a:gd name="connsiteY1009" fmla="*/ 2019844 h 2612594"/>
                            <a:gd name="connsiteX1010" fmla="*/ 323062 w 2647519"/>
                            <a:gd name="connsiteY1010" fmla="*/ 2009774 h 2612594"/>
                            <a:gd name="connsiteX1011" fmla="*/ 294487 w 2647519"/>
                            <a:gd name="connsiteY1011" fmla="*/ 1968817 h 2612594"/>
                            <a:gd name="connsiteX1012" fmla="*/ 278295 w 2647519"/>
                            <a:gd name="connsiteY1012" fmla="*/ 1930717 h 2612594"/>
                            <a:gd name="connsiteX1013" fmla="*/ 276390 w 2647519"/>
                            <a:gd name="connsiteY1013" fmla="*/ 1930717 h 2612594"/>
                            <a:gd name="connsiteX1014" fmla="*/ 254483 w 2647519"/>
                            <a:gd name="connsiteY1014" fmla="*/ 1888807 h 2612594"/>
                            <a:gd name="connsiteX1015" fmla="*/ 233528 w 2647519"/>
                            <a:gd name="connsiteY1015" fmla="*/ 1846897 h 2612594"/>
                            <a:gd name="connsiteX1016" fmla="*/ 211620 w 2647519"/>
                            <a:gd name="connsiteY1016" fmla="*/ 1798320 h 2612594"/>
                            <a:gd name="connsiteX1017" fmla="*/ 191618 w 2647519"/>
                            <a:gd name="connsiteY1017" fmla="*/ 1748790 h 2612594"/>
                            <a:gd name="connsiteX1018" fmla="*/ 211620 w 2647519"/>
                            <a:gd name="connsiteY1018" fmla="*/ 1782127 h 2612594"/>
                            <a:gd name="connsiteX1019" fmla="*/ 231623 w 2647519"/>
                            <a:gd name="connsiteY1019" fmla="*/ 1824037 h 2612594"/>
                            <a:gd name="connsiteX1020" fmla="*/ 238290 w 2647519"/>
                            <a:gd name="connsiteY1020" fmla="*/ 1846897 h 2612594"/>
                            <a:gd name="connsiteX1021" fmla="*/ 241046 w 2647519"/>
                            <a:gd name="connsiteY1021" fmla="*/ 1850938 h 2612594"/>
                            <a:gd name="connsiteX1022" fmla="*/ 237654 w 2647519"/>
                            <a:gd name="connsiteY1022" fmla="*/ 1833303 h 2612594"/>
                            <a:gd name="connsiteX1023" fmla="*/ 228809 w 2647519"/>
                            <a:gd name="connsiteY1023" fmla="*/ 1817250 h 2612594"/>
                            <a:gd name="connsiteX1024" fmla="*/ 214411 w 2647519"/>
                            <a:gd name="connsiteY1024" fmla="*/ 1784874 h 2612594"/>
                            <a:gd name="connsiteX1025" fmla="*/ 197332 w 2647519"/>
                            <a:gd name="connsiteY1025" fmla="*/ 1756409 h 2612594"/>
                            <a:gd name="connsiteX1026" fmla="*/ 176377 w 2647519"/>
                            <a:gd name="connsiteY1026" fmla="*/ 1699259 h 2612594"/>
                            <a:gd name="connsiteX1027" fmla="*/ 158424 w 2647519"/>
                            <a:gd name="connsiteY1027" fmla="*/ 1640674 h 2612594"/>
                            <a:gd name="connsiteX1028" fmla="*/ 152529 w 2647519"/>
                            <a:gd name="connsiteY1028" fmla="*/ 1623596 h 2612594"/>
                            <a:gd name="connsiteX1029" fmla="*/ 126853 w 2647519"/>
                            <a:gd name="connsiteY1029" fmla="*/ 1521108 h 2612594"/>
                            <a:gd name="connsiteX1030" fmla="*/ 115498 w 2647519"/>
                            <a:gd name="connsiteY1030" fmla="*/ 1446707 h 2612594"/>
                            <a:gd name="connsiteX1031" fmla="*/ 115417 w 2647519"/>
                            <a:gd name="connsiteY1031" fmla="*/ 1448752 h 2612594"/>
                            <a:gd name="connsiteX1032" fmla="*/ 116370 w 2647519"/>
                            <a:gd name="connsiteY1032" fmla="*/ 1463992 h 2612594"/>
                            <a:gd name="connsiteX1033" fmla="*/ 121132 w 2647519"/>
                            <a:gd name="connsiteY1033" fmla="*/ 1499235 h 2612594"/>
                            <a:gd name="connsiteX1034" fmla="*/ 126847 w 2647519"/>
                            <a:gd name="connsiteY1034" fmla="*/ 1535430 h 2612594"/>
                            <a:gd name="connsiteX1035" fmla="*/ 117322 w 2647519"/>
                            <a:gd name="connsiteY1035" fmla="*/ 1503997 h 2612594"/>
                            <a:gd name="connsiteX1036" fmla="*/ 110655 w 2647519"/>
                            <a:gd name="connsiteY1036" fmla="*/ 1463992 h 2612594"/>
                            <a:gd name="connsiteX1037" fmla="*/ 103035 w 2647519"/>
                            <a:gd name="connsiteY1037" fmla="*/ 1463992 h 2612594"/>
                            <a:gd name="connsiteX1038" fmla="*/ 98272 w 2647519"/>
                            <a:gd name="connsiteY1038" fmla="*/ 1427797 h 2612594"/>
                            <a:gd name="connsiteX1039" fmla="*/ 91605 w 2647519"/>
                            <a:gd name="connsiteY1039" fmla="*/ 1404937 h 2612594"/>
                            <a:gd name="connsiteX1040" fmla="*/ 85890 w 2647519"/>
                            <a:gd name="connsiteY1040" fmla="*/ 1383030 h 2612594"/>
                            <a:gd name="connsiteX1041" fmla="*/ 69697 w 2647519"/>
                            <a:gd name="connsiteY1041" fmla="*/ 1365885 h 2612594"/>
                            <a:gd name="connsiteX1042" fmla="*/ 64935 w 2647519"/>
                            <a:gd name="connsiteY1042" fmla="*/ 1365885 h 2612594"/>
                            <a:gd name="connsiteX1043" fmla="*/ 60172 w 2647519"/>
                            <a:gd name="connsiteY1043" fmla="*/ 1342072 h 2612594"/>
                            <a:gd name="connsiteX1044" fmla="*/ 58267 w 2647519"/>
                            <a:gd name="connsiteY1044" fmla="*/ 1311592 h 2612594"/>
                            <a:gd name="connsiteX1045" fmla="*/ 62077 w 2647519"/>
                            <a:gd name="connsiteY1045" fmla="*/ 1268730 h 2612594"/>
                            <a:gd name="connsiteX1046" fmla="*/ 63982 w 2647519"/>
                            <a:gd name="connsiteY1046" fmla="*/ 1253490 h 2612594"/>
                            <a:gd name="connsiteX1047" fmla="*/ 67226 w 2647519"/>
                            <a:gd name="connsiteY1047" fmla="*/ 1243037 h 2612594"/>
                            <a:gd name="connsiteX1048" fmla="*/ 65649 w 2647519"/>
                            <a:gd name="connsiteY1048" fmla="*/ 1219200 h 2612594"/>
                            <a:gd name="connsiteX1049" fmla="*/ 67792 w 2647519"/>
                            <a:gd name="connsiteY1049" fmla="*/ 1183957 h 2612594"/>
                            <a:gd name="connsiteX1050" fmla="*/ 71602 w 2647519"/>
                            <a:gd name="connsiteY1050" fmla="*/ 1176814 h 2612594"/>
                            <a:gd name="connsiteX1051" fmla="*/ 71602 w 2647519"/>
                            <a:gd name="connsiteY1051" fmla="*/ 1172527 h 2612594"/>
                            <a:gd name="connsiteX1052" fmla="*/ 63982 w 2647519"/>
                            <a:gd name="connsiteY1052" fmla="*/ 1186815 h 2612594"/>
                            <a:gd name="connsiteX1053" fmla="*/ 57315 w 2647519"/>
                            <a:gd name="connsiteY1053" fmla="*/ 1177290 h 2612594"/>
                            <a:gd name="connsiteX1054" fmla="*/ 44932 w 2647519"/>
                            <a:gd name="connsiteY1054" fmla="*/ 1160145 h 2612594"/>
                            <a:gd name="connsiteX1055" fmla="*/ 42670 w 2647519"/>
                            <a:gd name="connsiteY1055" fmla="*/ 1146572 h 2612594"/>
                            <a:gd name="connsiteX1056" fmla="*/ 42075 w 2647519"/>
                            <a:gd name="connsiteY1056" fmla="*/ 1147762 h 2612594"/>
                            <a:gd name="connsiteX1057" fmla="*/ 38265 w 2647519"/>
                            <a:gd name="connsiteY1057" fmla="*/ 1185862 h 2612594"/>
                            <a:gd name="connsiteX1058" fmla="*/ 35407 w 2647519"/>
                            <a:gd name="connsiteY1058" fmla="*/ 1223962 h 2612594"/>
                            <a:gd name="connsiteX1059" fmla="*/ 32550 w 2647519"/>
                            <a:gd name="connsiteY1059" fmla="*/ 1253490 h 2612594"/>
                            <a:gd name="connsiteX1060" fmla="*/ 32550 w 2647519"/>
                            <a:gd name="connsiteY1060" fmla="*/ 1314449 h 2612594"/>
                            <a:gd name="connsiteX1061" fmla="*/ 33502 w 2647519"/>
                            <a:gd name="connsiteY1061" fmla="*/ 1345882 h 2612594"/>
                            <a:gd name="connsiteX1062" fmla="*/ 35407 w 2647519"/>
                            <a:gd name="connsiteY1062" fmla="*/ 1377314 h 2612594"/>
                            <a:gd name="connsiteX1063" fmla="*/ 26835 w 2647519"/>
                            <a:gd name="connsiteY1063" fmla="*/ 1406842 h 2612594"/>
                            <a:gd name="connsiteX1064" fmla="*/ 24930 w 2647519"/>
                            <a:gd name="connsiteY1064" fmla="*/ 1406842 h 2612594"/>
                            <a:gd name="connsiteX1065" fmla="*/ 19215 w 2647519"/>
                            <a:gd name="connsiteY1065" fmla="*/ 1349692 h 2612594"/>
                            <a:gd name="connsiteX1066" fmla="*/ 19215 w 2647519"/>
                            <a:gd name="connsiteY1066" fmla="*/ 1290637 h 2612594"/>
                            <a:gd name="connsiteX1067" fmla="*/ 23977 w 2647519"/>
                            <a:gd name="connsiteY1067" fmla="*/ 1244917 h 2612594"/>
                            <a:gd name="connsiteX1068" fmla="*/ 32546 w 2647519"/>
                            <a:gd name="connsiteY1068" fmla="*/ 1253485 h 2612594"/>
                            <a:gd name="connsiteX1069" fmla="*/ 24930 w 2647519"/>
                            <a:gd name="connsiteY1069" fmla="*/ 1243965 h 2612594"/>
                            <a:gd name="connsiteX1070" fmla="*/ 23025 w 2647519"/>
                            <a:gd name="connsiteY1070" fmla="*/ 1209675 h 2612594"/>
                            <a:gd name="connsiteX1071" fmla="*/ 24930 w 2647519"/>
                            <a:gd name="connsiteY1071" fmla="*/ 1157287 h 2612594"/>
                            <a:gd name="connsiteX1072" fmla="*/ 25882 w 2647519"/>
                            <a:gd name="connsiteY1072" fmla="*/ 1143000 h 2612594"/>
                            <a:gd name="connsiteX1073" fmla="*/ 28740 w 2647519"/>
                            <a:gd name="connsiteY1073" fmla="*/ 1119187 h 2612594"/>
                            <a:gd name="connsiteX1074" fmla="*/ 40170 w 2647519"/>
                            <a:gd name="connsiteY1074" fmla="*/ 1076325 h 2612594"/>
                            <a:gd name="connsiteX1075" fmla="*/ 45865 w 2647519"/>
                            <a:gd name="connsiteY1075" fmla="*/ 1047851 h 2612594"/>
                            <a:gd name="connsiteX1076" fmla="*/ 43980 w 2647519"/>
                            <a:gd name="connsiteY1076" fmla="*/ 1041082 h 2612594"/>
                            <a:gd name="connsiteX1077" fmla="*/ 37312 w 2647519"/>
                            <a:gd name="connsiteY1077" fmla="*/ 1079182 h 2612594"/>
                            <a:gd name="connsiteX1078" fmla="*/ 25882 w 2647519"/>
                            <a:gd name="connsiteY1078" fmla="*/ 1122045 h 2612594"/>
                            <a:gd name="connsiteX1079" fmla="*/ 23025 w 2647519"/>
                            <a:gd name="connsiteY1079" fmla="*/ 1145857 h 2612594"/>
                            <a:gd name="connsiteX1080" fmla="*/ 22072 w 2647519"/>
                            <a:gd name="connsiteY1080" fmla="*/ 1160145 h 2612594"/>
                            <a:gd name="connsiteX1081" fmla="*/ 20167 w 2647519"/>
                            <a:gd name="connsiteY1081" fmla="*/ 1212532 h 2612594"/>
                            <a:gd name="connsiteX1082" fmla="*/ 22072 w 2647519"/>
                            <a:gd name="connsiteY1082" fmla="*/ 1246822 h 2612594"/>
                            <a:gd name="connsiteX1083" fmla="*/ 17310 w 2647519"/>
                            <a:gd name="connsiteY1083" fmla="*/ 1292542 h 2612594"/>
                            <a:gd name="connsiteX1084" fmla="*/ 17310 w 2647519"/>
                            <a:gd name="connsiteY1084" fmla="*/ 1351597 h 2612594"/>
                            <a:gd name="connsiteX1085" fmla="*/ 23025 w 2647519"/>
                            <a:gd name="connsiteY1085" fmla="*/ 1408747 h 2612594"/>
                            <a:gd name="connsiteX1086" fmla="*/ 24930 w 2647519"/>
                            <a:gd name="connsiteY1086" fmla="*/ 1408747 h 2612594"/>
                            <a:gd name="connsiteX1087" fmla="*/ 37312 w 2647519"/>
                            <a:gd name="connsiteY1087" fmla="*/ 1463040 h 2612594"/>
                            <a:gd name="connsiteX1088" fmla="*/ 43980 w 2647519"/>
                            <a:gd name="connsiteY1088" fmla="*/ 1507807 h 2612594"/>
                            <a:gd name="connsiteX1089" fmla="*/ 58267 w 2647519"/>
                            <a:gd name="connsiteY1089" fmla="*/ 1553527 h 2612594"/>
                            <a:gd name="connsiteX1090" fmla="*/ 80770 w 2647519"/>
                            <a:gd name="connsiteY1090" fmla="*/ 1651843 h 2612594"/>
                            <a:gd name="connsiteX1091" fmla="*/ 82734 w 2647519"/>
                            <a:gd name="connsiteY1091" fmla="*/ 1670685 h 2612594"/>
                            <a:gd name="connsiteX1092" fmla="*/ 86843 w 2647519"/>
                            <a:gd name="connsiteY1092" fmla="*/ 1670685 h 2612594"/>
                            <a:gd name="connsiteX1093" fmla="*/ 107798 w 2647519"/>
                            <a:gd name="connsiteY1093" fmla="*/ 1721167 h 2612594"/>
                            <a:gd name="connsiteX1094" fmla="*/ 115418 w 2647519"/>
                            <a:gd name="connsiteY1094" fmla="*/ 1746885 h 2612594"/>
                            <a:gd name="connsiteX1095" fmla="*/ 101130 w 2647519"/>
                            <a:gd name="connsiteY1095" fmla="*/ 1724977 h 2612594"/>
                            <a:gd name="connsiteX1096" fmla="*/ 85890 w 2647519"/>
                            <a:gd name="connsiteY1096" fmla="*/ 1690687 h 2612594"/>
                            <a:gd name="connsiteX1097" fmla="*/ 84938 w 2647519"/>
                            <a:gd name="connsiteY1097" fmla="*/ 1700212 h 2612594"/>
                            <a:gd name="connsiteX1098" fmla="*/ 76651 w 2647519"/>
                            <a:gd name="connsiteY1098" fmla="*/ 1674524 h 2612594"/>
                            <a:gd name="connsiteX1099" fmla="*/ 70650 w 2647519"/>
                            <a:gd name="connsiteY1099" fmla="*/ 1675447 h 2612594"/>
                            <a:gd name="connsiteX1100" fmla="*/ 63982 w 2647519"/>
                            <a:gd name="connsiteY1100" fmla="*/ 1653540 h 2612594"/>
                            <a:gd name="connsiteX1101" fmla="*/ 41122 w 2647519"/>
                            <a:gd name="connsiteY1101" fmla="*/ 1601152 h 2612594"/>
                            <a:gd name="connsiteX1102" fmla="*/ 26835 w 2647519"/>
                            <a:gd name="connsiteY1102" fmla="*/ 1554480 h 2612594"/>
                            <a:gd name="connsiteX1103" fmla="*/ 25882 w 2647519"/>
                            <a:gd name="connsiteY1103" fmla="*/ 1515427 h 2612594"/>
                            <a:gd name="connsiteX1104" fmla="*/ 19215 w 2647519"/>
                            <a:gd name="connsiteY1104" fmla="*/ 1469707 h 2612594"/>
                            <a:gd name="connsiteX1105" fmla="*/ 14452 w 2647519"/>
                            <a:gd name="connsiteY1105" fmla="*/ 1423987 h 2612594"/>
                            <a:gd name="connsiteX1106" fmla="*/ 3975 w 2647519"/>
                            <a:gd name="connsiteY1106" fmla="*/ 1390650 h 2612594"/>
                            <a:gd name="connsiteX1107" fmla="*/ 10642 w 2647519"/>
                            <a:gd name="connsiteY1107" fmla="*/ 1213485 h 2612594"/>
                            <a:gd name="connsiteX1108" fmla="*/ 17310 w 2647519"/>
                            <a:gd name="connsiteY1108" fmla="*/ 1167765 h 2612594"/>
                            <a:gd name="connsiteX1109" fmla="*/ 11595 w 2647519"/>
                            <a:gd name="connsiteY1109" fmla="*/ 1143000 h 2612594"/>
                            <a:gd name="connsiteX1110" fmla="*/ 23025 w 2647519"/>
                            <a:gd name="connsiteY1110" fmla="*/ 1074420 h 2612594"/>
                            <a:gd name="connsiteX1111" fmla="*/ 25882 w 2647519"/>
                            <a:gd name="connsiteY1111" fmla="*/ 1058227 h 2612594"/>
                            <a:gd name="connsiteX1112" fmla="*/ 33502 w 2647519"/>
                            <a:gd name="connsiteY1112" fmla="*/ 1002982 h 2612594"/>
                            <a:gd name="connsiteX1113" fmla="*/ 53505 w 2647519"/>
                            <a:gd name="connsiteY1113" fmla="*/ 962977 h 2612594"/>
                            <a:gd name="connsiteX1114" fmla="*/ 48742 w 2647519"/>
                            <a:gd name="connsiteY1114" fmla="*/ 1017270 h 2612594"/>
                            <a:gd name="connsiteX1115" fmla="*/ 53503 w 2647519"/>
                            <a:gd name="connsiteY1115" fmla="*/ 1007964 h 2612594"/>
                            <a:gd name="connsiteX1116" fmla="*/ 56362 w 2647519"/>
                            <a:gd name="connsiteY1116" fmla="*/ 985718 h 2612594"/>
                            <a:gd name="connsiteX1117" fmla="*/ 57315 w 2647519"/>
                            <a:gd name="connsiteY1117" fmla="*/ 961072 h 2612594"/>
                            <a:gd name="connsiteX1118" fmla="*/ 65887 w 2647519"/>
                            <a:gd name="connsiteY1118" fmla="*/ 929639 h 2612594"/>
                            <a:gd name="connsiteX1119" fmla="*/ 79222 w 2647519"/>
                            <a:gd name="connsiteY1119" fmla="*/ 882014 h 2612594"/>
                            <a:gd name="connsiteX1120" fmla="*/ 95415 w 2647519"/>
                            <a:gd name="connsiteY1120" fmla="*/ 833437 h 2612594"/>
                            <a:gd name="connsiteX1121" fmla="*/ 96628 w 2647519"/>
                            <a:gd name="connsiteY1121" fmla="*/ 832072 h 2612594"/>
                            <a:gd name="connsiteX1122" fmla="*/ 103988 w 2647519"/>
                            <a:gd name="connsiteY1122" fmla="*/ 793432 h 2612594"/>
                            <a:gd name="connsiteX1123" fmla="*/ 114465 w 2647519"/>
                            <a:gd name="connsiteY1123" fmla="*/ 765809 h 2612594"/>
                            <a:gd name="connsiteX1124" fmla="*/ 126848 w 2647519"/>
                            <a:gd name="connsiteY1124" fmla="*/ 742949 h 2612594"/>
                            <a:gd name="connsiteX1125" fmla="*/ 151613 w 2647519"/>
                            <a:gd name="connsiteY1125" fmla="*/ 695324 h 2612594"/>
                            <a:gd name="connsiteX1126" fmla="*/ 171615 w 2647519"/>
                            <a:gd name="connsiteY1126" fmla="*/ 652462 h 2612594"/>
                            <a:gd name="connsiteX1127" fmla="*/ 200190 w 2647519"/>
                            <a:gd name="connsiteY1127" fmla="*/ 597217 h 2612594"/>
                            <a:gd name="connsiteX1128" fmla="*/ 221145 w 2647519"/>
                            <a:gd name="connsiteY1128" fmla="*/ 573404 h 2612594"/>
                            <a:gd name="connsiteX1129" fmla="*/ 238290 w 2647519"/>
                            <a:gd name="connsiteY1129" fmla="*/ 540067 h 2612594"/>
                            <a:gd name="connsiteX1130" fmla="*/ 252578 w 2647519"/>
                            <a:gd name="connsiteY1130" fmla="*/ 519112 h 2612594"/>
                            <a:gd name="connsiteX1131" fmla="*/ 267818 w 2647519"/>
                            <a:gd name="connsiteY1131" fmla="*/ 511492 h 2612594"/>
                            <a:gd name="connsiteX1132" fmla="*/ 271628 w 2647519"/>
                            <a:gd name="connsiteY1132" fmla="*/ 505777 h 2612594"/>
                            <a:gd name="connsiteX1133" fmla="*/ 286868 w 2647519"/>
                            <a:gd name="connsiteY1133" fmla="*/ 475297 h 2612594"/>
                            <a:gd name="connsiteX1134" fmla="*/ 316395 w 2647519"/>
                            <a:gd name="connsiteY1134" fmla="*/ 441007 h 2612594"/>
                            <a:gd name="connsiteX1135" fmla="*/ 317199 w 2647519"/>
                            <a:gd name="connsiteY1135" fmla="*/ 455339 h 2612594"/>
                            <a:gd name="connsiteX1136" fmla="*/ 315045 w 2647519"/>
                            <a:gd name="connsiteY1136" fmla="*/ 461363 h 2612594"/>
                            <a:gd name="connsiteX1137" fmla="*/ 345922 w 2647519"/>
                            <a:gd name="connsiteY1137" fmla="*/ 429577 h 2612594"/>
                            <a:gd name="connsiteX1138" fmla="*/ 361162 w 2647519"/>
                            <a:gd name="connsiteY1138" fmla="*/ 409575 h 2612594"/>
                            <a:gd name="connsiteX1139" fmla="*/ 381165 w 2647519"/>
                            <a:gd name="connsiteY1139" fmla="*/ 390525 h 2612594"/>
                            <a:gd name="connsiteX1140" fmla="*/ 382889 w 2647519"/>
                            <a:gd name="connsiteY1140" fmla="*/ 392440 h 2612594"/>
                            <a:gd name="connsiteX1141" fmla="*/ 382118 w 2647519"/>
                            <a:gd name="connsiteY1141" fmla="*/ 391477 h 2612594"/>
                            <a:gd name="connsiteX1142" fmla="*/ 406883 w 2647519"/>
                            <a:gd name="connsiteY1142" fmla="*/ 366712 h 2612594"/>
                            <a:gd name="connsiteX1143" fmla="*/ 431648 w 2647519"/>
                            <a:gd name="connsiteY1143" fmla="*/ 343852 h 2612594"/>
                            <a:gd name="connsiteX1144" fmla="*/ 458318 w 2647519"/>
                            <a:gd name="connsiteY1144" fmla="*/ 315277 h 2612594"/>
                            <a:gd name="connsiteX1145" fmla="*/ 495465 w 2647519"/>
                            <a:gd name="connsiteY1145" fmla="*/ 287654 h 2612594"/>
                            <a:gd name="connsiteX1146" fmla="*/ 535470 w 2647519"/>
                            <a:gd name="connsiteY1146" fmla="*/ 258127 h 2612594"/>
                            <a:gd name="connsiteX1147" fmla="*/ 559389 w 2647519"/>
                            <a:gd name="connsiteY1147" fmla="*/ 241440 h 2612594"/>
                            <a:gd name="connsiteX1148" fmla="*/ 575475 w 2647519"/>
                            <a:gd name="connsiteY1148" fmla="*/ 226694 h 2612594"/>
                            <a:gd name="connsiteX1149" fmla="*/ 604050 w 2647519"/>
                            <a:gd name="connsiteY1149" fmla="*/ 209549 h 2612594"/>
                            <a:gd name="connsiteX1150" fmla="*/ 634530 w 2647519"/>
                            <a:gd name="connsiteY1150" fmla="*/ 193357 h 2612594"/>
                            <a:gd name="connsiteX1151" fmla="*/ 638565 w 2647519"/>
                            <a:gd name="connsiteY1151" fmla="*/ 191282 h 2612594"/>
                            <a:gd name="connsiteX1152" fmla="*/ 648937 w 2647519"/>
                            <a:gd name="connsiteY1152" fmla="*/ 181094 h 2612594"/>
                            <a:gd name="connsiteX1153" fmla="*/ 665963 w 2647519"/>
                            <a:gd name="connsiteY1153" fmla="*/ 168592 h 2612594"/>
                            <a:gd name="connsiteX1154" fmla="*/ 684656 w 2647519"/>
                            <a:gd name="connsiteY1154" fmla="*/ 159067 h 2612594"/>
                            <a:gd name="connsiteX1155" fmla="*/ 697880 w 2647519"/>
                            <a:gd name="connsiteY1155" fmla="*/ 156023 h 2612594"/>
                            <a:gd name="connsiteX1156" fmla="*/ 700252 w 2647519"/>
                            <a:gd name="connsiteY1156" fmla="*/ 154304 h 2612594"/>
                            <a:gd name="connsiteX1157" fmla="*/ 959332 w 2647519"/>
                            <a:gd name="connsiteY1157" fmla="*/ 49529 h 2612594"/>
                            <a:gd name="connsiteX1158" fmla="*/ 968945 w 2647519"/>
                            <a:gd name="connsiteY1158" fmla="*/ 47439 h 2612594"/>
                            <a:gd name="connsiteX1159" fmla="*/ 995527 w 2647519"/>
                            <a:gd name="connsiteY1159" fmla="*/ 38099 h 2612594"/>
                            <a:gd name="connsiteX1160" fmla="*/ 1013863 w 2647519"/>
                            <a:gd name="connsiteY1160" fmla="*/ 34408 h 2612594"/>
                            <a:gd name="connsiteX1161" fmla="*/ 1023424 w 2647519"/>
                            <a:gd name="connsiteY1161" fmla="*/ 34327 h 2612594"/>
                            <a:gd name="connsiteX1162" fmla="*/ 1026960 w 2647519"/>
                            <a:gd name="connsiteY1162" fmla="*/ 33337 h 2612594"/>
                            <a:gd name="connsiteX1163" fmla="*/ 1244130 w 2647519"/>
                            <a:gd name="connsiteY1163" fmla="*/ 4762 h 2612594"/>
                            <a:gd name="connsiteX1164" fmla="*/ 1305804 w 2647519"/>
                            <a:gd name="connsiteY1164" fmla="*/ 4524 h 2612594"/>
                            <a:gd name="connsiteX1165" fmla="*/ 1371765 w 2647519"/>
                            <a:gd name="connsiteY1165" fmla="*/ 5714 h 2612594"/>
                            <a:gd name="connsiteX1166" fmla="*/ 1372993 w 2647519"/>
                            <a:gd name="connsiteY1166" fmla="*/ 6635 h 2612594"/>
                            <a:gd name="connsiteX1167" fmla="*/ 1405103 w 2647519"/>
                            <a:gd name="connsiteY1167" fmla="*/ 2857 h 2612594"/>
                            <a:gd name="connsiteX1168" fmla="*/ 1434630 w 2647519"/>
                            <a:gd name="connsiteY1168" fmla="*/ 7619 h 2612594"/>
                            <a:gd name="connsiteX1169" fmla="*/ 1464158 w 2647519"/>
                            <a:gd name="connsiteY1169" fmla="*/ 13334 h 2612594"/>
                            <a:gd name="connsiteX1170" fmla="*/ 1479392 w 2647519"/>
                            <a:gd name="connsiteY1170" fmla="*/ 16797 h 2612594"/>
                            <a:gd name="connsiteX1171" fmla="*/ 1463205 w 2647519"/>
                            <a:gd name="connsiteY1171" fmla="*/ 12382 h 2612594"/>
                            <a:gd name="connsiteX1172" fmla="*/ 1433677 w 2647519"/>
                            <a:gd name="connsiteY1172" fmla="*/ 6667 h 2612594"/>
                            <a:gd name="connsiteX1173" fmla="*/ 1404150 w 2647519"/>
                            <a:gd name="connsiteY1173" fmla="*/ 1905 h 2612594"/>
                            <a:gd name="connsiteX1174" fmla="*/ 1404150 w 2647519"/>
                            <a:gd name="connsiteY1174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4" y="2520821"/>
                              </a:moveTo>
                              <a:lnTo>
                                <a:pt x="1643880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3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2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6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3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4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6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1" y="2265793"/>
                              </a:lnTo>
                              <a:close/>
                              <a:moveTo>
                                <a:pt x="2099802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80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61" y="2217358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6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5" y="2175510"/>
                                <a:pt x="2187820" y="2174974"/>
                              </a:cubicBezTo>
                              <a:close/>
                              <a:moveTo>
                                <a:pt x="475386" y="2153525"/>
                              </a:moveTo>
                              <a:lnTo>
                                <a:pt x="477272" y="2155822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4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2" y="2051897"/>
                              </a:lnTo>
                              <a:lnTo>
                                <a:pt x="2291272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1" y="1790989"/>
                                <a:pt x="2407787" y="1830865"/>
                                <a:pt x="2386218" y="1869449"/>
                              </a:cubicBezTo>
                              <a:lnTo>
                                <a:pt x="2377660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5"/>
                              </a:lnTo>
                              <a:lnTo>
                                <a:pt x="2141046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900"/>
                              </a:lnTo>
                              <a:lnTo>
                                <a:pt x="2038960" y="2261093"/>
                              </a:lnTo>
                              <a:lnTo>
                                <a:pt x="2036092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0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1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8" y="2365909"/>
                              </a:lnTo>
                              <a:lnTo>
                                <a:pt x="1809483" y="2392922"/>
                              </a:lnTo>
                              <a:cubicBezTo>
                                <a:pt x="1768715" y="2410756"/>
                                <a:pt x="1726785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10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3" y="1686218"/>
                              </a:lnTo>
                              <a:lnTo>
                                <a:pt x="2513218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1" y="1451152"/>
                              </a:lnTo>
                              <a:lnTo>
                                <a:pt x="2586542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599181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6" y="1369207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7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0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0" y="383325"/>
                              </a:lnTo>
                              <a:lnTo>
                                <a:pt x="456651" y="391477"/>
                              </a:lnTo>
                              <a:lnTo>
                                <a:pt x="454684" y="394338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52" y="590631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4" y="394338"/>
                              </a:lnTo>
                              <a:lnTo>
                                <a:pt x="464430" y="383325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6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50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4" y="364272"/>
                                <a:pt x="504752" y="361295"/>
                              </a:cubicBezTo>
                              <a:lnTo>
                                <a:pt x="512657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8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8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3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5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7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3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9" y="483516"/>
                                <a:pt x="2540483" y="854556"/>
                                <a:pt x="2540483" y="1275397"/>
                              </a:cubicBezTo>
                              <a:lnTo>
                                <a:pt x="2540081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9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cubicBezTo>
                                <a:pt x="2525242" y="1820227"/>
                                <a:pt x="2519527" y="1823085"/>
                                <a:pt x="2514765" y="1824990"/>
                              </a:cubicBez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6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6" y="2155031"/>
                                <a:pt x="2319383" y="2160389"/>
                              </a:cubicBezTo>
                              <a:lnTo>
                                <a:pt x="2303230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5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1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4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60" y="2417870"/>
                              </a:lnTo>
                              <a:lnTo>
                                <a:pt x="1997979" y="2418995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80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6" y="1850938"/>
                              </a:lnTo>
                              <a:lnTo>
                                <a:pt x="237654" y="1833303"/>
                              </a:lnTo>
                              <a:lnTo>
                                <a:pt x="228809" y="1817250"/>
                              </a:lnTo>
                              <a:lnTo>
                                <a:pt x="214411" y="1784874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4" y="1640674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9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6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2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9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5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gradFill>
                          <a:gsLst>
                            <a:gs pos="0">
                              <a:schemeClr val="bg1"/>
                            </a:gs>
                            <a:gs pos="100000">
                              <a:schemeClr val="accent2">
                                <a:alpha val="30000"/>
                              </a:schemeClr>
                            </a:gs>
                          </a:gsLst>
                          <a:path path="circle">
                            <a:fillToRect l="100000" b="100000"/>
                          </a:path>
                        </a:gra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19" name="Freeform: Shape 18">
                        <a:extLst>
                          <a:ext uri="{FF2B5EF4-FFF2-40B4-BE49-F238E27FC236}">
                            <a16:creationId xmlns:a16="http://schemas.microsoft.com/office/drawing/2014/main" id="{436970BD-9B20-4B7C-A294-5174BA15880C}"/>
                          </a:ex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>
                        <a:spLocks noChangeAspect="1"/>
                      </wps:cNvSpPr>
                      <wps:spPr>
                        <a:xfrm>
                          <a:off x="4228042" y="440267"/>
                          <a:ext cx="3226057" cy="3183744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3 w 2647519"/>
                            <a:gd name="connsiteY9" fmla="*/ 2520821 h 2612594"/>
                            <a:gd name="connsiteX10" fmla="*/ 1643881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2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1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2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3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5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0 w 2647519"/>
                            <a:gd name="connsiteY143" fmla="*/ 2265793 h 2612594"/>
                            <a:gd name="connsiteX144" fmla="*/ 2099801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79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59 w 2647519"/>
                            <a:gd name="connsiteY154" fmla="*/ 2217355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5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6 h 2612594"/>
                            <a:gd name="connsiteX166" fmla="*/ 477272 w 2647519"/>
                            <a:gd name="connsiteY166" fmla="*/ 2155821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46888 w 2647519"/>
                            <a:gd name="connsiteY180" fmla="*/ 2237422 h 2612594"/>
                            <a:gd name="connsiteX181" fmla="*/ 478787 w 2647519"/>
                            <a:gd name="connsiteY181" fmla="*/ 2272865 h 2612594"/>
                            <a:gd name="connsiteX182" fmla="*/ 482130 w 2647519"/>
                            <a:gd name="connsiteY182" fmla="*/ 2274569 h 2612594"/>
                            <a:gd name="connsiteX183" fmla="*/ 492608 w 2647519"/>
                            <a:gd name="connsiteY183" fmla="*/ 2265997 h 2612594"/>
                            <a:gd name="connsiteX184" fmla="*/ 583095 w 2647519"/>
                            <a:gd name="connsiteY184" fmla="*/ 2337434 h 2612594"/>
                            <a:gd name="connsiteX185" fmla="*/ 564998 w 2647519"/>
                            <a:gd name="connsiteY185" fmla="*/ 2343149 h 2612594"/>
                            <a:gd name="connsiteX186" fmla="*/ 571665 w 2647519"/>
                            <a:gd name="connsiteY186" fmla="*/ 2347912 h 2612594"/>
                            <a:gd name="connsiteX187" fmla="*/ 544995 w 2647519"/>
                            <a:gd name="connsiteY187" fmla="*/ 2348864 h 2612594"/>
                            <a:gd name="connsiteX188" fmla="*/ 527850 w 2647519"/>
                            <a:gd name="connsiteY188" fmla="*/ 2337434 h 2612594"/>
                            <a:gd name="connsiteX189" fmla="*/ 511658 w 2647519"/>
                            <a:gd name="connsiteY189" fmla="*/ 2325052 h 2612594"/>
                            <a:gd name="connsiteX190" fmla="*/ 471653 w 2647519"/>
                            <a:gd name="connsiteY190" fmla="*/ 2291714 h 2612594"/>
                            <a:gd name="connsiteX191" fmla="*/ 434505 w 2647519"/>
                            <a:gd name="connsiteY191" fmla="*/ 2258377 h 2612594"/>
                            <a:gd name="connsiteX192" fmla="*/ 400215 w 2647519"/>
                            <a:gd name="connsiteY192" fmla="*/ 2225039 h 2612594"/>
                            <a:gd name="connsiteX193" fmla="*/ 384023 w 2647519"/>
                            <a:gd name="connsiteY193" fmla="*/ 2208847 h 2612594"/>
                            <a:gd name="connsiteX194" fmla="*/ 368783 w 2647519"/>
                            <a:gd name="connsiteY194" fmla="*/ 2191702 h 2612594"/>
                            <a:gd name="connsiteX195" fmla="*/ 374498 w 2647519"/>
                            <a:gd name="connsiteY195" fmla="*/ 2184082 h 2612594"/>
                            <a:gd name="connsiteX196" fmla="*/ 393548 w 2647519"/>
                            <a:gd name="connsiteY196" fmla="*/ 2201227 h 2612594"/>
                            <a:gd name="connsiteX197" fmla="*/ 414503 w 2647519"/>
                            <a:gd name="connsiteY197" fmla="*/ 2217419 h 2612594"/>
                            <a:gd name="connsiteX198" fmla="*/ 440220 w 2647519"/>
                            <a:gd name="connsiteY198" fmla="*/ 2245042 h 2612594"/>
                            <a:gd name="connsiteX199" fmla="*/ 442406 w 2647519"/>
                            <a:gd name="connsiteY199" fmla="*/ 2246917 h 2612594"/>
                            <a:gd name="connsiteX200" fmla="*/ 414503 w 2647519"/>
                            <a:gd name="connsiteY200" fmla="*/ 2217419 h 2612594"/>
                            <a:gd name="connsiteX201" fmla="*/ 394500 w 2647519"/>
                            <a:gd name="connsiteY201" fmla="*/ 2201227 h 2612594"/>
                            <a:gd name="connsiteX202" fmla="*/ 375450 w 2647519"/>
                            <a:gd name="connsiteY202" fmla="*/ 2184082 h 2612594"/>
                            <a:gd name="connsiteX203" fmla="*/ 354495 w 2647519"/>
                            <a:gd name="connsiteY203" fmla="*/ 2158364 h 2612594"/>
                            <a:gd name="connsiteX204" fmla="*/ 334493 w 2647519"/>
                            <a:gd name="connsiteY204" fmla="*/ 2131694 h 2612594"/>
                            <a:gd name="connsiteX205" fmla="*/ 2432850 w 2647519"/>
                            <a:gd name="connsiteY205" fmla="*/ 1980247 h 2612594"/>
                            <a:gd name="connsiteX206" fmla="*/ 2432367 w 2647519"/>
                            <a:gd name="connsiteY206" fmla="*/ 1980454 h 2612594"/>
                            <a:gd name="connsiteX207" fmla="*/ 2421963 w 2647519"/>
                            <a:gd name="connsiteY207" fmla="*/ 2005422 h 2612594"/>
                            <a:gd name="connsiteX208" fmla="*/ 2422850 w 2647519"/>
                            <a:gd name="connsiteY208" fmla="*/ 1860918 h 2612594"/>
                            <a:gd name="connsiteX209" fmla="*/ 2397608 w 2647519"/>
                            <a:gd name="connsiteY209" fmla="*/ 1897379 h 2612594"/>
                            <a:gd name="connsiteX210" fmla="*/ 2385225 w 2647519"/>
                            <a:gd name="connsiteY210" fmla="*/ 1920239 h 2612594"/>
                            <a:gd name="connsiteX211" fmla="*/ 2372843 w 2647519"/>
                            <a:gd name="connsiteY211" fmla="*/ 1941194 h 2612594"/>
                            <a:gd name="connsiteX212" fmla="*/ 2343315 w 2647519"/>
                            <a:gd name="connsiteY212" fmla="*/ 1980247 h 2612594"/>
                            <a:gd name="connsiteX213" fmla="*/ 2317598 w 2647519"/>
                            <a:gd name="connsiteY213" fmla="*/ 2019299 h 2612594"/>
                            <a:gd name="connsiteX214" fmla="*/ 2294738 w 2647519"/>
                            <a:gd name="connsiteY214" fmla="*/ 2050732 h 2612594"/>
                            <a:gd name="connsiteX215" fmla="*/ 2292831 w 2647519"/>
                            <a:gd name="connsiteY215" fmla="*/ 2051897 h 2612594"/>
                            <a:gd name="connsiteX216" fmla="*/ 2291271 w 2647519"/>
                            <a:gd name="connsiteY216" fmla="*/ 2054208 h 2612594"/>
                            <a:gd name="connsiteX217" fmla="*/ 2293785 w 2647519"/>
                            <a:gd name="connsiteY217" fmla="*/ 2052637 h 2612594"/>
                            <a:gd name="connsiteX218" fmla="*/ 2316645 w 2647519"/>
                            <a:gd name="connsiteY218" fmla="*/ 2021205 h 2612594"/>
                            <a:gd name="connsiteX219" fmla="*/ 2342363 w 2647519"/>
                            <a:gd name="connsiteY219" fmla="*/ 1982152 h 2612594"/>
                            <a:gd name="connsiteX220" fmla="*/ 2371890 w 2647519"/>
                            <a:gd name="connsiteY220" fmla="*/ 1943100 h 2612594"/>
                            <a:gd name="connsiteX221" fmla="*/ 2384273 w 2647519"/>
                            <a:gd name="connsiteY221" fmla="*/ 1922145 h 2612594"/>
                            <a:gd name="connsiteX222" fmla="*/ 2396655 w 2647519"/>
                            <a:gd name="connsiteY222" fmla="*/ 1899285 h 2612594"/>
                            <a:gd name="connsiteX223" fmla="*/ 2422373 w 2647519"/>
                            <a:gd name="connsiteY223" fmla="*/ 1862137 h 2612594"/>
                            <a:gd name="connsiteX224" fmla="*/ 2498930 w 2647519"/>
                            <a:gd name="connsiteY224" fmla="*/ 1857612 h 2612594"/>
                            <a:gd name="connsiteX225" fmla="*/ 2490953 w 2647519"/>
                            <a:gd name="connsiteY225" fmla="*/ 1875472 h 2612594"/>
                            <a:gd name="connsiteX226" fmla="*/ 2473808 w 2647519"/>
                            <a:gd name="connsiteY226" fmla="*/ 1909762 h 2612594"/>
                            <a:gd name="connsiteX227" fmla="*/ 2490953 w 2647519"/>
                            <a:gd name="connsiteY227" fmla="*/ 1875472 h 2612594"/>
                            <a:gd name="connsiteX228" fmla="*/ 2498930 w 2647519"/>
                            <a:gd name="connsiteY228" fmla="*/ 1857612 h 2612594"/>
                            <a:gd name="connsiteX229" fmla="*/ 2521433 w 2647519"/>
                            <a:gd name="connsiteY229" fmla="*/ 1847850 h 2612594"/>
                            <a:gd name="connsiteX230" fmla="*/ 2509050 w 2647519"/>
                            <a:gd name="connsiteY230" fmla="*/ 1884997 h 2612594"/>
                            <a:gd name="connsiteX231" fmla="*/ 2487143 w 2647519"/>
                            <a:gd name="connsiteY231" fmla="*/ 1925002 h 2612594"/>
                            <a:gd name="connsiteX232" fmla="*/ 2465235 w 2647519"/>
                            <a:gd name="connsiteY232" fmla="*/ 1965960 h 2612594"/>
                            <a:gd name="connsiteX233" fmla="*/ 2445233 w 2647519"/>
                            <a:gd name="connsiteY233" fmla="*/ 1991677 h 2612594"/>
                            <a:gd name="connsiteX234" fmla="*/ 2458568 w 2647519"/>
                            <a:gd name="connsiteY234" fmla="*/ 1965007 h 2612594"/>
                            <a:gd name="connsiteX235" fmla="*/ 2469998 w 2647519"/>
                            <a:gd name="connsiteY235" fmla="*/ 1938337 h 2612594"/>
                            <a:gd name="connsiteX236" fmla="*/ 2478570 w 2647519"/>
                            <a:gd name="connsiteY236" fmla="*/ 1924050 h 2612594"/>
                            <a:gd name="connsiteX237" fmla="*/ 2490000 w 2647519"/>
                            <a:gd name="connsiteY237" fmla="*/ 1905000 h 2612594"/>
                            <a:gd name="connsiteX238" fmla="*/ 2500478 w 2647519"/>
                            <a:gd name="connsiteY238" fmla="*/ 1885950 h 2612594"/>
                            <a:gd name="connsiteX239" fmla="*/ 2521433 w 2647519"/>
                            <a:gd name="connsiteY239" fmla="*/ 1847850 h 2612594"/>
                            <a:gd name="connsiteX240" fmla="*/ 2459780 w 2647519"/>
                            <a:gd name="connsiteY240" fmla="*/ 1766202 h 2612594"/>
                            <a:gd name="connsiteX241" fmla="*/ 2436660 w 2647519"/>
                            <a:gd name="connsiteY241" fmla="*/ 1806892 h 2612594"/>
                            <a:gd name="connsiteX242" fmla="*/ 2436235 w 2647519"/>
                            <a:gd name="connsiteY242" fmla="*/ 1807870 h 2612594"/>
                            <a:gd name="connsiteX243" fmla="*/ 2459520 w 2647519"/>
                            <a:gd name="connsiteY243" fmla="*/ 1766887 h 2612594"/>
                            <a:gd name="connsiteX244" fmla="*/ 2472460 w 2647519"/>
                            <a:gd name="connsiteY244" fmla="*/ 1674043 h 2612594"/>
                            <a:gd name="connsiteX245" fmla="*/ 2444672 w 2647519"/>
                            <a:gd name="connsiteY245" fmla="*/ 1749965 h 2612594"/>
                            <a:gd name="connsiteX246" fmla="*/ 2386218 w 2647519"/>
                            <a:gd name="connsiteY246" fmla="*/ 1869449 h 2612594"/>
                            <a:gd name="connsiteX247" fmla="*/ 2377659 w 2647519"/>
                            <a:gd name="connsiteY247" fmla="*/ 1882980 h 2612594"/>
                            <a:gd name="connsiteX248" fmla="*/ 2377605 w 2647519"/>
                            <a:gd name="connsiteY248" fmla="*/ 1883092 h 2612594"/>
                            <a:gd name="connsiteX249" fmla="*/ 2357602 w 2647519"/>
                            <a:gd name="connsiteY249" fmla="*/ 1917382 h 2612594"/>
                            <a:gd name="connsiteX250" fmla="*/ 2337600 w 2647519"/>
                            <a:gd name="connsiteY250" fmla="*/ 1954530 h 2612594"/>
                            <a:gd name="connsiteX251" fmla="*/ 2314740 w 2647519"/>
                            <a:gd name="connsiteY251" fmla="*/ 1983105 h 2612594"/>
                            <a:gd name="connsiteX252" fmla="*/ 2295690 w 2647519"/>
                            <a:gd name="connsiteY252" fmla="*/ 2015490 h 2612594"/>
                            <a:gd name="connsiteX253" fmla="*/ 2183295 w 2647519"/>
                            <a:gd name="connsiteY253" fmla="*/ 2142172 h 2612594"/>
                            <a:gd name="connsiteX254" fmla="*/ 2146147 w 2647519"/>
                            <a:gd name="connsiteY254" fmla="*/ 2173605 h 2612594"/>
                            <a:gd name="connsiteX255" fmla="*/ 2142583 w 2647519"/>
                            <a:gd name="connsiteY255" fmla="*/ 2176314 h 2612594"/>
                            <a:gd name="connsiteX256" fmla="*/ 2141045 w 2647519"/>
                            <a:gd name="connsiteY256" fmla="*/ 2177871 h 2612594"/>
                            <a:gd name="connsiteX257" fmla="*/ 2125512 w 2647519"/>
                            <a:gd name="connsiteY257" fmla="*/ 2190534 h 2612594"/>
                            <a:gd name="connsiteX258" fmla="*/ 2112810 w 2647519"/>
                            <a:gd name="connsiteY258" fmla="*/ 2205037 h 2612594"/>
                            <a:gd name="connsiteX259" fmla="*/ 2066137 w 2647519"/>
                            <a:gd name="connsiteY259" fmla="*/ 2240280 h 2612594"/>
                            <a:gd name="connsiteX260" fmla="*/ 2058824 w 2647519"/>
                            <a:gd name="connsiteY260" fmla="*/ 2244899 h 2612594"/>
                            <a:gd name="connsiteX261" fmla="*/ 2038960 w 2647519"/>
                            <a:gd name="connsiteY261" fmla="*/ 2261093 h 2612594"/>
                            <a:gd name="connsiteX262" fmla="*/ 2036091 w 2647519"/>
                            <a:gd name="connsiteY262" fmla="*/ 2262956 h 2612594"/>
                            <a:gd name="connsiteX263" fmla="*/ 2031847 w 2647519"/>
                            <a:gd name="connsiteY263" fmla="*/ 2266950 h 2612594"/>
                            <a:gd name="connsiteX264" fmla="*/ 1994700 w 2647519"/>
                            <a:gd name="connsiteY264" fmla="*/ 2291715 h 2612594"/>
                            <a:gd name="connsiteX265" fmla="*/ 1957552 w 2647519"/>
                            <a:gd name="connsiteY265" fmla="*/ 2314575 h 2612594"/>
                            <a:gd name="connsiteX266" fmla="*/ 1953301 w 2647519"/>
                            <a:gd name="connsiteY266" fmla="*/ 2316730 h 2612594"/>
                            <a:gd name="connsiteX267" fmla="*/ 1928148 w 2647519"/>
                            <a:gd name="connsiteY267" fmla="*/ 2333067 h 2612594"/>
                            <a:gd name="connsiteX268" fmla="*/ 1920350 w 2647519"/>
                            <a:gd name="connsiteY268" fmla="*/ 2337000 h 2612594"/>
                            <a:gd name="connsiteX269" fmla="*/ 1912785 w 2647519"/>
                            <a:gd name="connsiteY269" fmla="*/ 2342197 h 2612594"/>
                            <a:gd name="connsiteX270" fmla="*/ 1887067 w 2647519"/>
                            <a:gd name="connsiteY270" fmla="*/ 2356485 h 2612594"/>
                            <a:gd name="connsiteX271" fmla="*/ 1863039 w 2647519"/>
                            <a:gd name="connsiteY271" fmla="*/ 2365908 h 2612594"/>
                            <a:gd name="connsiteX272" fmla="*/ 1809482 w 2647519"/>
                            <a:gd name="connsiteY272" fmla="*/ 2392922 h 2612594"/>
                            <a:gd name="connsiteX273" fmla="*/ 1683836 w 2647519"/>
                            <a:gd name="connsiteY273" fmla="*/ 2439784 h 2612594"/>
                            <a:gd name="connsiteX274" fmla="*/ 1596280 w 2647519"/>
                            <a:gd name="connsiteY274" fmla="*/ 2462297 h 2612594"/>
                            <a:gd name="connsiteX275" fmla="*/ 1667040 w 2647519"/>
                            <a:gd name="connsiteY275" fmla="*/ 2448877 h 2612594"/>
                            <a:gd name="connsiteX276" fmla="*/ 1680375 w 2647519"/>
                            <a:gd name="connsiteY276" fmla="*/ 2446019 h 2612594"/>
                            <a:gd name="connsiteX277" fmla="*/ 1723237 w 2647519"/>
                            <a:gd name="connsiteY277" fmla="*/ 2430779 h 2612594"/>
                            <a:gd name="connsiteX278" fmla="*/ 1749907 w 2647519"/>
                            <a:gd name="connsiteY278" fmla="*/ 2422207 h 2612594"/>
                            <a:gd name="connsiteX279" fmla="*/ 1792770 w 2647519"/>
                            <a:gd name="connsiteY279" fmla="*/ 2400299 h 2612594"/>
                            <a:gd name="connsiteX280" fmla="*/ 1841347 w 2647519"/>
                            <a:gd name="connsiteY280" fmla="*/ 2383154 h 2612594"/>
                            <a:gd name="connsiteX281" fmla="*/ 1872470 w 2647519"/>
                            <a:gd name="connsiteY281" fmla="*/ 2370949 h 2612594"/>
                            <a:gd name="connsiteX282" fmla="*/ 1886115 w 2647519"/>
                            <a:gd name="connsiteY282" fmla="*/ 2363152 h 2612594"/>
                            <a:gd name="connsiteX283" fmla="*/ 1898496 w 2647519"/>
                            <a:gd name="connsiteY283" fmla="*/ 2359343 h 2612594"/>
                            <a:gd name="connsiteX284" fmla="*/ 1915642 w 2647519"/>
                            <a:gd name="connsiteY284" fmla="*/ 2349817 h 2612594"/>
                            <a:gd name="connsiteX285" fmla="*/ 1920147 w 2647519"/>
                            <a:gd name="connsiteY285" fmla="*/ 2346686 h 2612594"/>
                            <a:gd name="connsiteX286" fmla="*/ 1931835 w 2647519"/>
                            <a:gd name="connsiteY286" fmla="*/ 2335530 h 2612594"/>
                            <a:gd name="connsiteX287" fmla="*/ 1957552 w 2647519"/>
                            <a:gd name="connsiteY287" fmla="*/ 2320290 h 2612594"/>
                            <a:gd name="connsiteX288" fmla="*/ 1986810 w 2647519"/>
                            <a:gd name="connsiteY288" fmla="*/ 2305948 h 2612594"/>
                            <a:gd name="connsiteX289" fmla="*/ 1997557 w 2647519"/>
                            <a:gd name="connsiteY289" fmla="*/ 2299334 h 2612594"/>
                            <a:gd name="connsiteX290" fmla="*/ 2034705 w 2647519"/>
                            <a:gd name="connsiteY290" fmla="*/ 2274569 h 2612594"/>
                            <a:gd name="connsiteX291" fmla="*/ 2050897 w 2647519"/>
                            <a:gd name="connsiteY291" fmla="*/ 2259329 h 2612594"/>
                            <a:gd name="connsiteX292" fmla="*/ 2068995 w 2647519"/>
                            <a:gd name="connsiteY292" fmla="*/ 2247899 h 2612594"/>
                            <a:gd name="connsiteX293" fmla="*/ 2115667 w 2647519"/>
                            <a:gd name="connsiteY293" fmla="*/ 2212657 h 2612594"/>
                            <a:gd name="connsiteX294" fmla="*/ 2149005 w 2647519"/>
                            <a:gd name="connsiteY294" fmla="*/ 2181224 h 2612594"/>
                            <a:gd name="connsiteX295" fmla="*/ 2186152 w 2647519"/>
                            <a:gd name="connsiteY295" fmla="*/ 2149792 h 2612594"/>
                            <a:gd name="connsiteX296" fmla="*/ 2298547 w 2647519"/>
                            <a:gd name="connsiteY296" fmla="*/ 2023109 h 2612594"/>
                            <a:gd name="connsiteX297" fmla="*/ 2314015 w 2647519"/>
                            <a:gd name="connsiteY297" fmla="*/ 1996814 h 2612594"/>
                            <a:gd name="connsiteX298" fmla="*/ 2314740 w 2647519"/>
                            <a:gd name="connsiteY298" fmla="*/ 1994534 h 2612594"/>
                            <a:gd name="connsiteX299" fmla="*/ 2339505 w 2647519"/>
                            <a:gd name="connsiteY299" fmla="*/ 1956434 h 2612594"/>
                            <a:gd name="connsiteX300" fmla="*/ 2347125 w 2647519"/>
                            <a:gd name="connsiteY300" fmla="*/ 1945004 h 2612594"/>
                            <a:gd name="connsiteX301" fmla="*/ 2357257 w 2647519"/>
                            <a:gd name="connsiteY301" fmla="*/ 1930951 h 2612594"/>
                            <a:gd name="connsiteX302" fmla="*/ 2360460 w 2647519"/>
                            <a:gd name="connsiteY302" fmla="*/ 1925002 h 2612594"/>
                            <a:gd name="connsiteX303" fmla="*/ 2380462 w 2647519"/>
                            <a:gd name="connsiteY303" fmla="*/ 1890712 h 2612594"/>
                            <a:gd name="connsiteX304" fmla="*/ 2419515 w 2647519"/>
                            <a:gd name="connsiteY304" fmla="*/ 1809749 h 2612594"/>
                            <a:gd name="connsiteX305" fmla="*/ 2457615 w 2647519"/>
                            <a:gd name="connsiteY305" fmla="*/ 1723072 h 2612594"/>
                            <a:gd name="connsiteX306" fmla="*/ 2468807 w 2647519"/>
                            <a:gd name="connsiteY306" fmla="*/ 1687829 h 2612594"/>
                            <a:gd name="connsiteX307" fmla="*/ 2576677 w 2647519"/>
                            <a:gd name="connsiteY307" fmla="*/ 1589722 h 2612594"/>
                            <a:gd name="connsiteX308" fmla="*/ 2573820 w 2647519"/>
                            <a:gd name="connsiteY308" fmla="*/ 1591627 h 2612594"/>
                            <a:gd name="connsiteX309" fmla="*/ 2573820 w 2647519"/>
                            <a:gd name="connsiteY309" fmla="*/ 1591627 h 2612594"/>
                            <a:gd name="connsiteX310" fmla="*/ 2585674 w 2647519"/>
                            <a:gd name="connsiteY310" fmla="*/ 1533271 h 2612594"/>
                            <a:gd name="connsiteX311" fmla="*/ 2585332 w 2647519"/>
                            <a:gd name="connsiteY311" fmla="*/ 1534956 h 2612594"/>
                            <a:gd name="connsiteX312" fmla="*/ 2588107 w 2647519"/>
                            <a:gd name="connsiteY312" fmla="*/ 1538287 h 2612594"/>
                            <a:gd name="connsiteX313" fmla="*/ 2596680 w 2647519"/>
                            <a:gd name="connsiteY313" fmla="*/ 1547812 h 2612594"/>
                            <a:gd name="connsiteX314" fmla="*/ 2602395 w 2647519"/>
                            <a:gd name="connsiteY314" fmla="*/ 1544002 h 2612594"/>
                            <a:gd name="connsiteX315" fmla="*/ 2602539 w 2647519"/>
                            <a:gd name="connsiteY315" fmla="*/ 1543271 h 2612594"/>
                            <a:gd name="connsiteX316" fmla="*/ 2598585 w 2647519"/>
                            <a:gd name="connsiteY316" fmla="*/ 1545907 h 2612594"/>
                            <a:gd name="connsiteX317" fmla="*/ 2589060 w 2647519"/>
                            <a:gd name="connsiteY317" fmla="*/ 1537334 h 2612594"/>
                            <a:gd name="connsiteX318" fmla="*/ 2577184 w 2647519"/>
                            <a:gd name="connsiteY318" fmla="*/ 1425070 h 2612594"/>
                            <a:gd name="connsiteX319" fmla="*/ 2576519 w 2647519"/>
                            <a:gd name="connsiteY319" fmla="*/ 1425107 h 2612594"/>
                            <a:gd name="connsiteX320" fmla="*/ 2575314 w 2647519"/>
                            <a:gd name="connsiteY320" fmla="*/ 1425174 h 2612594"/>
                            <a:gd name="connsiteX321" fmla="*/ 2575725 w 2647519"/>
                            <a:gd name="connsiteY321" fmla="*/ 1429702 h 2612594"/>
                            <a:gd name="connsiteX322" fmla="*/ 2574773 w 2647519"/>
                            <a:gd name="connsiteY322" fmla="*/ 1453515 h 2612594"/>
                            <a:gd name="connsiteX323" fmla="*/ 2570963 w 2647519"/>
                            <a:gd name="connsiteY323" fmla="*/ 1467802 h 2612594"/>
                            <a:gd name="connsiteX324" fmla="*/ 2548103 w 2647519"/>
                            <a:gd name="connsiteY324" fmla="*/ 1503997 h 2612594"/>
                            <a:gd name="connsiteX325" fmla="*/ 2542388 w 2647519"/>
                            <a:gd name="connsiteY325" fmla="*/ 1535430 h 2612594"/>
                            <a:gd name="connsiteX326" fmla="*/ 2536673 w 2647519"/>
                            <a:gd name="connsiteY326" fmla="*/ 1545907 h 2612594"/>
                            <a:gd name="connsiteX327" fmla="*/ 2527148 w 2647519"/>
                            <a:gd name="connsiteY327" fmla="*/ 1591627 h 2612594"/>
                            <a:gd name="connsiteX328" fmla="*/ 2516670 w 2647519"/>
                            <a:gd name="connsiteY328" fmla="*/ 1627822 h 2612594"/>
                            <a:gd name="connsiteX329" fmla="*/ 2505240 w 2647519"/>
                            <a:gd name="connsiteY329" fmla="*/ 1663065 h 2612594"/>
                            <a:gd name="connsiteX330" fmla="*/ 2498573 w 2647519"/>
                            <a:gd name="connsiteY330" fmla="*/ 1690687 h 2612594"/>
                            <a:gd name="connsiteX331" fmla="*/ 2490953 w 2647519"/>
                            <a:gd name="connsiteY331" fmla="*/ 1719262 h 2612594"/>
                            <a:gd name="connsiteX332" fmla="*/ 2497030 w 2647519"/>
                            <a:gd name="connsiteY332" fmla="*/ 1709809 h 2612594"/>
                            <a:gd name="connsiteX333" fmla="*/ 2502383 w 2647519"/>
                            <a:gd name="connsiteY333" fmla="*/ 1689734 h 2612594"/>
                            <a:gd name="connsiteX334" fmla="*/ 2507145 w 2647519"/>
                            <a:gd name="connsiteY334" fmla="*/ 1661159 h 2612594"/>
                            <a:gd name="connsiteX335" fmla="*/ 2518575 w 2647519"/>
                            <a:gd name="connsiteY335" fmla="*/ 1625917 h 2612594"/>
                            <a:gd name="connsiteX336" fmla="*/ 2529053 w 2647519"/>
                            <a:gd name="connsiteY336" fmla="*/ 1589722 h 2612594"/>
                            <a:gd name="connsiteX337" fmla="*/ 2538578 w 2647519"/>
                            <a:gd name="connsiteY337" fmla="*/ 1544002 h 2612594"/>
                            <a:gd name="connsiteX338" fmla="*/ 2544293 w 2647519"/>
                            <a:gd name="connsiteY338" fmla="*/ 1533524 h 2612594"/>
                            <a:gd name="connsiteX339" fmla="*/ 2550008 w 2647519"/>
                            <a:gd name="connsiteY339" fmla="*/ 1502092 h 2612594"/>
                            <a:gd name="connsiteX340" fmla="*/ 2572868 w 2647519"/>
                            <a:gd name="connsiteY340" fmla="*/ 1465897 h 2612594"/>
                            <a:gd name="connsiteX341" fmla="*/ 2557628 w 2647519"/>
                            <a:gd name="connsiteY341" fmla="*/ 1539239 h 2612594"/>
                            <a:gd name="connsiteX342" fmla="*/ 2546198 w 2647519"/>
                            <a:gd name="connsiteY342" fmla="*/ 1600199 h 2612594"/>
                            <a:gd name="connsiteX343" fmla="*/ 2520480 w 2647519"/>
                            <a:gd name="connsiteY343" fmla="*/ 1678304 h 2612594"/>
                            <a:gd name="connsiteX344" fmla="*/ 2515392 w 2647519"/>
                            <a:gd name="connsiteY344" fmla="*/ 1686218 h 2612594"/>
                            <a:gd name="connsiteX345" fmla="*/ 2513217 w 2647519"/>
                            <a:gd name="connsiteY345" fmla="*/ 1698069 h 2612594"/>
                            <a:gd name="connsiteX346" fmla="*/ 2506193 w 2647519"/>
                            <a:gd name="connsiteY346" fmla="*/ 1718310 h 2612594"/>
                            <a:gd name="connsiteX347" fmla="*/ 2479523 w 2647519"/>
                            <a:gd name="connsiteY347" fmla="*/ 1776412 h 2612594"/>
                            <a:gd name="connsiteX348" fmla="*/ 2467140 w 2647519"/>
                            <a:gd name="connsiteY348" fmla="*/ 1806892 h 2612594"/>
                            <a:gd name="connsiteX349" fmla="*/ 2459520 w 2647519"/>
                            <a:gd name="connsiteY349" fmla="*/ 1823085 h 2612594"/>
                            <a:gd name="connsiteX350" fmla="*/ 2449995 w 2647519"/>
                            <a:gd name="connsiteY350" fmla="*/ 1840230 h 2612594"/>
                            <a:gd name="connsiteX351" fmla="*/ 2424278 w 2647519"/>
                            <a:gd name="connsiteY351" fmla="*/ 1885950 h 2612594"/>
                            <a:gd name="connsiteX352" fmla="*/ 2396655 w 2647519"/>
                            <a:gd name="connsiteY352" fmla="*/ 1930717 h 2612594"/>
                            <a:gd name="connsiteX353" fmla="*/ 2361413 w 2647519"/>
                            <a:gd name="connsiteY353" fmla="*/ 1990725 h 2612594"/>
                            <a:gd name="connsiteX354" fmla="*/ 2322360 w 2647519"/>
                            <a:gd name="connsiteY354" fmla="*/ 2049780 h 2612594"/>
                            <a:gd name="connsiteX355" fmla="*/ 2296643 w 2647519"/>
                            <a:gd name="connsiteY355" fmla="*/ 2083117 h 2612594"/>
                            <a:gd name="connsiteX356" fmla="*/ 2269020 w 2647519"/>
                            <a:gd name="connsiteY356" fmla="*/ 2115502 h 2612594"/>
                            <a:gd name="connsiteX357" fmla="*/ 2259495 w 2647519"/>
                            <a:gd name="connsiteY357" fmla="*/ 2128837 h 2612594"/>
                            <a:gd name="connsiteX358" fmla="*/ 2249018 w 2647519"/>
                            <a:gd name="connsiteY358" fmla="*/ 2142172 h 2612594"/>
                            <a:gd name="connsiteX359" fmla="*/ 2232825 w 2647519"/>
                            <a:gd name="connsiteY359" fmla="*/ 2155507 h 2612594"/>
                            <a:gd name="connsiteX360" fmla="*/ 2206342 w 2647519"/>
                            <a:gd name="connsiteY360" fmla="*/ 2184829 h 2612594"/>
                            <a:gd name="connsiteX361" fmla="*/ 2207107 w 2647519"/>
                            <a:gd name="connsiteY361" fmla="*/ 2187892 h 2612594"/>
                            <a:gd name="connsiteX362" fmla="*/ 2179485 w 2647519"/>
                            <a:gd name="connsiteY362" fmla="*/ 2216467 h 2612594"/>
                            <a:gd name="connsiteX363" fmla="*/ 2149957 w 2647519"/>
                            <a:gd name="connsiteY363" fmla="*/ 2237422 h 2612594"/>
                            <a:gd name="connsiteX364" fmla="*/ 2126145 w 2647519"/>
                            <a:gd name="connsiteY364" fmla="*/ 2256472 h 2612594"/>
                            <a:gd name="connsiteX365" fmla="*/ 2103587 w 2647519"/>
                            <a:gd name="connsiteY365" fmla="*/ 2272957 h 2612594"/>
                            <a:gd name="connsiteX366" fmla="*/ 2107095 w 2647519"/>
                            <a:gd name="connsiteY366" fmla="*/ 2272665 h 2612594"/>
                            <a:gd name="connsiteX367" fmla="*/ 2131860 w 2647519"/>
                            <a:gd name="connsiteY367" fmla="*/ 2254567 h 2612594"/>
                            <a:gd name="connsiteX368" fmla="*/ 2155673 w 2647519"/>
                            <a:gd name="connsiteY368" fmla="*/ 2235517 h 2612594"/>
                            <a:gd name="connsiteX369" fmla="*/ 2185200 w 2647519"/>
                            <a:gd name="connsiteY369" fmla="*/ 2214562 h 2612594"/>
                            <a:gd name="connsiteX370" fmla="*/ 2212823 w 2647519"/>
                            <a:gd name="connsiteY370" fmla="*/ 2185987 h 2612594"/>
                            <a:gd name="connsiteX371" fmla="*/ 2211870 w 2647519"/>
                            <a:gd name="connsiteY371" fmla="*/ 2182177 h 2612594"/>
                            <a:gd name="connsiteX372" fmla="*/ 2238540 w 2647519"/>
                            <a:gd name="connsiteY372" fmla="*/ 2152650 h 2612594"/>
                            <a:gd name="connsiteX373" fmla="*/ 2254733 w 2647519"/>
                            <a:gd name="connsiteY373" fmla="*/ 2139315 h 2612594"/>
                            <a:gd name="connsiteX374" fmla="*/ 2265210 w 2647519"/>
                            <a:gd name="connsiteY374" fmla="*/ 2125980 h 2612594"/>
                            <a:gd name="connsiteX375" fmla="*/ 2274735 w 2647519"/>
                            <a:gd name="connsiteY375" fmla="*/ 2112645 h 2612594"/>
                            <a:gd name="connsiteX376" fmla="*/ 2302358 w 2647519"/>
                            <a:gd name="connsiteY376" fmla="*/ 2080260 h 2612594"/>
                            <a:gd name="connsiteX377" fmla="*/ 2328075 w 2647519"/>
                            <a:gd name="connsiteY377" fmla="*/ 2046922 h 2612594"/>
                            <a:gd name="connsiteX378" fmla="*/ 2367128 w 2647519"/>
                            <a:gd name="connsiteY378" fmla="*/ 1987867 h 2612594"/>
                            <a:gd name="connsiteX379" fmla="*/ 2402370 w 2647519"/>
                            <a:gd name="connsiteY379" fmla="*/ 1927860 h 2612594"/>
                            <a:gd name="connsiteX380" fmla="*/ 2429993 w 2647519"/>
                            <a:gd name="connsiteY380" fmla="*/ 1883092 h 2612594"/>
                            <a:gd name="connsiteX381" fmla="*/ 2455710 w 2647519"/>
                            <a:gd name="connsiteY381" fmla="*/ 1837372 h 2612594"/>
                            <a:gd name="connsiteX382" fmla="*/ 2465235 w 2647519"/>
                            <a:gd name="connsiteY382" fmla="*/ 1820227 h 2612594"/>
                            <a:gd name="connsiteX383" fmla="*/ 2472855 w 2647519"/>
                            <a:gd name="connsiteY383" fmla="*/ 1804035 h 2612594"/>
                            <a:gd name="connsiteX384" fmla="*/ 2485238 w 2647519"/>
                            <a:gd name="connsiteY384" fmla="*/ 1773555 h 2612594"/>
                            <a:gd name="connsiteX385" fmla="*/ 2511908 w 2647519"/>
                            <a:gd name="connsiteY385" fmla="*/ 1715452 h 2612594"/>
                            <a:gd name="connsiteX386" fmla="*/ 2522385 w 2647519"/>
                            <a:gd name="connsiteY386" fmla="*/ 1676400 h 2612594"/>
                            <a:gd name="connsiteX387" fmla="*/ 2548103 w 2647519"/>
                            <a:gd name="connsiteY387" fmla="*/ 1598295 h 2612594"/>
                            <a:gd name="connsiteX388" fmla="*/ 2559533 w 2647519"/>
                            <a:gd name="connsiteY388" fmla="*/ 1537335 h 2612594"/>
                            <a:gd name="connsiteX389" fmla="*/ 2574773 w 2647519"/>
                            <a:gd name="connsiteY389" fmla="*/ 1463992 h 2612594"/>
                            <a:gd name="connsiteX390" fmla="*/ 2578209 w 2647519"/>
                            <a:gd name="connsiteY390" fmla="*/ 1451109 h 2612594"/>
                            <a:gd name="connsiteX391" fmla="*/ 2575725 w 2647519"/>
                            <a:gd name="connsiteY391" fmla="*/ 1450657 h 2612594"/>
                            <a:gd name="connsiteX392" fmla="*/ 2576677 w 2647519"/>
                            <a:gd name="connsiteY392" fmla="*/ 1426845 h 2612594"/>
                            <a:gd name="connsiteX393" fmla="*/ 2597632 w 2647519"/>
                            <a:gd name="connsiteY393" fmla="*/ 1404937 h 2612594"/>
                            <a:gd name="connsiteX394" fmla="*/ 2586540 w 2647519"/>
                            <a:gd name="connsiteY394" fmla="*/ 1451152 h 2612594"/>
                            <a:gd name="connsiteX395" fmla="*/ 2586541 w 2647519"/>
                            <a:gd name="connsiteY395" fmla="*/ 1451152 h 2612594"/>
                            <a:gd name="connsiteX396" fmla="*/ 2597633 w 2647519"/>
                            <a:gd name="connsiteY396" fmla="*/ 1404938 h 2612594"/>
                            <a:gd name="connsiteX397" fmla="*/ 2606205 w 2647519"/>
                            <a:gd name="connsiteY397" fmla="*/ 1395412 h 2612594"/>
                            <a:gd name="connsiteX398" fmla="*/ 2600490 w 2647519"/>
                            <a:gd name="connsiteY398" fmla="*/ 1407795 h 2612594"/>
                            <a:gd name="connsiteX399" fmla="*/ 2600490 w 2647519"/>
                            <a:gd name="connsiteY399" fmla="*/ 1407795 h 2612594"/>
                            <a:gd name="connsiteX400" fmla="*/ 2599180 w 2647519"/>
                            <a:gd name="connsiteY400" fmla="*/ 1433750 h 2612594"/>
                            <a:gd name="connsiteX401" fmla="*/ 2598585 w 2647519"/>
                            <a:gd name="connsiteY401" fmla="*/ 1458277 h 2612594"/>
                            <a:gd name="connsiteX402" fmla="*/ 2589060 w 2647519"/>
                            <a:gd name="connsiteY402" fmla="*/ 1487586 h 2612594"/>
                            <a:gd name="connsiteX403" fmla="*/ 2589060 w 2647519"/>
                            <a:gd name="connsiteY403" fmla="*/ 1490934 h 2612594"/>
                            <a:gd name="connsiteX404" fmla="*/ 2600490 w 2647519"/>
                            <a:gd name="connsiteY404" fmla="*/ 1458277 h 2612594"/>
                            <a:gd name="connsiteX405" fmla="*/ 2602395 w 2647519"/>
                            <a:gd name="connsiteY405" fmla="*/ 1407794 h 2612594"/>
                            <a:gd name="connsiteX406" fmla="*/ 2606836 w 2647519"/>
                            <a:gd name="connsiteY406" fmla="*/ 1398173 h 2612594"/>
                            <a:gd name="connsiteX407" fmla="*/ 2565247 w 2647519"/>
                            <a:gd name="connsiteY407" fmla="*/ 1354454 h 2612594"/>
                            <a:gd name="connsiteX408" fmla="*/ 2559005 w 2647519"/>
                            <a:gd name="connsiteY408" fmla="*/ 1369208 h 2612594"/>
                            <a:gd name="connsiteX409" fmla="*/ 2556675 w 2647519"/>
                            <a:gd name="connsiteY409" fmla="*/ 1390650 h 2612594"/>
                            <a:gd name="connsiteX410" fmla="*/ 2553670 w 2647519"/>
                            <a:gd name="connsiteY410" fmla="*/ 1380633 h 2612594"/>
                            <a:gd name="connsiteX411" fmla="*/ 2552571 w 2647519"/>
                            <a:gd name="connsiteY411" fmla="*/ 1382047 h 2612594"/>
                            <a:gd name="connsiteX412" fmla="*/ 2555723 w 2647519"/>
                            <a:gd name="connsiteY412" fmla="*/ 1392555 h 2612594"/>
                            <a:gd name="connsiteX413" fmla="*/ 2553818 w 2647519"/>
                            <a:gd name="connsiteY413" fmla="*/ 1407795 h 2612594"/>
                            <a:gd name="connsiteX414" fmla="*/ 2557628 w 2647519"/>
                            <a:gd name="connsiteY414" fmla="*/ 1420177 h 2612594"/>
                            <a:gd name="connsiteX415" fmla="*/ 2560581 w 2647519"/>
                            <a:gd name="connsiteY415" fmla="*/ 1420013 h 2612594"/>
                            <a:gd name="connsiteX416" fmla="*/ 2558580 w 2647519"/>
                            <a:gd name="connsiteY416" fmla="*/ 1413509 h 2612594"/>
                            <a:gd name="connsiteX417" fmla="*/ 2560485 w 2647519"/>
                            <a:gd name="connsiteY417" fmla="*/ 1398269 h 2612594"/>
                            <a:gd name="connsiteX418" fmla="*/ 2565247 w 2647519"/>
                            <a:gd name="connsiteY418" fmla="*/ 1354454 h 2612594"/>
                            <a:gd name="connsiteX419" fmla="*/ 2645258 w 2647519"/>
                            <a:gd name="connsiteY419" fmla="*/ 1328737 h 2612594"/>
                            <a:gd name="connsiteX420" fmla="*/ 2647163 w 2647519"/>
                            <a:gd name="connsiteY420" fmla="*/ 1329689 h 2612594"/>
                            <a:gd name="connsiteX421" fmla="*/ 2646210 w 2647519"/>
                            <a:gd name="connsiteY421" fmla="*/ 1369694 h 2612594"/>
                            <a:gd name="connsiteX422" fmla="*/ 2647163 w 2647519"/>
                            <a:gd name="connsiteY422" fmla="*/ 1397317 h 2612594"/>
                            <a:gd name="connsiteX423" fmla="*/ 2644305 w 2647519"/>
                            <a:gd name="connsiteY423" fmla="*/ 1447799 h 2612594"/>
                            <a:gd name="connsiteX424" fmla="*/ 2641448 w 2647519"/>
                            <a:gd name="connsiteY424" fmla="*/ 1476374 h 2612594"/>
                            <a:gd name="connsiteX425" fmla="*/ 2632875 w 2647519"/>
                            <a:gd name="connsiteY425" fmla="*/ 1518284 h 2612594"/>
                            <a:gd name="connsiteX426" fmla="*/ 2630018 w 2647519"/>
                            <a:gd name="connsiteY426" fmla="*/ 1553527 h 2612594"/>
                            <a:gd name="connsiteX427" fmla="*/ 2615730 w 2647519"/>
                            <a:gd name="connsiteY427" fmla="*/ 1618297 h 2612594"/>
                            <a:gd name="connsiteX428" fmla="*/ 2602395 w 2647519"/>
                            <a:gd name="connsiteY428" fmla="*/ 1674494 h 2612594"/>
                            <a:gd name="connsiteX429" fmla="*/ 2578583 w 2647519"/>
                            <a:gd name="connsiteY429" fmla="*/ 1684972 h 2612594"/>
                            <a:gd name="connsiteX430" fmla="*/ 2580488 w 2647519"/>
                            <a:gd name="connsiteY430" fmla="*/ 1679257 h 2612594"/>
                            <a:gd name="connsiteX431" fmla="*/ 2584298 w 2647519"/>
                            <a:gd name="connsiteY431" fmla="*/ 1639252 h 2612594"/>
                            <a:gd name="connsiteX432" fmla="*/ 2598585 w 2647519"/>
                            <a:gd name="connsiteY432" fmla="*/ 1597342 h 2612594"/>
                            <a:gd name="connsiteX433" fmla="*/ 2610015 w 2647519"/>
                            <a:gd name="connsiteY433" fmla="*/ 1590675 h 2612594"/>
                            <a:gd name="connsiteX434" fmla="*/ 2610015 w 2647519"/>
                            <a:gd name="connsiteY434" fmla="*/ 1590674 h 2612594"/>
                            <a:gd name="connsiteX435" fmla="*/ 2622398 w 2647519"/>
                            <a:gd name="connsiteY435" fmla="*/ 1518284 h 2612594"/>
                            <a:gd name="connsiteX436" fmla="*/ 2629065 w 2647519"/>
                            <a:gd name="connsiteY436" fmla="*/ 1483994 h 2612594"/>
                            <a:gd name="connsiteX437" fmla="*/ 2634780 w 2647519"/>
                            <a:gd name="connsiteY437" fmla="*/ 1448752 h 2612594"/>
                            <a:gd name="connsiteX438" fmla="*/ 2639543 w 2647519"/>
                            <a:gd name="connsiteY438" fmla="*/ 1415414 h 2612594"/>
                            <a:gd name="connsiteX439" fmla="*/ 2641448 w 2647519"/>
                            <a:gd name="connsiteY439" fmla="*/ 1383982 h 2612594"/>
                            <a:gd name="connsiteX440" fmla="*/ 2642400 w 2647519"/>
                            <a:gd name="connsiteY440" fmla="*/ 1357312 h 2612594"/>
                            <a:gd name="connsiteX441" fmla="*/ 2644305 w 2647519"/>
                            <a:gd name="connsiteY441" fmla="*/ 1343024 h 2612594"/>
                            <a:gd name="connsiteX442" fmla="*/ 2645258 w 2647519"/>
                            <a:gd name="connsiteY442" fmla="*/ 1328737 h 2612594"/>
                            <a:gd name="connsiteX443" fmla="*/ 134151 w 2647519"/>
                            <a:gd name="connsiteY443" fmla="*/ 887095 h 2612594"/>
                            <a:gd name="connsiteX444" fmla="*/ 134625 w 2647519"/>
                            <a:gd name="connsiteY444" fmla="*/ 887332 h 2612594"/>
                            <a:gd name="connsiteX445" fmla="*/ 134670 w 2647519"/>
                            <a:gd name="connsiteY445" fmla="*/ 887199 h 2612594"/>
                            <a:gd name="connsiteX446" fmla="*/ 191618 w 2647519"/>
                            <a:gd name="connsiteY446" fmla="*/ 750570 h 2612594"/>
                            <a:gd name="connsiteX447" fmla="*/ 170663 w 2647519"/>
                            <a:gd name="connsiteY447" fmla="*/ 789622 h 2612594"/>
                            <a:gd name="connsiteX448" fmla="*/ 153518 w 2647519"/>
                            <a:gd name="connsiteY448" fmla="*/ 803910 h 2612594"/>
                            <a:gd name="connsiteX449" fmla="*/ 153477 w 2647519"/>
                            <a:gd name="connsiteY449" fmla="*/ 804822 h 2612594"/>
                            <a:gd name="connsiteX450" fmla="*/ 151819 w 2647519"/>
                            <a:gd name="connsiteY450" fmla="*/ 841286 h 2612594"/>
                            <a:gd name="connsiteX451" fmla="*/ 151866 w 2647519"/>
                            <a:gd name="connsiteY451" fmla="*/ 841199 h 2612594"/>
                            <a:gd name="connsiteX452" fmla="*/ 153518 w 2647519"/>
                            <a:gd name="connsiteY452" fmla="*/ 804862 h 2612594"/>
                            <a:gd name="connsiteX453" fmla="*/ 170663 w 2647519"/>
                            <a:gd name="connsiteY453" fmla="*/ 790574 h 2612594"/>
                            <a:gd name="connsiteX454" fmla="*/ 191618 w 2647519"/>
                            <a:gd name="connsiteY454" fmla="*/ 751522 h 2612594"/>
                            <a:gd name="connsiteX455" fmla="*/ 192332 w 2647519"/>
                            <a:gd name="connsiteY455" fmla="*/ 751998 h 2612594"/>
                            <a:gd name="connsiteX456" fmla="*/ 192689 w 2647519"/>
                            <a:gd name="connsiteY456" fmla="*/ 751284 h 2612594"/>
                            <a:gd name="connsiteX457" fmla="*/ 203047 w 2647519"/>
                            <a:gd name="connsiteY457" fmla="*/ 667702 h 2612594"/>
                            <a:gd name="connsiteX458" fmla="*/ 189712 w 2647519"/>
                            <a:gd name="connsiteY458" fmla="*/ 677227 h 2612594"/>
                            <a:gd name="connsiteX459" fmla="*/ 169710 w 2647519"/>
                            <a:gd name="connsiteY459" fmla="*/ 719137 h 2612594"/>
                            <a:gd name="connsiteX460" fmla="*/ 174286 w 2647519"/>
                            <a:gd name="connsiteY460" fmla="*/ 722798 h 2612594"/>
                            <a:gd name="connsiteX461" fmla="*/ 174435 w 2647519"/>
                            <a:gd name="connsiteY461" fmla="*/ 722155 h 2612594"/>
                            <a:gd name="connsiteX462" fmla="*/ 170663 w 2647519"/>
                            <a:gd name="connsiteY462" fmla="*/ 719137 h 2612594"/>
                            <a:gd name="connsiteX463" fmla="*/ 190665 w 2647519"/>
                            <a:gd name="connsiteY463" fmla="*/ 677227 h 2612594"/>
                            <a:gd name="connsiteX464" fmla="*/ 202473 w 2647519"/>
                            <a:gd name="connsiteY464" fmla="*/ 668793 h 2612594"/>
                            <a:gd name="connsiteX465" fmla="*/ 276390 w 2647519"/>
                            <a:gd name="connsiteY465" fmla="*/ 613410 h 2612594"/>
                            <a:gd name="connsiteX466" fmla="*/ 275187 w 2647519"/>
                            <a:gd name="connsiteY466" fmla="*/ 614373 h 2612594"/>
                            <a:gd name="connsiteX467" fmla="*/ 270080 w 2647519"/>
                            <a:gd name="connsiteY467" fmla="*/ 634008 h 2612594"/>
                            <a:gd name="connsiteX468" fmla="*/ 266865 w 2647519"/>
                            <a:gd name="connsiteY468" fmla="*/ 643890 h 2612594"/>
                            <a:gd name="connsiteX469" fmla="*/ 179235 w 2647519"/>
                            <a:gd name="connsiteY469" fmla="*/ 803910 h 2612594"/>
                            <a:gd name="connsiteX470" fmla="*/ 166852 w 2647519"/>
                            <a:gd name="connsiteY470" fmla="*/ 842962 h 2612594"/>
                            <a:gd name="connsiteX471" fmla="*/ 155422 w 2647519"/>
                            <a:gd name="connsiteY471" fmla="*/ 882967 h 2612594"/>
                            <a:gd name="connsiteX472" fmla="*/ 130657 w 2647519"/>
                            <a:gd name="connsiteY472" fmla="*/ 966787 h 2612594"/>
                            <a:gd name="connsiteX473" fmla="*/ 114465 w 2647519"/>
                            <a:gd name="connsiteY473" fmla="*/ 1023937 h 2612594"/>
                            <a:gd name="connsiteX474" fmla="*/ 106845 w 2647519"/>
                            <a:gd name="connsiteY474" fmla="*/ 1066800 h 2612594"/>
                            <a:gd name="connsiteX475" fmla="*/ 103035 w 2647519"/>
                            <a:gd name="connsiteY475" fmla="*/ 1088707 h 2612594"/>
                            <a:gd name="connsiteX476" fmla="*/ 100177 w 2647519"/>
                            <a:gd name="connsiteY476" fmla="*/ 1110615 h 2612594"/>
                            <a:gd name="connsiteX477" fmla="*/ 91605 w 2647519"/>
                            <a:gd name="connsiteY477" fmla="*/ 1169670 h 2612594"/>
                            <a:gd name="connsiteX478" fmla="*/ 88747 w 2647519"/>
                            <a:gd name="connsiteY478" fmla="*/ 1205865 h 2612594"/>
                            <a:gd name="connsiteX479" fmla="*/ 93510 w 2647519"/>
                            <a:gd name="connsiteY479" fmla="*/ 1243965 h 2612594"/>
                            <a:gd name="connsiteX480" fmla="*/ 95742 w 2647519"/>
                            <a:gd name="connsiteY480" fmla="*/ 1223205 h 2612594"/>
                            <a:gd name="connsiteX481" fmla="*/ 95415 w 2647519"/>
                            <a:gd name="connsiteY481" fmla="*/ 1216342 h 2612594"/>
                            <a:gd name="connsiteX482" fmla="*/ 99225 w 2647519"/>
                            <a:gd name="connsiteY482" fmla="*/ 1176337 h 2612594"/>
                            <a:gd name="connsiteX483" fmla="*/ 107797 w 2647519"/>
                            <a:gd name="connsiteY483" fmla="*/ 1117282 h 2612594"/>
                            <a:gd name="connsiteX484" fmla="*/ 114596 w 2647519"/>
                            <a:gd name="connsiteY484" fmla="*/ 1109123 h 2612594"/>
                            <a:gd name="connsiteX485" fmla="*/ 124469 w 2647519"/>
                            <a:gd name="connsiteY485" fmla="*/ 1043051 h 2612594"/>
                            <a:gd name="connsiteX486" fmla="*/ 123990 w 2647519"/>
                            <a:gd name="connsiteY486" fmla="*/ 1031557 h 2612594"/>
                            <a:gd name="connsiteX487" fmla="*/ 133400 w 2647519"/>
                            <a:gd name="connsiteY487" fmla="*/ 1004581 h 2612594"/>
                            <a:gd name="connsiteX488" fmla="*/ 138999 w 2647519"/>
                            <a:gd name="connsiteY488" fmla="*/ 981931 h 2612594"/>
                            <a:gd name="connsiteX489" fmla="*/ 137325 w 2647519"/>
                            <a:gd name="connsiteY489" fmla="*/ 985837 h 2612594"/>
                            <a:gd name="connsiteX490" fmla="*/ 131610 w 2647519"/>
                            <a:gd name="connsiteY490" fmla="*/ 983932 h 2612594"/>
                            <a:gd name="connsiteX491" fmla="*/ 117322 w 2647519"/>
                            <a:gd name="connsiteY491" fmla="*/ 1024890 h 2612594"/>
                            <a:gd name="connsiteX492" fmla="*/ 118275 w 2647519"/>
                            <a:gd name="connsiteY492" fmla="*/ 1047750 h 2612594"/>
                            <a:gd name="connsiteX493" fmla="*/ 111607 w 2647519"/>
                            <a:gd name="connsiteY493" fmla="*/ 1091565 h 2612594"/>
                            <a:gd name="connsiteX494" fmla="*/ 110655 w 2647519"/>
                            <a:gd name="connsiteY494" fmla="*/ 1099185 h 2612594"/>
                            <a:gd name="connsiteX495" fmla="*/ 101130 w 2647519"/>
                            <a:gd name="connsiteY495" fmla="*/ 1110615 h 2612594"/>
                            <a:gd name="connsiteX496" fmla="*/ 103987 w 2647519"/>
                            <a:gd name="connsiteY496" fmla="*/ 1088707 h 2612594"/>
                            <a:gd name="connsiteX497" fmla="*/ 107797 w 2647519"/>
                            <a:gd name="connsiteY497" fmla="*/ 1066800 h 2612594"/>
                            <a:gd name="connsiteX498" fmla="*/ 115417 w 2647519"/>
                            <a:gd name="connsiteY498" fmla="*/ 1023937 h 2612594"/>
                            <a:gd name="connsiteX499" fmla="*/ 131610 w 2647519"/>
                            <a:gd name="connsiteY499" fmla="*/ 966787 h 2612594"/>
                            <a:gd name="connsiteX500" fmla="*/ 156375 w 2647519"/>
                            <a:gd name="connsiteY500" fmla="*/ 882967 h 2612594"/>
                            <a:gd name="connsiteX501" fmla="*/ 167805 w 2647519"/>
                            <a:gd name="connsiteY501" fmla="*/ 842962 h 2612594"/>
                            <a:gd name="connsiteX502" fmla="*/ 180187 w 2647519"/>
                            <a:gd name="connsiteY502" fmla="*/ 803910 h 2612594"/>
                            <a:gd name="connsiteX503" fmla="*/ 267817 w 2647519"/>
                            <a:gd name="connsiteY503" fmla="*/ 643890 h 2612594"/>
                            <a:gd name="connsiteX504" fmla="*/ 276390 w 2647519"/>
                            <a:gd name="connsiteY504" fmla="*/ 613410 h 2612594"/>
                            <a:gd name="connsiteX505" fmla="*/ 293536 w 2647519"/>
                            <a:gd name="connsiteY505" fmla="*/ 518160 h 2612594"/>
                            <a:gd name="connsiteX506" fmla="*/ 293535 w 2647519"/>
                            <a:gd name="connsiteY506" fmla="*/ 518160 h 2612594"/>
                            <a:gd name="connsiteX507" fmla="*/ 298297 w 2647519"/>
                            <a:gd name="connsiteY507" fmla="*/ 521970 h 2612594"/>
                            <a:gd name="connsiteX508" fmla="*/ 298297 w 2647519"/>
                            <a:gd name="connsiteY508" fmla="*/ 521969 h 2612594"/>
                            <a:gd name="connsiteX509" fmla="*/ 465169 w 2647519"/>
                            <a:gd name="connsiteY509" fmla="*/ 382550 h 2612594"/>
                            <a:gd name="connsiteX510" fmla="*/ 464986 w 2647519"/>
                            <a:gd name="connsiteY510" fmla="*/ 382696 h 2612594"/>
                            <a:gd name="connsiteX511" fmla="*/ 464431 w 2647519"/>
                            <a:gd name="connsiteY511" fmla="*/ 383323 h 2612594"/>
                            <a:gd name="connsiteX512" fmla="*/ 456650 w 2647519"/>
                            <a:gd name="connsiteY512" fmla="*/ 391477 h 2612594"/>
                            <a:gd name="connsiteX513" fmla="*/ 454683 w 2647519"/>
                            <a:gd name="connsiteY513" fmla="*/ 394339 h 2612594"/>
                            <a:gd name="connsiteX514" fmla="*/ 453399 w 2647519"/>
                            <a:gd name="connsiteY514" fmla="*/ 395790 h 2612594"/>
                            <a:gd name="connsiteX515" fmla="*/ 447840 w 2647519"/>
                            <a:gd name="connsiteY515" fmla="*/ 403860 h 2612594"/>
                            <a:gd name="connsiteX516" fmla="*/ 389738 w 2647519"/>
                            <a:gd name="connsiteY516" fmla="*/ 472440 h 2612594"/>
                            <a:gd name="connsiteX517" fmla="*/ 373545 w 2647519"/>
                            <a:gd name="connsiteY517" fmla="*/ 491490 h 2612594"/>
                            <a:gd name="connsiteX518" fmla="*/ 357353 w 2647519"/>
                            <a:gd name="connsiteY518" fmla="*/ 511492 h 2612594"/>
                            <a:gd name="connsiteX519" fmla="*/ 285782 w 2647519"/>
                            <a:gd name="connsiteY519" fmla="*/ 590597 h 2612594"/>
                            <a:gd name="connsiteX520" fmla="*/ 358305 w 2647519"/>
                            <a:gd name="connsiteY520" fmla="*/ 510540 h 2612594"/>
                            <a:gd name="connsiteX521" fmla="*/ 374497 w 2647519"/>
                            <a:gd name="connsiteY521" fmla="*/ 490537 h 2612594"/>
                            <a:gd name="connsiteX522" fmla="*/ 390690 w 2647519"/>
                            <a:gd name="connsiteY522" fmla="*/ 471487 h 2612594"/>
                            <a:gd name="connsiteX523" fmla="*/ 448792 w 2647519"/>
                            <a:gd name="connsiteY523" fmla="*/ 402907 h 2612594"/>
                            <a:gd name="connsiteX524" fmla="*/ 454683 w 2647519"/>
                            <a:gd name="connsiteY524" fmla="*/ 394339 h 2612594"/>
                            <a:gd name="connsiteX525" fmla="*/ 464431 w 2647519"/>
                            <a:gd name="connsiteY525" fmla="*/ 383323 h 2612594"/>
                            <a:gd name="connsiteX526" fmla="*/ 489348 w 2647519"/>
                            <a:gd name="connsiteY526" fmla="*/ 316869 h 2612594"/>
                            <a:gd name="connsiteX527" fmla="*/ 481127 w 2647519"/>
                            <a:gd name="connsiteY527" fmla="*/ 319733 h 2612594"/>
                            <a:gd name="connsiteX528" fmla="*/ 475013 w 2647519"/>
                            <a:gd name="connsiteY528" fmla="*/ 322003 h 2612594"/>
                            <a:gd name="connsiteX529" fmla="*/ 473558 w 2647519"/>
                            <a:gd name="connsiteY529" fmla="*/ 323849 h 2612594"/>
                            <a:gd name="connsiteX530" fmla="*/ 463080 w 2647519"/>
                            <a:gd name="connsiteY530" fmla="*/ 333374 h 2612594"/>
                            <a:gd name="connsiteX531" fmla="*/ 436410 w 2647519"/>
                            <a:gd name="connsiteY531" fmla="*/ 350519 h 2612594"/>
                            <a:gd name="connsiteX532" fmla="*/ 418313 w 2647519"/>
                            <a:gd name="connsiteY532" fmla="*/ 370522 h 2612594"/>
                            <a:gd name="connsiteX533" fmla="*/ 401168 w 2647519"/>
                            <a:gd name="connsiteY533" fmla="*/ 390524 h 2612594"/>
                            <a:gd name="connsiteX534" fmla="*/ 389738 w 2647519"/>
                            <a:gd name="connsiteY534" fmla="*/ 401002 h 2612594"/>
                            <a:gd name="connsiteX535" fmla="*/ 389349 w 2647519"/>
                            <a:gd name="connsiteY535" fmla="*/ 400516 h 2612594"/>
                            <a:gd name="connsiteX536" fmla="*/ 378546 w 2647519"/>
                            <a:gd name="connsiteY536" fmla="*/ 413504 h 2612594"/>
                            <a:gd name="connsiteX537" fmla="*/ 360210 w 2647519"/>
                            <a:gd name="connsiteY537" fmla="*/ 436245 h 2612594"/>
                            <a:gd name="connsiteX538" fmla="*/ 330683 w 2647519"/>
                            <a:gd name="connsiteY538" fmla="*/ 468630 h 2612594"/>
                            <a:gd name="connsiteX539" fmla="*/ 335445 w 2647519"/>
                            <a:gd name="connsiteY539" fmla="*/ 474344 h 2612594"/>
                            <a:gd name="connsiteX540" fmla="*/ 335536 w 2647519"/>
                            <a:gd name="connsiteY540" fmla="*/ 474264 h 2612594"/>
                            <a:gd name="connsiteX541" fmla="*/ 331635 w 2647519"/>
                            <a:gd name="connsiteY541" fmla="*/ 469582 h 2612594"/>
                            <a:gd name="connsiteX542" fmla="*/ 361162 w 2647519"/>
                            <a:gd name="connsiteY542" fmla="*/ 437197 h 2612594"/>
                            <a:gd name="connsiteX543" fmla="*/ 390690 w 2647519"/>
                            <a:gd name="connsiteY543" fmla="*/ 401002 h 2612594"/>
                            <a:gd name="connsiteX544" fmla="*/ 402120 w 2647519"/>
                            <a:gd name="connsiteY544" fmla="*/ 390525 h 2612594"/>
                            <a:gd name="connsiteX545" fmla="*/ 419265 w 2647519"/>
                            <a:gd name="connsiteY545" fmla="*/ 370522 h 2612594"/>
                            <a:gd name="connsiteX546" fmla="*/ 437362 w 2647519"/>
                            <a:gd name="connsiteY546" fmla="*/ 350520 h 2612594"/>
                            <a:gd name="connsiteX547" fmla="*/ 464032 w 2647519"/>
                            <a:gd name="connsiteY547" fmla="*/ 333375 h 2612594"/>
                            <a:gd name="connsiteX548" fmla="*/ 474510 w 2647519"/>
                            <a:gd name="connsiteY548" fmla="*/ 323850 h 2612594"/>
                            <a:gd name="connsiteX549" fmla="*/ 485940 w 2647519"/>
                            <a:gd name="connsiteY549" fmla="*/ 319564 h 2612594"/>
                            <a:gd name="connsiteX550" fmla="*/ 489548 w 2647519"/>
                            <a:gd name="connsiteY550" fmla="*/ 318444 h 2612594"/>
                            <a:gd name="connsiteX551" fmla="*/ 1868970 w 2647519"/>
                            <a:gd name="connsiteY551" fmla="*/ 144780 h 2612594"/>
                            <a:gd name="connsiteX552" fmla="*/ 1917547 w 2647519"/>
                            <a:gd name="connsiteY552" fmla="*/ 166687 h 2612594"/>
                            <a:gd name="connsiteX553" fmla="*/ 1938502 w 2647519"/>
                            <a:gd name="connsiteY553" fmla="*/ 183832 h 2612594"/>
                            <a:gd name="connsiteX554" fmla="*/ 1891830 w 2647519"/>
                            <a:gd name="connsiteY554" fmla="*/ 160972 h 2612594"/>
                            <a:gd name="connsiteX555" fmla="*/ 1868970 w 2647519"/>
                            <a:gd name="connsiteY555" fmla="*/ 144780 h 2612594"/>
                            <a:gd name="connsiteX556" fmla="*/ 1710855 w 2647519"/>
                            <a:gd name="connsiteY556" fmla="*/ 75247 h 2612594"/>
                            <a:gd name="connsiteX557" fmla="*/ 1748955 w 2647519"/>
                            <a:gd name="connsiteY557" fmla="*/ 83819 h 2612594"/>
                            <a:gd name="connsiteX558" fmla="*/ 1802295 w 2647519"/>
                            <a:gd name="connsiteY558" fmla="*/ 110489 h 2612594"/>
                            <a:gd name="connsiteX559" fmla="*/ 1710855 w 2647519"/>
                            <a:gd name="connsiteY559" fmla="*/ 75247 h 2612594"/>
                            <a:gd name="connsiteX560" fmla="*/ 1137451 w 2647519"/>
                            <a:gd name="connsiteY560" fmla="*/ 68937 h 2612594"/>
                            <a:gd name="connsiteX561" fmla="*/ 1117448 w 2647519"/>
                            <a:gd name="connsiteY561" fmla="*/ 71437 h 2612594"/>
                            <a:gd name="connsiteX562" fmla="*/ 1074585 w 2647519"/>
                            <a:gd name="connsiteY562" fmla="*/ 77152 h 2612594"/>
                            <a:gd name="connsiteX563" fmla="*/ 1032675 w 2647519"/>
                            <a:gd name="connsiteY563" fmla="*/ 86677 h 2612594"/>
                            <a:gd name="connsiteX564" fmla="*/ 1014578 w 2647519"/>
                            <a:gd name="connsiteY564" fmla="*/ 92392 h 2612594"/>
                            <a:gd name="connsiteX565" fmla="*/ 993623 w 2647519"/>
                            <a:gd name="connsiteY565" fmla="*/ 98107 h 2612594"/>
                            <a:gd name="connsiteX566" fmla="*/ 947769 w 2647519"/>
                            <a:gd name="connsiteY566" fmla="*/ 107115 h 2612594"/>
                            <a:gd name="connsiteX567" fmla="*/ 939330 w 2647519"/>
                            <a:gd name="connsiteY567" fmla="*/ 110490 h 2612594"/>
                            <a:gd name="connsiteX568" fmla="*/ 881228 w 2647519"/>
                            <a:gd name="connsiteY568" fmla="*/ 130492 h 2612594"/>
                            <a:gd name="connsiteX569" fmla="*/ 824078 w 2647519"/>
                            <a:gd name="connsiteY569" fmla="*/ 153352 h 2612594"/>
                            <a:gd name="connsiteX570" fmla="*/ 784073 w 2647519"/>
                            <a:gd name="connsiteY570" fmla="*/ 171450 h 2612594"/>
                            <a:gd name="connsiteX571" fmla="*/ 757403 w 2647519"/>
                            <a:gd name="connsiteY571" fmla="*/ 181927 h 2612594"/>
                            <a:gd name="connsiteX572" fmla="*/ 691680 w 2647519"/>
                            <a:gd name="connsiteY572" fmla="*/ 212407 h 2612594"/>
                            <a:gd name="connsiteX573" fmla="*/ 660248 w 2647519"/>
                            <a:gd name="connsiteY573" fmla="*/ 232410 h 2612594"/>
                            <a:gd name="connsiteX574" fmla="*/ 629768 w 2647519"/>
                            <a:gd name="connsiteY574" fmla="*/ 252412 h 2612594"/>
                            <a:gd name="connsiteX575" fmla="*/ 581190 w 2647519"/>
                            <a:gd name="connsiteY575" fmla="*/ 288607 h 2612594"/>
                            <a:gd name="connsiteX576" fmla="*/ 535470 w 2647519"/>
                            <a:gd name="connsiteY576" fmla="*/ 324802 h 2612594"/>
                            <a:gd name="connsiteX577" fmla="*/ 491713 w 2647519"/>
                            <a:gd name="connsiteY577" fmla="*/ 362974 h 2612594"/>
                            <a:gd name="connsiteX578" fmla="*/ 495465 w 2647519"/>
                            <a:gd name="connsiteY578" fmla="*/ 367665 h 2612594"/>
                            <a:gd name="connsiteX579" fmla="*/ 504752 w 2647519"/>
                            <a:gd name="connsiteY579" fmla="*/ 361295 h 2612594"/>
                            <a:gd name="connsiteX580" fmla="*/ 512656 w 2647519"/>
                            <a:gd name="connsiteY580" fmla="*/ 355403 h 2612594"/>
                            <a:gd name="connsiteX581" fmla="*/ 541185 w 2647519"/>
                            <a:gd name="connsiteY581" fmla="*/ 330517 h 2612594"/>
                            <a:gd name="connsiteX582" fmla="*/ 586905 w 2647519"/>
                            <a:gd name="connsiteY582" fmla="*/ 294322 h 2612594"/>
                            <a:gd name="connsiteX583" fmla="*/ 635482 w 2647519"/>
                            <a:gd name="connsiteY583" fmla="*/ 258127 h 2612594"/>
                            <a:gd name="connsiteX584" fmla="*/ 665962 w 2647519"/>
                            <a:gd name="connsiteY584" fmla="*/ 238124 h 2612594"/>
                            <a:gd name="connsiteX585" fmla="*/ 697395 w 2647519"/>
                            <a:gd name="connsiteY585" fmla="*/ 218122 h 2612594"/>
                            <a:gd name="connsiteX586" fmla="*/ 763117 w 2647519"/>
                            <a:gd name="connsiteY586" fmla="*/ 187642 h 2612594"/>
                            <a:gd name="connsiteX587" fmla="*/ 788835 w 2647519"/>
                            <a:gd name="connsiteY587" fmla="*/ 174307 h 2612594"/>
                            <a:gd name="connsiteX588" fmla="*/ 828840 w 2647519"/>
                            <a:gd name="connsiteY588" fmla="*/ 156209 h 2612594"/>
                            <a:gd name="connsiteX589" fmla="*/ 885990 w 2647519"/>
                            <a:gd name="connsiteY589" fmla="*/ 133349 h 2612594"/>
                            <a:gd name="connsiteX590" fmla="*/ 944092 w 2647519"/>
                            <a:gd name="connsiteY590" fmla="*/ 113347 h 2612594"/>
                            <a:gd name="connsiteX591" fmla="*/ 968499 w 2647519"/>
                            <a:gd name="connsiteY591" fmla="*/ 108553 h 2612594"/>
                            <a:gd name="connsiteX592" fmla="*/ 980289 w 2647519"/>
                            <a:gd name="connsiteY592" fmla="*/ 104524 h 2612594"/>
                            <a:gd name="connsiteX593" fmla="*/ 1140765 w 2647519"/>
                            <a:gd name="connsiteY593" fmla="*/ 69904 h 2612594"/>
                            <a:gd name="connsiteX594" fmla="*/ 1478087 w 2647519"/>
                            <a:gd name="connsiteY594" fmla="*/ 48458 h 2612594"/>
                            <a:gd name="connsiteX595" fmla="*/ 1498447 w 2647519"/>
                            <a:gd name="connsiteY595" fmla="*/ 50482 h 2612594"/>
                            <a:gd name="connsiteX596" fmla="*/ 1526070 w 2647519"/>
                            <a:gd name="connsiteY596" fmla="*/ 60007 h 2612594"/>
                            <a:gd name="connsiteX597" fmla="*/ 1505115 w 2647519"/>
                            <a:gd name="connsiteY597" fmla="*/ 57150 h 2612594"/>
                            <a:gd name="connsiteX598" fmla="*/ 1461300 w 2647519"/>
                            <a:gd name="connsiteY598" fmla="*/ 48577 h 2612594"/>
                            <a:gd name="connsiteX599" fmla="*/ 1478087 w 2647519"/>
                            <a:gd name="connsiteY599" fmla="*/ 48458 h 2612594"/>
                            <a:gd name="connsiteX600" fmla="*/ 1588935 w 2647519"/>
                            <a:gd name="connsiteY600" fmla="*/ 40957 h 2612594"/>
                            <a:gd name="connsiteX601" fmla="*/ 1627987 w 2647519"/>
                            <a:gd name="connsiteY601" fmla="*/ 43814 h 2612594"/>
                            <a:gd name="connsiteX602" fmla="*/ 1675612 w 2647519"/>
                            <a:gd name="connsiteY602" fmla="*/ 62864 h 2612594"/>
                            <a:gd name="connsiteX603" fmla="*/ 1616557 w 2647519"/>
                            <a:gd name="connsiteY603" fmla="*/ 52387 h 2612594"/>
                            <a:gd name="connsiteX604" fmla="*/ 1588935 w 2647519"/>
                            <a:gd name="connsiteY604" fmla="*/ 40957 h 2612594"/>
                            <a:gd name="connsiteX605" fmla="*/ 1270324 w 2647519"/>
                            <a:gd name="connsiteY605" fmla="*/ 40719 h 2612594"/>
                            <a:gd name="connsiteX606" fmla="*/ 1160310 w 2647519"/>
                            <a:gd name="connsiteY606" fmla="*/ 46672 h 2612594"/>
                            <a:gd name="connsiteX607" fmla="*/ 1084110 w 2647519"/>
                            <a:gd name="connsiteY607" fmla="*/ 57149 h 2612594"/>
                            <a:gd name="connsiteX608" fmla="*/ 1047915 w 2647519"/>
                            <a:gd name="connsiteY608" fmla="*/ 66674 h 2612594"/>
                            <a:gd name="connsiteX609" fmla="*/ 1016482 w 2647519"/>
                            <a:gd name="connsiteY609" fmla="*/ 78104 h 2612594"/>
                            <a:gd name="connsiteX610" fmla="*/ 972667 w 2647519"/>
                            <a:gd name="connsiteY610" fmla="*/ 83819 h 2612594"/>
                            <a:gd name="connsiteX611" fmla="*/ 806932 w 2647519"/>
                            <a:gd name="connsiteY611" fmla="*/ 147637 h 2612594"/>
                            <a:gd name="connsiteX612" fmla="*/ 746925 w 2647519"/>
                            <a:gd name="connsiteY612" fmla="*/ 174307 h 2612594"/>
                            <a:gd name="connsiteX613" fmla="*/ 728827 w 2647519"/>
                            <a:gd name="connsiteY613" fmla="*/ 180974 h 2612594"/>
                            <a:gd name="connsiteX614" fmla="*/ 712635 w 2647519"/>
                            <a:gd name="connsiteY614" fmla="*/ 189547 h 2612594"/>
                            <a:gd name="connsiteX615" fmla="*/ 682155 w 2647519"/>
                            <a:gd name="connsiteY615" fmla="*/ 205739 h 2612594"/>
                            <a:gd name="connsiteX616" fmla="*/ 634530 w 2647519"/>
                            <a:gd name="connsiteY616" fmla="*/ 230504 h 2612594"/>
                            <a:gd name="connsiteX617" fmla="*/ 598335 w 2647519"/>
                            <a:gd name="connsiteY617" fmla="*/ 259079 h 2612594"/>
                            <a:gd name="connsiteX618" fmla="*/ 493560 w 2647519"/>
                            <a:gd name="connsiteY618" fmla="*/ 340994 h 2612594"/>
                            <a:gd name="connsiteX619" fmla="*/ 471664 w 2647519"/>
                            <a:gd name="connsiteY619" fmla="*/ 360034 h 2612594"/>
                            <a:gd name="connsiteX620" fmla="*/ 450243 w 2647519"/>
                            <a:gd name="connsiteY620" fmla="*/ 379593 h 2612594"/>
                            <a:gd name="connsiteX621" fmla="*/ 450697 w 2647519"/>
                            <a:gd name="connsiteY621" fmla="*/ 380047 h 2612594"/>
                            <a:gd name="connsiteX622" fmla="*/ 285915 w 2647519"/>
                            <a:gd name="connsiteY622" fmla="*/ 573404 h 2612594"/>
                            <a:gd name="connsiteX623" fmla="*/ 252577 w 2647519"/>
                            <a:gd name="connsiteY623" fmla="*/ 619124 h 2612594"/>
                            <a:gd name="connsiteX624" fmla="*/ 237337 w 2647519"/>
                            <a:gd name="connsiteY624" fmla="*/ 646747 h 2612594"/>
                            <a:gd name="connsiteX625" fmla="*/ 222097 w 2647519"/>
                            <a:gd name="connsiteY625" fmla="*/ 672464 h 2612594"/>
                            <a:gd name="connsiteX626" fmla="*/ 193522 w 2647519"/>
                            <a:gd name="connsiteY626" fmla="*/ 725804 h 2612594"/>
                            <a:gd name="connsiteX627" fmla="*/ 162439 w 2647519"/>
                            <a:gd name="connsiteY627" fmla="*/ 774784 h 2612594"/>
                            <a:gd name="connsiteX628" fmla="*/ 162090 w 2647519"/>
                            <a:gd name="connsiteY628" fmla="*/ 776287 h 2612594"/>
                            <a:gd name="connsiteX629" fmla="*/ 151612 w 2647519"/>
                            <a:gd name="connsiteY629" fmla="*/ 804862 h 2612594"/>
                            <a:gd name="connsiteX630" fmla="*/ 143992 w 2647519"/>
                            <a:gd name="connsiteY630" fmla="*/ 818197 h 2612594"/>
                            <a:gd name="connsiteX631" fmla="*/ 142087 w 2647519"/>
                            <a:gd name="connsiteY631" fmla="*/ 820102 h 2612594"/>
                            <a:gd name="connsiteX632" fmla="*/ 133634 w 2647519"/>
                            <a:gd name="connsiteY632" fmla="*/ 848201 h 2612594"/>
                            <a:gd name="connsiteX633" fmla="*/ 131610 w 2647519"/>
                            <a:gd name="connsiteY633" fmla="*/ 864870 h 2612594"/>
                            <a:gd name="connsiteX634" fmla="*/ 129705 w 2647519"/>
                            <a:gd name="connsiteY634" fmla="*/ 888682 h 2612594"/>
                            <a:gd name="connsiteX635" fmla="*/ 116370 w 2647519"/>
                            <a:gd name="connsiteY635" fmla="*/ 927735 h 2612594"/>
                            <a:gd name="connsiteX636" fmla="*/ 103987 w 2647519"/>
                            <a:gd name="connsiteY636" fmla="*/ 966787 h 2612594"/>
                            <a:gd name="connsiteX637" fmla="*/ 90652 w 2647519"/>
                            <a:gd name="connsiteY637" fmla="*/ 1023937 h 2612594"/>
                            <a:gd name="connsiteX638" fmla="*/ 83032 w 2647519"/>
                            <a:gd name="connsiteY638" fmla="*/ 1076325 h 2612594"/>
                            <a:gd name="connsiteX639" fmla="*/ 78270 w 2647519"/>
                            <a:gd name="connsiteY639" fmla="*/ 1128712 h 2612594"/>
                            <a:gd name="connsiteX640" fmla="*/ 84937 w 2647519"/>
                            <a:gd name="connsiteY640" fmla="*/ 1092517 h 2612594"/>
                            <a:gd name="connsiteX641" fmla="*/ 85555 w 2647519"/>
                            <a:gd name="connsiteY641" fmla="*/ 1089530 h 2612594"/>
                            <a:gd name="connsiteX642" fmla="*/ 86842 w 2647519"/>
                            <a:gd name="connsiteY642" fmla="*/ 1075372 h 2612594"/>
                            <a:gd name="connsiteX643" fmla="*/ 94462 w 2647519"/>
                            <a:gd name="connsiteY643" fmla="*/ 1022985 h 2612594"/>
                            <a:gd name="connsiteX644" fmla="*/ 96848 w 2647519"/>
                            <a:gd name="connsiteY644" fmla="*/ 1023781 h 2612594"/>
                            <a:gd name="connsiteX645" fmla="*/ 97055 w 2647519"/>
                            <a:gd name="connsiteY645" fmla="*/ 1022896 h 2612594"/>
                            <a:gd name="connsiteX646" fmla="*/ 94463 w 2647519"/>
                            <a:gd name="connsiteY646" fmla="*/ 1022032 h 2612594"/>
                            <a:gd name="connsiteX647" fmla="*/ 107798 w 2647519"/>
                            <a:gd name="connsiteY647" fmla="*/ 964882 h 2612594"/>
                            <a:gd name="connsiteX648" fmla="*/ 120180 w 2647519"/>
                            <a:gd name="connsiteY648" fmla="*/ 925829 h 2612594"/>
                            <a:gd name="connsiteX649" fmla="*/ 133454 w 2647519"/>
                            <a:gd name="connsiteY649" fmla="*/ 886956 h 2612594"/>
                            <a:gd name="connsiteX650" fmla="*/ 132563 w 2647519"/>
                            <a:gd name="connsiteY650" fmla="*/ 886777 h 2612594"/>
                            <a:gd name="connsiteX651" fmla="*/ 134468 w 2647519"/>
                            <a:gd name="connsiteY651" fmla="*/ 862965 h 2612594"/>
                            <a:gd name="connsiteX652" fmla="*/ 144945 w 2647519"/>
                            <a:gd name="connsiteY652" fmla="*/ 818197 h 2612594"/>
                            <a:gd name="connsiteX653" fmla="*/ 152565 w 2647519"/>
                            <a:gd name="connsiteY653" fmla="*/ 804862 h 2612594"/>
                            <a:gd name="connsiteX654" fmla="*/ 152821 w 2647519"/>
                            <a:gd name="connsiteY654" fmla="*/ 804166 h 2612594"/>
                            <a:gd name="connsiteX655" fmla="*/ 163043 w 2647519"/>
                            <a:gd name="connsiteY655" fmla="*/ 776287 h 2612594"/>
                            <a:gd name="connsiteX656" fmla="*/ 194475 w 2647519"/>
                            <a:gd name="connsiteY656" fmla="*/ 726757 h 2612594"/>
                            <a:gd name="connsiteX657" fmla="*/ 223050 w 2647519"/>
                            <a:gd name="connsiteY657" fmla="*/ 673417 h 2612594"/>
                            <a:gd name="connsiteX658" fmla="*/ 238290 w 2647519"/>
                            <a:gd name="connsiteY658" fmla="*/ 647700 h 2612594"/>
                            <a:gd name="connsiteX659" fmla="*/ 253530 w 2647519"/>
                            <a:gd name="connsiteY659" fmla="*/ 620077 h 2612594"/>
                            <a:gd name="connsiteX660" fmla="*/ 286868 w 2647519"/>
                            <a:gd name="connsiteY660" fmla="*/ 574357 h 2612594"/>
                            <a:gd name="connsiteX661" fmla="*/ 451650 w 2647519"/>
                            <a:gd name="connsiteY661" fmla="*/ 381000 h 2612594"/>
                            <a:gd name="connsiteX662" fmla="*/ 495465 w 2647519"/>
                            <a:gd name="connsiteY662" fmla="*/ 340995 h 2612594"/>
                            <a:gd name="connsiteX663" fmla="*/ 600240 w 2647519"/>
                            <a:gd name="connsiteY663" fmla="*/ 259080 h 2612594"/>
                            <a:gd name="connsiteX664" fmla="*/ 636435 w 2647519"/>
                            <a:gd name="connsiteY664" fmla="*/ 230505 h 2612594"/>
                            <a:gd name="connsiteX665" fmla="*/ 684060 w 2647519"/>
                            <a:gd name="connsiteY665" fmla="*/ 205740 h 2612594"/>
                            <a:gd name="connsiteX666" fmla="*/ 714540 w 2647519"/>
                            <a:gd name="connsiteY666" fmla="*/ 189547 h 2612594"/>
                            <a:gd name="connsiteX667" fmla="*/ 730733 w 2647519"/>
                            <a:gd name="connsiteY667" fmla="*/ 180975 h 2612594"/>
                            <a:gd name="connsiteX668" fmla="*/ 748830 w 2647519"/>
                            <a:gd name="connsiteY668" fmla="*/ 174307 h 2612594"/>
                            <a:gd name="connsiteX669" fmla="*/ 808838 w 2647519"/>
                            <a:gd name="connsiteY669" fmla="*/ 147637 h 2612594"/>
                            <a:gd name="connsiteX670" fmla="*/ 974573 w 2647519"/>
                            <a:gd name="connsiteY670" fmla="*/ 83820 h 2612594"/>
                            <a:gd name="connsiteX671" fmla="*/ 1018388 w 2647519"/>
                            <a:gd name="connsiteY671" fmla="*/ 78105 h 2612594"/>
                            <a:gd name="connsiteX672" fmla="*/ 1049820 w 2647519"/>
                            <a:gd name="connsiteY672" fmla="*/ 66675 h 2612594"/>
                            <a:gd name="connsiteX673" fmla="*/ 1086015 w 2647519"/>
                            <a:gd name="connsiteY673" fmla="*/ 57150 h 2612594"/>
                            <a:gd name="connsiteX674" fmla="*/ 1162215 w 2647519"/>
                            <a:gd name="connsiteY674" fmla="*/ 46672 h 2612594"/>
                            <a:gd name="connsiteX675" fmla="*/ 1272229 w 2647519"/>
                            <a:gd name="connsiteY675" fmla="*/ 41076 h 2612594"/>
                            <a:gd name="connsiteX676" fmla="*/ 1360655 w 2647519"/>
                            <a:gd name="connsiteY676" fmla="*/ 44043 h 2612594"/>
                            <a:gd name="connsiteX677" fmla="*/ 1404150 w 2647519"/>
                            <a:gd name="connsiteY677" fmla="*/ 0 h 2612594"/>
                            <a:gd name="connsiteX678" fmla="*/ 1448917 w 2647519"/>
                            <a:gd name="connsiteY678" fmla="*/ 2857 h 2612594"/>
                            <a:gd name="connsiteX679" fmla="*/ 1494637 w 2647519"/>
                            <a:gd name="connsiteY679" fmla="*/ 7620 h 2612594"/>
                            <a:gd name="connsiteX680" fmla="*/ 1525117 w 2647519"/>
                            <a:gd name="connsiteY680" fmla="*/ 15240 h 2612594"/>
                            <a:gd name="connsiteX681" fmla="*/ 1545120 w 2647519"/>
                            <a:gd name="connsiteY681" fmla="*/ 24765 h 2612594"/>
                            <a:gd name="connsiteX682" fmla="*/ 1569885 w 2647519"/>
                            <a:gd name="connsiteY682" fmla="*/ 20002 h 2612594"/>
                            <a:gd name="connsiteX683" fmla="*/ 1607032 w 2647519"/>
                            <a:gd name="connsiteY683" fmla="*/ 28575 h 2612594"/>
                            <a:gd name="connsiteX684" fmla="*/ 1629892 w 2647519"/>
                            <a:gd name="connsiteY684" fmla="*/ 35242 h 2612594"/>
                            <a:gd name="connsiteX685" fmla="*/ 1628940 w 2647519"/>
                            <a:gd name="connsiteY685" fmla="*/ 36195 h 2612594"/>
                            <a:gd name="connsiteX686" fmla="*/ 1627987 w 2647519"/>
                            <a:gd name="connsiteY686" fmla="*/ 42862 h 2612594"/>
                            <a:gd name="connsiteX687" fmla="*/ 1588935 w 2647519"/>
                            <a:gd name="connsiteY687" fmla="*/ 40005 h 2612594"/>
                            <a:gd name="connsiteX688" fmla="*/ 1575600 w 2647519"/>
                            <a:gd name="connsiteY688" fmla="*/ 36195 h 2612594"/>
                            <a:gd name="connsiteX689" fmla="*/ 1562265 w 2647519"/>
                            <a:gd name="connsiteY689" fmla="*/ 33337 h 2612594"/>
                            <a:gd name="connsiteX690" fmla="*/ 1536547 w 2647519"/>
                            <a:gd name="connsiteY690" fmla="*/ 27622 h 2612594"/>
                            <a:gd name="connsiteX691" fmla="*/ 1510830 w 2647519"/>
                            <a:gd name="connsiteY691" fmla="*/ 21907 h 2612594"/>
                            <a:gd name="connsiteX692" fmla="*/ 1484160 w 2647519"/>
                            <a:gd name="connsiteY692" fmla="*/ 18097 h 2612594"/>
                            <a:gd name="connsiteX693" fmla="*/ 1454633 w 2647519"/>
                            <a:gd name="connsiteY693" fmla="*/ 18097 h 2612594"/>
                            <a:gd name="connsiteX694" fmla="*/ 1430820 w 2647519"/>
                            <a:gd name="connsiteY694" fmla="*/ 18097 h 2612594"/>
                            <a:gd name="connsiteX695" fmla="*/ 1393673 w 2647519"/>
                            <a:gd name="connsiteY695" fmla="*/ 18097 h 2612594"/>
                            <a:gd name="connsiteX696" fmla="*/ 1391928 w 2647519"/>
                            <a:gd name="connsiteY696" fmla="*/ 17540 h 2612594"/>
                            <a:gd name="connsiteX697" fmla="*/ 1375575 w 2647519"/>
                            <a:gd name="connsiteY697" fmla="*/ 25717 h 2612594"/>
                            <a:gd name="connsiteX698" fmla="*/ 1381290 w 2647519"/>
                            <a:gd name="connsiteY698" fmla="*/ 35242 h 2612594"/>
                            <a:gd name="connsiteX699" fmla="*/ 1438440 w 2647519"/>
                            <a:gd name="connsiteY699" fmla="*/ 46672 h 2612594"/>
                            <a:gd name="connsiteX700" fmla="*/ 1413008 w 2647519"/>
                            <a:gd name="connsiteY700" fmla="*/ 47116 h 2612594"/>
                            <a:gd name="connsiteX701" fmla="*/ 1413437 w 2647519"/>
                            <a:gd name="connsiteY701" fmla="*/ 47149 h 2612594"/>
                            <a:gd name="connsiteX702" fmla="*/ 1440345 w 2647519"/>
                            <a:gd name="connsiteY702" fmla="*/ 46672 h 2612594"/>
                            <a:gd name="connsiteX703" fmla="*/ 1463205 w 2647519"/>
                            <a:gd name="connsiteY703" fmla="*/ 49530 h 2612594"/>
                            <a:gd name="connsiteX704" fmla="*/ 1507020 w 2647519"/>
                            <a:gd name="connsiteY704" fmla="*/ 58102 h 2612594"/>
                            <a:gd name="connsiteX705" fmla="*/ 1527975 w 2647519"/>
                            <a:gd name="connsiteY705" fmla="*/ 60960 h 2612594"/>
                            <a:gd name="connsiteX706" fmla="*/ 1563218 w 2647519"/>
                            <a:gd name="connsiteY706" fmla="*/ 68580 h 2612594"/>
                            <a:gd name="connsiteX707" fmla="*/ 1599413 w 2647519"/>
                            <a:gd name="connsiteY707" fmla="*/ 76200 h 2612594"/>
                            <a:gd name="connsiteX708" fmla="*/ 1634655 w 2647519"/>
                            <a:gd name="connsiteY708" fmla="*/ 84772 h 2612594"/>
                            <a:gd name="connsiteX709" fmla="*/ 1669898 w 2647519"/>
                            <a:gd name="connsiteY709" fmla="*/ 95250 h 2612594"/>
                            <a:gd name="connsiteX710" fmla="*/ 1687043 w 2647519"/>
                            <a:gd name="connsiteY710" fmla="*/ 100012 h 2612594"/>
                            <a:gd name="connsiteX711" fmla="*/ 1704188 w 2647519"/>
                            <a:gd name="connsiteY711" fmla="*/ 105727 h 2612594"/>
                            <a:gd name="connsiteX712" fmla="*/ 1704409 w 2647519"/>
                            <a:gd name="connsiteY712" fmla="*/ 105929 h 2612594"/>
                            <a:gd name="connsiteX713" fmla="*/ 1716704 w 2647519"/>
                            <a:gd name="connsiteY713" fmla="*/ 108049 h 2612594"/>
                            <a:gd name="connsiteX714" fmla="*/ 1746499 w 2647519"/>
                            <a:gd name="connsiteY714" fmla="*/ 119121 h 2612594"/>
                            <a:gd name="connsiteX715" fmla="*/ 1750661 w 2647519"/>
                            <a:gd name="connsiteY715" fmla="*/ 125427 h 2612594"/>
                            <a:gd name="connsiteX716" fmla="*/ 1751813 w 2647519"/>
                            <a:gd name="connsiteY716" fmla="*/ 125730 h 2612594"/>
                            <a:gd name="connsiteX717" fmla="*/ 1778483 w 2647519"/>
                            <a:gd name="connsiteY717" fmla="*/ 136207 h 2612594"/>
                            <a:gd name="connsiteX718" fmla="*/ 1801343 w 2647519"/>
                            <a:gd name="connsiteY718" fmla="*/ 145732 h 2612594"/>
                            <a:gd name="connsiteX719" fmla="*/ 1824203 w 2647519"/>
                            <a:gd name="connsiteY719" fmla="*/ 156210 h 2612594"/>
                            <a:gd name="connsiteX720" fmla="*/ 1841348 w 2647519"/>
                            <a:gd name="connsiteY720" fmla="*/ 165735 h 2612594"/>
                            <a:gd name="connsiteX721" fmla="*/ 1852778 w 2647519"/>
                            <a:gd name="connsiteY721" fmla="*/ 171450 h 2612594"/>
                            <a:gd name="connsiteX722" fmla="*/ 1865160 w 2647519"/>
                            <a:gd name="connsiteY722" fmla="*/ 178117 h 2612594"/>
                            <a:gd name="connsiteX723" fmla="*/ 1907070 w 2647519"/>
                            <a:gd name="connsiteY723" fmla="*/ 201930 h 2612594"/>
                            <a:gd name="connsiteX724" fmla="*/ 1960410 w 2647519"/>
                            <a:gd name="connsiteY724" fmla="*/ 236220 h 2612594"/>
                            <a:gd name="connsiteX725" fmla="*/ 1988033 w 2647519"/>
                            <a:gd name="connsiteY725" fmla="*/ 255270 h 2612594"/>
                            <a:gd name="connsiteX726" fmla="*/ 1988832 w 2647519"/>
                            <a:gd name="connsiteY726" fmla="*/ 255841 h 2612594"/>
                            <a:gd name="connsiteX727" fmla="*/ 2002949 w 2647519"/>
                            <a:gd name="connsiteY727" fmla="*/ 264417 h 2612594"/>
                            <a:gd name="connsiteX728" fmla="*/ 2540483 w 2647519"/>
                            <a:gd name="connsiteY728" fmla="*/ 1275397 h 2612594"/>
                            <a:gd name="connsiteX729" fmla="*/ 2540080 w 2647519"/>
                            <a:gd name="connsiteY729" fmla="*/ 1283368 h 2612594"/>
                            <a:gd name="connsiteX730" fmla="*/ 2550960 w 2647519"/>
                            <a:gd name="connsiteY730" fmla="*/ 1284922 h 2612594"/>
                            <a:gd name="connsiteX731" fmla="*/ 2561437 w 2647519"/>
                            <a:gd name="connsiteY731" fmla="*/ 1292542 h 2612594"/>
                            <a:gd name="connsiteX732" fmla="*/ 2566200 w 2647519"/>
                            <a:gd name="connsiteY732" fmla="*/ 1318259 h 2612594"/>
                            <a:gd name="connsiteX733" fmla="*/ 2584297 w 2647519"/>
                            <a:gd name="connsiteY733" fmla="*/ 1348739 h 2612594"/>
                            <a:gd name="connsiteX734" fmla="*/ 2591918 w 2647519"/>
                            <a:gd name="connsiteY734" fmla="*/ 1349432 h 2612594"/>
                            <a:gd name="connsiteX735" fmla="*/ 2591918 w 2647519"/>
                            <a:gd name="connsiteY735" fmla="*/ 1342072 h 2612594"/>
                            <a:gd name="connsiteX736" fmla="*/ 2599661 w 2647519"/>
                            <a:gd name="connsiteY736" fmla="*/ 1320563 h 2612594"/>
                            <a:gd name="connsiteX737" fmla="*/ 2599537 w 2647519"/>
                            <a:gd name="connsiteY737" fmla="*/ 1316355 h 2612594"/>
                            <a:gd name="connsiteX738" fmla="*/ 2607157 w 2647519"/>
                            <a:gd name="connsiteY738" fmla="*/ 1290637 h 2612594"/>
                            <a:gd name="connsiteX739" fmla="*/ 2617635 w 2647519"/>
                            <a:gd name="connsiteY739" fmla="*/ 1290637 h 2612594"/>
                            <a:gd name="connsiteX740" fmla="*/ 2633827 w 2647519"/>
                            <a:gd name="connsiteY740" fmla="*/ 1280160 h 2612594"/>
                            <a:gd name="connsiteX741" fmla="*/ 2635732 w 2647519"/>
                            <a:gd name="connsiteY741" fmla="*/ 1322070 h 2612594"/>
                            <a:gd name="connsiteX742" fmla="*/ 2630970 w 2647519"/>
                            <a:gd name="connsiteY742" fmla="*/ 1342072 h 2612594"/>
                            <a:gd name="connsiteX743" fmla="*/ 2625255 w 2647519"/>
                            <a:gd name="connsiteY743" fmla="*/ 1361122 h 2612594"/>
                            <a:gd name="connsiteX744" fmla="*/ 2622397 w 2647519"/>
                            <a:gd name="connsiteY744" fmla="*/ 1392555 h 2612594"/>
                            <a:gd name="connsiteX745" fmla="*/ 2621445 w 2647519"/>
                            <a:gd name="connsiteY745" fmla="*/ 1408747 h 2612594"/>
                            <a:gd name="connsiteX746" fmla="*/ 2619540 w 2647519"/>
                            <a:gd name="connsiteY746" fmla="*/ 1424940 h 2612594"/>
                            <a:gd name="connsiteX747" fmla="*/ 2615478 w 2647519"/>
                            <a:gd name="connsiteY747" fmla="*/ 1427648 h 2612594"/>
                            <a:gd name="connsiteX748" fmla="*/ 2615730 w 2647519"/>
                            <a:gd name="connsiteY748" fmla="*/ 1428749 h 2612594"/>
                            <a:gd name="connsiteX749" fmla="*/ 2619621 w 2647519"/>
                            <a:gd name="connsiteY749" fmla="*/ 1426155 h 2612594"/>
                            <a:gd name="connsiteX750" fmla="*/ 2621445 w 2647519"/>
                            <a:gd name="connsiteY750" fmla="*/ 1410652 h 2612594"/>
                            <a:gd name="connsiteX751" fmla="*/ 2622397 w 2647519"/>
                            <a:gd name="connsiteY751" fmla="*/ 1394460 h 2612594"/>
                            <a:gd name="connsiteX752" fmla="*/ 2625255 w 2647519"/>
                            <a:gd name="connsiteY752" fmla="*/ 1363027 h 2612594"/>
                            <a:gd name="connsiteX753" fmla="*/ 2630970 w 2647519"/>
                            <a:gd name="connsiteY753" fmla="*/ 1343977 h 2612594"/>
                            <a:gd name="connsiteX754" fmla="*/ 2635732 w 2647519"/>
                            <a:gd name="connsiteY754" fmla="*/ 1323975 h 2612594"/>
                            <a:gd name="connsiteX755" fmla="*/ 2643352 w 2647519"/>
                            <a:gd name="connsiteY755" fmla="*/ 1329690 h 2612594"/>
                            <a:gd name="connsiteX756" fmla="*/ 2642400 w 2647519"/>
                            <a:gd name="connsiteY756" fmla="*/ 1343977 h 2612594"/>
                            <a:gd name="connsiteX757" fmla="*/ 2640495 w 2647519"/>
                            <a:gd name="connsiteY757" fmla="*/ 1358265 h 2612594"/>
                            <a:gd name="connsiteX758" fmla="*/ 2639542 w 2647519"/>
                            <a:gd name="connsiteY758" fmla="*/ 1384935 h 2612594"/>
                            <a:gd name="connsiteX759" fmla="*/ 2637637 w 2647519"/>
                            <a:gd name="connsiteY759" fmla="*/ 1416367 h 2612594"/>
                            <a:gd name="connsiteX760" fmla="*/ 2632875 w 2647519"/>
                            <a:gd name="connsiteY760" fmla="*/ 1449705 h 2612594"/>
                            <a:gd name="connsiteX761" fmla="*/ 2627160 w 2647519"/>
                            <a:gd name="connsiteY761" fmla="*/ 1484947 h 2612594"/>
                            <a:gd name="connsiteX762" fmla="*/ 2620492 w 2647519"/>
                            <a:gd name="connsiteY762" fmla="*/ 1519237 h 2612594"/>
                            <a:gd name="connsiteX763" fmla="*/ 2608110 w 2647519"/>
                            <a:gd name="connsiteY763" fmla="*/ 1591627 h 2612594"/>
                            <a:gd name="connsiteX764" fmla="*/ 2596680 w 2647519"/>
                            <a:gd name="connsiteY764" fmla="*/ 1598295 h 2612594"/>
                            <a:gd name="connsiteX765" fmla="*/ 2582392 w 2647519"/>
                            <a:gd name="connsiteY765" fmla="*/ 1640205 h 2612594"/>
                            <a:gd name="connsiteX766" fmla="*/ 2578582 w 2647519"/>
                            <a:gd name="connsiteY766" fmla="*/ 1680210 h 2612594"/>
                            <a:gd name="connsiteX767" fmla="*/ 2576677 w 2647519"/>
                            <a:gd name="connsiteY767" fmla="*/ 1685925 h 2612594"/>
                            <a:gd name="connsiteX768" fmla="*/ 2560485 w 2647519"/>
                            <a:gd name="connsiteY768" fmla="*/ 1729740 h 2612594"/>
                            <a:gd name="connsiteX769" fmla="*/ 2555722 w 2647519"/>
                            <a:gd name="connsiteY769" fmla="*/ 1733550 h 2612594"/>
                            <a:gd name="connsiteX770" fmla="*/ 2535720 w 2647519"/>
                            <a:gd name="connsiteY770" fmla="*/ 1780222 h 2612594"/>
                            <a:gd name="connsiteX771" fmla="*/ 2556675 w 2647519"/>
                            <a:gd name="connsiteY771" fmla="*/ 1733550 h 2612594"/>
                            <a:gd name="connsiteX772" fmla="*/ 2561437 w 2647519"/>
                            <a:gd name="connsiteY772" fmla="*/ 1729740 h 2612594"/>
                            <a:gd name="connsiteX773" fmla="*/ 2530957 w 2647519"/>
                            <a:gd name="connsiteY773" fmla="*/ 1816417 h 2612594"/>
                            <a:gd name="connsiteX774" fmla="*/ 2514765 w 2647519"/>
                            <a:gd name="connsiteY774" fmla="*/ 1824990 h 2612594"/>
                            <a:gd name="connsiteX775" fmla="*/ 2511407 w 2647519"/>
                            <a:gd name="connsiteY775" fmla="*/ 1831707 h 2612594"/>
                            <a:gd name="connsiteX776" fmla="*/ 2511908 w 2647519"/>
                            <a:gd name="connsiteY776" fmla="*/ 1832609 h 2612594"/>
                            <a:gd name="connsiteX777" fmla="*/ 2515718 w 2647519"/>
                            <a:gd name="connsiteY777" fmla="*/ 1824989 h 2612594"/>
                            <a:gd name="connsiteX778" fmla="*/ 2531910 w 2647519"/>
                            <a:gd name="connsiteY778" fmla="*/ 1816417 h 2612594"/>
                            <a:gd name="connsiteX779" fmla="*/ 2520480 w 2647519"/>
                            <a:gd name="connsiteY779" fmla="*/ 1848802 h 2612594"/>
                            <a:gd name="connsiteX780" fmla="*/ 2499525 w 2647519"/>
                            <a:gd name="connsiteY780" fmla="*/ 1886902 h 2612594"/>
                            <a:gd name="connsiteX781" fmla="*/ 2489048 w 2647519"/>
                            <a:gd name="connsiteY781" fmla="*/ 1905952 h 2612594"/>
                            <a:gd name="connsiteX782" fmla="*/ 2477618 w 2647519"/>
                            <a:gd name="connsiteY782" fmla="*/ 1925002 h 2612594"/>
                            <a:gd name="connsiteX783" fmla="*/ 2469045 w 2647519"/>
                            <a:gd name="connsiteY783" fmla="*/ 1939289 h 2612594"/>
                            <a:gd name="connsiteX784" fmla="*/ 2456663 w 2647519"/>
                            <a:gd name="connsiteY784" fmla="*/ 1966912 h 2612594"/>
                            <a:gd name="connsiteX785" fmla="*/ 2443328 w 2647519"/>
                            <a:gd name="connsiteY785" fmla="*/ 1993582 h 2612594"/>
                            <a:gd name="connsiteX786" fmla="*/ 2422373 w 2647519"/>
                            <a:gd name="connsiteY786" fmla="*/ 2022157 h 2612594"/>
                            <a:gd name="connsiteX787" fmla="*/ 2401418 w 2647519"/>
                            <a:gd name="connsiteY787" fmla="*/ 2048827 h 2612594"/>
                            <a:gd name="connsiteX788" fmla="*/ 2402291 w 2647519"/>
                            <a:gd name="connsiteY788" fmla="*/ 2047029 h 2612594"/>
                            <a:gd name="connsiteX789" fmla="*/ 2378557 w 2647519"/>
                            <a:gd name="connsiteY789" fmla="*/ 2079307 h 2612594"/>
                            <a:gd name="connsiteX790" fmla="*/ 2327122 w 2647519"/>
                            <a:gd name="connsiteY790" fmla="*/ 2135505 h 2612594"/>
                            <a:gd name="connsiteX791" fmla="*/ 2316995 w 2647519"/>
                            <a:gd name="connsiteY791" fmla="*/ 2151085 h 2612594"/>
                            <a:gd name="connsiteX792" fmla="*/ 2327122 w 2647519"/>
                            <a:gd name="connsiteY792" fmla="*/ 2136457 h 2612594"/>
                            <a:gd name="connsiteX793" fmla="*/ 2378557 w 2647519"/>
                            <a:gd name="connsiteY793" fmla="*/ 2080259 h 2612594"/>
                            <a:gd name="connsiteX794" fmla="*/ 2339505 w 2647519"/>
                            <a:gd name="connsiteY794" fmla="*/ 2139314 h 2612594"/>
                            <a:gd name="connsiteX795" fmla="*/ 2319383 w 2647519"/>
                            <a:gd name="connsiteY795" fmla="*/ 2160388 h 2612594"/>
                            <a:gd name="connsiteX796" fmla="*/ 2303229 w 2647519"/>
                            <a:gd name="connsiteY796" fmla="*/ 2172263 h 2612594"/>
                            <a:gd name="connsiteX797" fmla="*/ 2302357 w 2647519"/>
                            <a:gd name="connsiteY797" fmla="*/ 2173605 h 2612594"/>
                            <a:gd name="connsiteX798" fmla="*/ 2292258 w 2647519"/>
                            <a:gd name="connsiteY798" fmla="*/ 2181374 h 2612594"/>
                            <a:gd name="connsiteX799" fmla="*/ 2291880 w 2647519"/>
                            <a:gd name="connsiteY799" fmla="*/ 2184082 h 2612594"/>
                            <a:gd name="connsiteX800" fmla="*/ 2247112 w 2647519"/>
                            <a:gd name="connsiteY800" fmla="*/ 2229802 h 2612594"/>
                            <a:gd name="connsiteX801" fmla="*/ 2199487 w 2647519"/>
                            <a:gd name="connsiteY801" fmla="*/ 2273617 h 2612594"/>
                            <a:gd name="connsiteX802" fmla="*/ 2197284 w 2647519"/>
                            <a:gd name="connsiteY802" fmla="*/ 2275215 h 2612594"/>
                            <a:gd name="connsiteX803" fmla="*/ 2181390 w 2647519"/>
                            <a:gd name="connsiteY803" fmla="*/ 2295524 h 2612594"/>
                            <a:gd name="connsiteX804" fmla="*/ 2143290 w 2647519"/>
                            <a:gd name="connsiteY804" fmla="*/ 2324099 h 2612594"/>
                            <a:gd name="connsiteX805" fmla="*/ 2107680 w 2647519"/>
                            <a:gd name="connsiteY805" fmla="*/ 2350806 h 2612594"/>
                            <a:gd name="connsiteX806" fmla="*/ 2107553 w 2647519"/>
                            <a:gd name="connsiteY806" fmla="*/ 2350961 h 2612594"/>
                            <a:gd name="connsiteX807" fmla="*/ 2143290 w 2647519"/>
                            <a:gd name="connsiteY807" fmla="*/ 2325052 h 2612594"/>
                            <a:gd name="connsiteX808" fmla="*/ 2181390 w 2647519"/>
                            <a:gd name="connsiteY808" fmla="*/ 2296477 h 2612594"/>
                            <a:gd name="connsiteX809" fmla="*/ 2149957 w 2647519"/>
                            <a:gd name="connsiteY809" fmla="*/ 2327909 h 2612594"/>
                            <a:gd name="connsiteX810" fmla="*/ 2124359 w 2647519"/>
                            <a:gd name="connsiteY810" fmla="*/ 2344578 h 2612594"/>
                            <a:gd name="connsiteX811" fmla="*/ 2106651 w 2647519"/>
                            <a:gd name="connsiteY811" fmla="*/ 2352057 h 2612594"/>
                            <a:gd name="connsiteX812" fmla="*/ 2106142 w 2647519"/>
                            <a:gd name="connsiteY812" fmla="*/ 2352675 h 2612594"/>
                            <a:gd name="connsiteX813" fmla="*/ 2087092 w 2647519"/>
                            <a:gd name="connsiteY813" fmla="*/ 2365057 h 2612594"/>
                            <a:gd name="connsiteX814" fmla="*/ 2079913 w 2647519"/>
                            <a:gd name="connsiteY814" fmla="*/ 2368384 h 2612594"/>
                            <a:gd name="connsiteX815" fmla="*/ 2061852 w 2647519"/>
                            <a:gd name="connsiteY815" fmla="*/ 2383036 h 2612594"/>
                            <a:gd name="connsiteX816" fmla="*/ 2044230 w 2647519"/>
                            <a:gd name="connsiteY816" fmla="*/ 2395537 h 2612594"/>
                            <a:gd name="connsiteX817" fmla="*/ 2017560 w 2647519"/>
                            <a:gd name="connsiteY817" fmla="*/ 2412682 h 2612594"/>
                            <a:gd name="connsiteX818" fmla="*/ 2008988 w 2647519"/>
                            <a:gd name="connsiteY818" fmla="*/ 2413635 h 2612594"/>
                            <a:gd name="connsiteX819" fmla="*/ 1999459 w 2647519"/>
                            <a:gd name="connsiteY819" fmla="*/ 2417870 h 2612594"/>
                            <a:gd name="connsiteX820" fmla="*/ 1997978 w 2647519"/>
                            <a:gd name="connsiteY820" fmla="*/ 2418994 h 2612594"/>
                            <a:gd name="connsiteX821" fmla="*/ 2009940 w 2647519"/>
                            <a:gd name="connsiteY821" fmla="*/ 2414587 h 2612594"/>
                            <a:gd name="connsiteX822" fmla="*/ 2018513 w 2647519"/>
                            <a:gd name="connsiteY822" fmla="*/ 2413635 h 2612594"/>
                            <a:gd name="connsiteX823" fmla="*/ 1984223 w 2647519"/>
                            <a:gd name="connsiteY823" fmla="*/ 2439352 h 2612594"/>
                            <a:gd name="connsiteX824" fmla="*/ 1962315 w 2647519"/>
                            <a:gd name="connsiteY824" fmla="*/ 2450783 h 2612594"/>
                            <a:gd name="connsiteX825" fmla="*/ 1940408 w 2647519"/>
                            <a:gd name="connsiteY825" fmla="*/ 2461260 h 2612594"/>
                            <a:gd name="connsiteX826" fmla="*/ 1924934 w 2647519"/>
                            <a:gd name="connsiteY826" fmla="*/ 2463581 h 2612594"/>
                            <a:gd name="connsiteX827" fmla="*/ 1922310 w 2647519"/>
                            <a:gd name="connsiteY827" fmla="*/ 2465070 h 2612594"/>
                            <a:gd name="connsiteX828" fmla="*/ 1849920 w 2647519"/>
                            <a:gd name="connsiteY828" fmla="*/ 2496502 h 2612594"/>
                            <a:gd name="connsiteX829" fmla="*/ 1846229 w 2647519"/>
                            <a:gd name="connsiteY829" fmla="*/ 2497341 h 2612594"/>
                            <a:gd name="connsiteX830" fmla="*/ 1824203 w 2647519"/>
                            <a:gd name="connsiteY830" fmla="*/ 2511742 h 2612594"/>
                            <a:gd name="connsiteX831" fmla="*/ 1836585 w 2647519"/>
                            <a:gd name="connsiteY831" fmla="*/ 2515552 h 2612594"/>
                            <a:gd name="connsiteX832" fmla="*/ 1790865 w 2647519"/>
                            <a:gd name="connsiteY832" fmla="*/ 2535555 h 2612594"/>
                            <a:gd name="connsiteX833" fmla="*/ 1794675 w 2647519"/>
                            <a:gd name="connsiteY833" fmla="*/ 2522220 h 2612594"/>
                            <a:gd name="connsiteX834" fmla="*/ 1779435 w 2647519"/>
                            <a:gd name="connsiteY834" fmla="*/ 2527935 h 2612594"/>
                            <a:gd name="connsiteX835" fmla="*/ 1765148 w 2647519"/>
                            <a:gd name="connsiteY835" fmla="*/ 2532697 h 2612594"/>
                            <a:gd name="connsiteX836" fmla="*/ 1735620 w 2647519"/>
                            <a:gd name="connsiteY836" fmla="*/ 2542222 h 2612594"/>
                            <a:gd name="connsiteX837" fmla="*/ 1731675 w 2647519"/>
                            <a:gd name="connsiteY837" fmla="*/ 2537487 h 2612594"/>
                            <a:gd name="connsiteX838" fmla="*/ 1717522 w 2647519"/>
                            <a:gd name="connsiteY838" fmla="*/ 2540317 h 2612594"/>
                            <a:gd name="connsiteX839" fmla="*/ 1700377 w 2647519"/>
                            <a:gd name="connsiteY839" fmla="*/ 2544127 h 2612594"/>
                            <a:gd name="connsiteX840" fmla="*/ 1665135 w 2647519"/>
                            <a:gd name="connsiteY840" fmla="*/ 2552700 h 2612594"/>
                            <a:gd name="connsiteX841" fmla="*/ 1663973 w 2647519"/>
                            <a:gd name="connsiteY841" fmla="*/ 2553240 h 2612594"/>
                            <a:gd name="connsiteX842" fmla="*/ 1697520 w 2647519"/>
                            <a:gd name="connsiteY842" fmla="*/ 2545079 h 2612594"/>
                            <a:gd name="connsiteX843" fmla="*/ 1714665 w 2647519"/>
                            <a:gd name="connsiteY843" fmla="*/ 2541269 h 2612594"/>
                            <a:gd name="connsiteX844" fmla="*/ 1728952 w 2647519"/>
                            <a:gd name="connsiteY844" fmla="*/ 2538412 h 2612594"/>
                            <a:gd name="connsiteX845" fmla="*/ 1734667 w 2647519"/>
                            <a:gd name="connsiteY845" fmla="*/ 2543174 h 2612594"/>
                            <a:gd name="connsiteX846" fmla="*/ 1764195 w 2647519"/>
                            <a:gd name="connsiteY846" fmla="*/ 2533649 h 2612594"/>
                            <a:gd name="connsiteX847" fmla="*/ 1778482 w 2647519"/>
                            <a:gd name="connsiteY847" fmla="*/ 2528887 h 2612594"/>
                            <a:gd name="connsiteX848" fmla="*/ 1793722 w 2647519"/>
                            <a:gd name="connsiteY848" fmla="*/ 2523172 h 2612594"/>
                            <a:gd name="connsiteX849" fmla="*/ 1789912 w 2647519"/>
                            <a:gd name="connsiteY849" fmla="*/ 2536507 h 2612594"/>
                            <a:gd name="connsiteX850" fmla="*/ 1749907 w 2647519"/>
                            <a:gd name="connsiteY850" fmla="*/ 2555557 h 2612594"/>
                            <a:gd name="connsiteX851" fmla="*/ 1747946 w 2647519"/>
                            <a:gd name="connsiteY851" fmla="*/ 2555008 h 2612594"/>
                            <a:gd name="connsiteX852" fmla="*/ 1720380 w 2647519"/>
                            <a:gd name="connsiteY852" fmla="*/ 2566034 h 2612594"/>
                            <a:gd name="connsiteX853" fmla="*/ 1697520 w 2647519"/>
                            <a:gd name="connsiteY853" fmla="*/ 2572702 h 2612594"/>
                            <a:gd name="connsiteX854" fmla="*/ 1663230 w 2647519"/>
                            <a:gd name="connsiteY854" fmla="*/ 2581274 h 2612594"/>
                            <a:gd name="connsiteX855" fmla="*/ 1649062 w 2647519"/>
                            <a:gd name="connsiteY855" fmla="*/ 2580084 h 2612594"/>
                            <a:gd name="connsiteX856" fmla="*/ 1619428 w 2647519"/>
                            <a:gd name="connsiteY856" fmla="*/ 2585850 h 2612594"/>
                            <a:gd name="connsiteX857" fmla="*/ 1618462 w 2647519"/>
                            <a:gd name="connsiteY857" fmla="*/ 2587942 h 2612594"/>
                            <a:gd name="connsiteX858" fmla="*/ 1539405 w 2647519"/>
                            <a:gd name="connsiteY858" fmla="*/ 2603182 h 2612594"/>
                            <a:gd name="connsiteX859" fmla="*/ 1521307 w 2647519"/>
                            <a:gd name="connsiteY859" fmla="*/ 2598419 h 2612594"/>
                            <a:gd name="connsiteX860" fmla="*/ 1506067 w 2647519"/>
                            <a:gd name="connsiteY860" fmla="*/ 2598419 h 2612594"/>
                            <a:gd name="connsiteX861" fmla="*/ 1479397 w 2647519"/>
                            <a:gd name="connsiteY861" fmla="*/ 2606992 h 2612594"/>
                            <a:gd name="connsiteX862" fmla="*/ 1455585 w 2647519"/>
                            <a:gd name="connsiteY862" fmla="*/ 2608897 h 2612594"/>
                            <a:gd name="connsiteX863" fmla="*/ 1431772 w 2647519"/>
                            <a:gd name="connsiteY863" fmla="*/ 2609849 h 2612594"/>
                            <a:gd name="connsiteX864" fmla="*/ 1429185 w 2647519"/>
                            <a:gd name="connsiteY864" fmla="*/ 2608741 h 2612594"/>
                            <a:gd name="connsiteX865" fmla="*/ 1407484 w 2647519"/>
                            <a:gd name="connsiteY865" fmla="*/ 2612588 h 2612594"/>
                            <a:gd name="connsiteX866" fmla="*/ 1381290 w 2647519"/>
                            <a:gd name="connsiteY866" fmla="*/ 2607944 h 2612594"/>
                            <a:gd name="connsiteX867" fmla="*/ 1382243 w 2647519"/>
                            <a:gd name="connsiteY867" fmla="*/ 2606992 h 2612594"/>
                            <a:gd name="connsiteX868" fmla="*/ 1387005 w 2647519"/>
                            <a:gd name="connsiteY868" fmla="*/ 2600324 h 2612594"/>
                            <a:gd name="connsiteX869" fmla="*/ 1365098 w 2647519"/>
                            <a:gd name="connsiteY869" fmla="*/ 2597467 h 2612594"/>
                            <a:gd name="connsiteX870" fmla="*/ 1375575 w 2647519"/>
                            <a:gd name="connsiteY870" fmla="*/ 2591752 h 2612594"/>
                            <a:gd name="connsiteX871" fmla="*/ 1407008 w 2647519"/>
                            <a:gd name="connsiteY871" fmla="*/ 2590799 h 2612594"/>
                            <a:gd name="connsiteX872" fmla="*/ 1437488 w 2647519"/>
                            <a:gd name="connsiteY872" fmla="*/ 2589847 h 2612594"/>
                            <a:gd name="connsiteX873" fmla="*/ 1481302 w 2647519"/>
                            <a:gd name="connsiteY873" fmla="*/ 2590799 h 2612594"/>
                            <a:gd name="connsiteX874" fmla="*/ 1511782 w 2647519"/>
                            <a:gd name="connsiteY874" fmla="*/ 2587942 h 2612594"/>
                            <a:gd name="connsiteX875" fmla="*/ 1568932 w 2647519"/>
                            <a:gd name="connsiteY875" fmla="*/ 2575559 h 2612594"/>
                            <a:gd name="connsiteX876" fmla="*/ 1607032 w 2647519"/>
                            <a:gd name="connsiteY876" fmla="*/ 2566987 h 2612594"/>
                            <a:gd name="connsiteX877" fmla="*/ 1635607 w 2647519"/>
                            <a:gd name="connsiteY877" fmla="*/ 2566034 h 2612594"/>
                            <a:gd name="connsiteX878" fmla="*/ 1637595 w 2647519"/>
                            <a:gd name="connsiteY878" fmla="*/ 2565111 h 2612594"/>
                            <a:gd name="connsiteX879" fmla="*/ 1609890 w 2647519"/>
                            <a:gd name="connsiteY879" fmla="*/ 2566035 h 2612594"/>
                            <a:gd name="connsiteX880" fmla="*/ 1571790 w 2647519"/>
                            <a:gd name="connsiteY880" fmla="*/ 2574607 h 2612594"/>
                            <a:gd name="connsiteX881" fmla="*/ 1514640 w 2647519"/>
                            <a:gd name="connsiteY881" fmla="*/ 2586990 h 2612594"/>
                            <a:gd name="connsiteX882" fmla="*/ 1484160 w 2647519"/>
                            <a:gd name="connsiteY882" fmla="*/ 2589847 h 2612594"/>
                            <a:gd name="connsiteX883" fmla="*/ 1440345 w 2647519"/>
                            <a:gd name="connsiteY883" fmla="*/ 2588895 h 2612594"/>
                            <a:gd name="connsiteX884" fmla="*/ 1409865 w 2647519"/>
                            <a:gd name="connsiteY884" fmla="*/ 2589847 h 2612594"/>
                            <a:gd name="connsiteX885" fmla="*/ 1378432 w 2647519"/>
                            <a:gd name="connsiteY885" fmla="*/ 2590800 h 2612594"/>
                            <a:gd name="connsiteX886" fmla="*/ 1379385 w 2647519"/>
                            <a:gd name="connsiteY886" fmla="*/ 2586990 h 2612594"/>
                            <a:gd name="connsiteX887" fmla="*/ 1386052 w 2647519"/>
                            <a:gd name="connsiteY887" fmla="*/ 2577465 h 2612594"/>
                            <a:gd name="connsiteX888" fmla="*/ 1679422 w 2647519"/>
                            <a:gd name="connsiteY888" fmla="*/ 2528887 h 2612594"/>
                            <a:gd name="connsiteX889" fmla="*/ 1878495 w 2647519"/>
                            <a:gd name="connsiteY889" fmla="*/ 2453640 h 2612594"/>
                            <a:gd name="connsiteX890" fmla="*/ 1930882 w 2647519"/>
                            <a:gd name="connsiteY890" fmla="*/ 2426017 h 2612594"/>
                            <a:gd name="connsiteX891" fmla="*/ 1960410 w 2647519"/>
                            <a:gd name="connsiteY891" fmla="*/ 2410777 h 2612594"/>
                            <a:gd name="connsiteX892" fmla="*/ 1990890 w 2647519"/>
                            <a:gd name="connsiteY892" fmla="*/ 2394585 h 2612594"/>
                            <a:gd name="connsiteX893" fmla="*/ 2048040 w 2647519"/>
                            <a:gd name="connsiteY893" fmla="*/ 2360295 h 2612594"/>
                            <a:gd name="connsiteX894" fmla="*/ 2093760 w 2647519"/>
                            <a:gd name="connsiteY894" fmla="*/ 2325052 h 2612594"/>
                            <a:gd name="connsiteX895" fmla="*/ 2179485 w 2647519"/>
                            <a:gd name="connsiteY895" fmla="*/ 2258377 h 2612594"/>
                            <a:gd name="connsiteX896" fmla="*/ 2203297 w 2647519"/>
                            <a:gd name="connsiteY896" fmla="*/ 2239327 h 2612594"/>
                            <a:gd name="connsiteX897" fmla="*/ 2226157 w 2647519"/>
                            <a:gd name="connsiteY897" fmla="*/ 2219325 h 2612594"/>
                            <a:gd name="connsiteX898" fmla="*/ 2260447 w 2647519"/>
                            <a:gd name="connsiteY898" fmla="*/ 2187892 h 2612594"/>
                            <a:gd name="connsiteX899" fmla="*/ 2274735 w 2647519"/>
                            <a:gd name="connsiteY899" fmla="*/ 2164080 h 2612594"/>
                            <a:gd name="connsiteX900" fmla="*/ 2295258 w 2647519"/>
                            <a:gd name="connsiteY900" fmla="*/ 2145267 h 2612594"/>
                            <a:gd name="connsiteX901" fmla="*/ 2295423 w 2647519"/>
                            <a:gd name="connsiteY901" fmla="*/ 2144085 h 2612594"/>
                            <a:gd name="connsiteX902" fmla="*/ 2275688 w 2647519"/>
                            <a:gd name="connsiteY902" fmla="*/ 2162175 h 2612594"/>
                            <a:gd name="connsiteX903" fmla="*/ 2261400 w 2647519"/>
                            <a:gd name="connsiteY903" fmla="*/ 2185987 h 2612594"/>
                            <a:gd name="connsiteX904" fmla="*/ 2227110 w 2647519"/>
                            <a:gd name="connsiteY904" fmla="*/ 2217420 h 2612594"/>
                            <a:gd name="connsiteX905" fmla="*/ 2204250 w 2647519"/>
                            <a:gd name="connsiteY905" fmla="*/ 2237422 h 2612594"/>
                            <a:gd name="connsiteX906" fmla="*/ 2180438 w 2647519"/>
                            <a:gd name="connsiteY906" fmla="*/ 2256472 h 2612594"/>
                            <a:gd name="connsiteX907" fmla="*/ 2094713 w 2647519"/>
                            <a:gd name="connsiteY907" fmla="*/ 2323147 h 2612594"/>
                            <a:gd name="connsiteX908" fmla="*/ 2048993 w 2647519"/>
                            <a:gd name="connsiteY908" fmla="*/ 2358390 h 2612594"/>
                            <a:gd name="connsiteX909" fmla="*/ 1991843 w 2647519"/>
                            <a:gd name="connsiteY909" fmla="*/ 2392680 h 2612594"/>
                            <a:gd name="connsiteX910" fmla="*/ 1961363 w 2647519"/>
                            <a:gd name="connsiteY910" fmla="*/ 2408872 h 2612594"/>
                            <a:gd name="connsiteX911" fmla="*/ 1931835 w 2647519"/>
                            <a:gd name="connsiteY911" fmla="*/ 2424112 h 2612594"/>
                            <a:gd name="connsiteX912" fmla="*/ 1879448 w 2647519"/>
                            <a:gd name="connsiteY912" fmla="*/ 2451735 h 2612594"/>
                            <a:gd name="connsiteX913" fmla="*/ 1680375 w 2647519"/>
                            <a:gd name="connsiteY913" fmla="*/ 2526982 h 2612594"/>
                            <a:gd name="connsiteX914" fmla="*/ 1387005 w 2647519"/>
                            <a:gd name="connsiteY914" fmla="*/ 2575560 h 2612594"/>
                            <a:gd name="connsiteX915" fmla="*/ 1365098 w 2647519"/>
                            <a:gd name="connsiteY915" fmla="*/ 2575560 h 2612594"/>
                            <a:gd name="connsiteX916" fmla="*/ 1362240 w 2647519"/>
                            <a:gd name="connsiteY916" fmla="*/ 2567940 h 2612594"/>
                            <a:gd name="connsiteX917" fmla="*/ 1339380 w 2647519"/>
                            <a:gd name="connsiteY917" fmla="*/ 2566987 h 2612594"/>
                            <a:gd name="connsiteX918" fmla="*/ 1318425 w 2647519"/>
                            <a:gd name="connsiteY918" fmla="*/ 2575560 h 2612594"/>
                            <a:gd name="connsiteX919" fmla="*/ 1257465 w 2647519"/>
                            <a:gd name="connsiteY919" fmla="*/ 2576512 h 2612594"/>
                            <a:gd name="connsiteX920" fmla="*/ 1212698 w 2647519"/>
                            <a:gd name="connsiteY920" fmla="*/ 2574607 h 2612594"/>
                            <a:gd name="connsiteX921" fmla="*/ 1190790 w 2647519"/>
                            <a:gd name="connsiteY921" fmla="*/ 2572702 h 2612594"/>
                            <a:gd name="connsiteX922" fmla="*/ 1168883 w 2647519"/>
                            <a:gd name="connsiteY922" fmla="*/ 2568892 h 2612594"/>
                            <a:gd name="connsiteX923" fmla="*/ 1182079 w 2647519"/>
                            <a:gd name="connsiteY923" fmla="*/ 2554816 h 2612594"/>
                            <a:gd name="connsiteX924" fmla="*/ 1179360 w 2647519"/>
                            <a:gd name="connsiteY924" fmla="*/ 2555557 h 2612594"/>
                            <a:gd name="connsiteX925" fmla="*/ 1130192 w 2647519"/>
                            <a:gd name="connsiteY925" fmla="*/ 2546452 h 2612594"/>
                            <a:gd name="connsiteX926" fmla="*/ 1127925 w 2647519"/>
                            <a:gd name="connsiteY926" fmla="*/ 2546985 h 2612594"/>
                            <a:gd name="connsiteX927" fmla="*/ 1033628 w 2647519"/>
                            <a:gd name="connsiteY927" fmla="*/ 2529840 h 2612594"/>
                            <a:gd name="connsiteX928" fmla="*/ 996480 w 2647519"/>
                            <a:gd name="connsiteY928" fmla="*/ 2522220 h 2612594"/>
                            <a:gd name="connsiteX929" fmla="*/ 964095 w 2647519"/>
                            <a:gd name="connsiteY929" fmla="*/ 2516505 h 2612594"/>
                            <a:gd name="connsiteX930" fmla="*/ 925043 w 2647519"/>
                            <a:gd name="connsiteY930" fmla="*/ 2498407 h 2612594"/>
                            <a:gd name="connsiteX931" fmla="*/ 876465 w 2647519"/>
                            <a:gd name="connsiteY931" fmla="*/ 2480310 h 2612594"/>
                            <a:gd name="connsiteX932" fmla="*/ 825983 w 2647519"/>
                            <a:gd name="connsiteY932" fmla="*/ 2460307 h 2612594"/>
                            <a:gd name="connsiteX933" fmla="*/ 834555 w 2647519"/>
                            <a:gd name="connsiteY933" fmla="*/ 2453640 h 2612594"/>
                            <a:gd name="connsiteX934" fmla="*/ 869798 w 2647519"/>
                            <a:gd name="connsiteY934" fmla="*/ 2460307 h 2612594"/>
                            <a:gd name="connsiteX935" fmla="*/ 885038 w 2647519"/>
                            <a:gd name="connsiteY935" fmla="*/ 2473642 h 2612594"/>
                            <a:gd name="connsiteX936" fmla="*/ 937425 w 2647519"/>
                            <a:gd name="connsiteY936" fmla="*/ 2488882 h 2612594"/>
                            <a:gd name="connsiteX937" fmla="*/ 1041248 w 2647519"/>
                            <a:gd name="connsiteY937" fmla="*/ 2515552 h 2612594"/>
                            <a:gd name="connsiteX938" fmla="*/ 1066965 w 2647519"/>
                            <a:gd name="connsiteY938" fmla="*/ 2520315 h 2612594"/>
                            <a:gd name="connsiteX939" fmla="*/ 1094588 w 2647519"/>
                            <a:gd name="connsiteY939" fmla="*/ 2525077 h 2612594"/>
                            <a:gd name="connsiteX940" fmla="*/ 1125068 w 2647519"/>
                            <a:gd name="connsiteY940" fmla="*/ 2531745 h 2612594"/>
                            <a:gd name="connsiteX941" fmla="*/ 1158657 w 2647519"/>
                            <a:gd name="connsiteY941" fmla="*/ 2539008 h 2612594"/>
                            <a:gd name="connsiteX942" fmla="*/ 1161262 w 2647519"/>
                            <a:gd name="connsiteY942" fmla="*/ 2538412 h 2612594"/>
                            <a:gd name="connsiteX943" fmla="*/ 1192695 w 2647519"/>
                            <a:gd name="connsiteY943" fmla="*/ 2543175 h 2612594"/>
                            <a:gd name="connsiteX944" fmla="*/ 1193647 w 2647519"/>
                            <a:gd name="connsiteY944" fmla="*/ 2541270 h 2612594"/>
                            <a:gd name="connsiteX945" fmla="*/ 1239367 w 2647519"/>
                            <a:gd name="connsiteY945" fmla="*/ 2543175 h 2612594"/>
                            <a:gd name="connsiteX946" fmla="*/ 1246987 w 2647519"/>
                            <a:gd name="connsiteY946" fmla="*/ 2544127 h 2612594"/>
                            <a:gd name="connsiteX947" fmla="*/ 1317472 w 2647519"/>
                            <a:gd name="connsiteY947" fmla="*/ 2544127 h 2612594"/>
                            <a:gd name="connsiteX948" fmla="*/ 1368907 w 2647519"/>
                            <a:gd name="connsiteY948" fmla="*/ 2546032 h 2612594"/>
                            <a:gd name="connsiteX949" fmla="*/ 1429867 w 2647519"/>
                            <a:gd name="connsiteY949" fmla="*/ 2541270 h 2612594"/>
                            <a:gd name="connsiteX950" fmla="*/ 1437487 w 2647519"/>
                            <a:gd name="connsiteY950" fmla="*/ 2541270 h 2612594"/>
                            <a:gd name="connsiteX951" fmla="*/ 1440345 w 2647519"/>
                            <a:gd name="connsiteY951" fmla="*/ 2548890 h 2612594"/>
                            <a:gd name="connsiteX952" fmla="*/ 1500352 w 2647519"/>
                            <a:gd name="connsiteY952" fmla="*/ 2541270 h 2612594"/>
                            <a:gd name="connsiteX953" fmla="*/ 1540357 w 2647519"/>
                            <a:gd name="connsiteY953" fmla="*/ 2531745 h 2612594"/>
                            <a:gd name="connsiteX954" fmla="*/ 1563217 w 2647519"/>
                            <a:gd name="connsiteY954" fmla="*/ 2527935 h 2612594"/>
                            <a:gd name="connsiteX955" fmla="*/ 1577505 w 2647519"/>
                            <a:gd name="connsiteY955" fmla="*/ 2526030 h 2612594"/>
                            <a:gd name="connsiteX956" fmla="*/ 1608937 w 2647519"/>
                            <a:gd name="connsiteY956" fmla="*/ 2518410 h 2612594"/>
                            <a:gd name="connsiteX957" fmla="*/ 1634655 w 2647519"/>
                            <a:gd name="connsiteY957" fmla="*/ 2512695 h 2612594"/>
                            <a:gd name="connsiteX958" fmla="*/ 1660372 w 2647519"/>
                            <a:gd name="connsiteY958" fmla="*/ 2506027 h 2612594"/>
                            <a:gd name="connsiteX959" fmla="*/ 1707545 w 2647519"/>
                            <a:gd name="connsiteY959" fmla="*/ 2497863 h 2612594"/>
                            <a:gd name="connsiteX960" fmla="*/ 1713713 w 2647519"/>
                            <a:gd name="connsiteY960" fmla="*/ 2495550 h 2612594"/>
                            <a:gd name="connsiteX961" fmla="*/ 1664183 w 2647519"/>
                            <a:gd name="connsiteY961" fmla="*/ 2504122 h 2612594"/>
                            <a:gd name="connsiteX962" fmla="*/ 1638465 w 2647519"/>
                            <a:gd name="connsiteY962" fmla="*/ 2510790 h 2612594"/>
                            <a:gd name="connsiteX963" fmla="*/ 1612748 w 2647519"/>
                            <a:gd name="connsiteY963" fmla="*/ 2516505 h 2612594"/>
                            <a:gd name="connsiteX964" fmla="*/ 1581315 w 2647519"/>
                            <a:gd name="connsiteY964" fmla="*/ 2524125 h 2612594"/>
                            <a:gd name="connsiteX965" fmla="*/ 1567028 w 2647519"/>
                            <a:gd name="connsiteY965" fmla="*/ 2526030 h 2612594"/>
                            <a:gd name="connsiteX966" fmla="*/ 1544168 w 2647519"/>
                            <a:gd name="connsiteY966" fmla="*/ 2529840 h 2612594"/>
                            <a:gd name="connsiteX967" fmla="*/ 1482255 w 2647519"/>
                            <a:gd name="connsiteY967" fmla="*/ 2535555 h 2612594"/>
                            <a:gd name="connsiteX968" fmla="*/ 1440345 w 2647519"/>
                            <a:gd name="connsiteY968" fmla="*/ 2539365 h 2612594"/>
                            <a:gd name="connsiteX969" fmla="*/ 1432725 w 2647519"/>
                            <a:gd name="connsiteY969" fmla="*/ 2539365 h 2612594"/>
                            <a:gd name="connsiteX970" fmla="*/ 1371765 w 2647519"/>
                            <a:gd name="connsiteY970" fmla="*/ 2544127 h 2612594"/>
                            <a:gd name="connsiteX971" fmla="*/ 1320330 w 2647519"/>
                            <a:gd name="connsiteY971" fmla="*/ 2542222 h 2612594"/>
                            <a:gd name="connsiteX972" fmla="*/ 1249845 w 2647519"/>
                            <a:gd name="connsiteY972" fmla="*/ 2542222 h 2612594"/>
                            <a:gd name="connsiteX973" fmla="*/ 1242225 w 2647519"/>
                            <a:gd name="connsiteY973" fmla="*/ 2541270 h 2612594"/>
                            <a:gd name="connsiteX974" fmla="*/ 1212698 w 2647519"/>
                            <a:gd name="connsiteY974" fmla="*/ 2528887 h 2612594"/>
                            <a:gd name="connsiteX975" fmla="*/ 1196505 w 2647519"/>
                            <a:gd name="connsiteY975" fmla="*/ 2539365 h 2612594"/>
                            <a:gd name="connsiteX976" fmla="*/ 1196464 w 2647519"/>
                            <a:gd name="connsiteY976" fmla="*/ 2539447 h 2612594"/>
                            <a:gd name="connsiteX977" fmla="*/ 1209840 w 2647519"/>
                            <a:gd name="connsiteY977" fmla="*/ 2530792 h 2612594"/>
                            <a:gd name="connsiteX978" fmla="*/ 1239368 w 2647519"/>
                            <a:gd name="connsiteY978" fmla="*/ 2543174 h 2612594"/>
                            <a:gd name="connsiteX979" fmla="*/ 1193648 w 2647519"/>
                            <a:gd name="connsiteY979" fmla="*/ 2541269 h 2612594"/>
                            <a:gd name="connsiteX980" fmla="*/ 1194008 w 2647519"/>
                            <a:gd name="connsiteY980" fmla="*/ 2541036 h 2612594"/>
                            <a:gd name="connsiteX981" fmla="*/ 1164120 w 2647519"/>
                            <a:gd name="connsiteY981" fmla="*/ 2536507 h 2612594"/>
                            <a:gd name="connsiteX982" fmla="*/ 1128878 w 2647519"/>
                            <a:gd name="connsiteY982" fmla="*/ 2528887 h 2612594"/>
                            <a:gd name="connsiteX983" fmla="*/ 1098398 w 2647519"/>
                            <a:gd name="connsiteY983" fmla="*/ 2522220 h 2612594"/>
                            <a:gd name="connsiteX984" fmla="*/ 1070775 w 2647519"/>
                            <a:gd name="connsiteY984" fmla="*/ 2517457 h 2612594"/>
                            <a:gd name="connsiteX985" fmla="*/ 1045058 w 2647519"/>
                            <a:gd name="connsiteY985" fmla="*/ 2512695 h 2612594"/>
                            <a:gd name="connsiteX986" fmla="*/ 941235 w 2647519"/>
                            <a:gd name="connsiteY986" fmla="*/ 2486025 h 2612594"/>
                            <a:gd name="connsiteX987" fmla="*/ 888848 w 2647519"/>
                            <a:gd name="connsiteY987" fmla="*/ 2470785 h 2612594"/>
                            <a:gd name="connsiteX988" fmla="*/ 873608 w 2647519"/>
                            <a:gd name="connsiteY988" fmla="*/ 2457450 h 2612594"/>
                            <a:gd name="connsiteX989" fmla="*/ 838365 w 2647519"/>
                            <a:gd name="connsiteY989" fmla="*/ 2450782 h 2612594"/>
                            <a:gd name="connsiteX990" fmla="*/ 785978 w 2647519"/>
                            <a:gd name="connsiteY990" fmla="*/ 2424112 h 2612594"/>
                            <a:gd name="connsiteX991" fmla="*/ 770738 w 2647519"/>
                            <a:gd name="connsiteY991" fmla="*/ 2425065 h 2612594"/>
                            <a:gd name="connsiteX992" fmla="*/ 716445 w 2647519"/>
                            <a:gd name="connsiteY992" fmla="*/ 2397442 h 2612594"/>
                            <a:gd name="connsiteX993" fmla="*/ 706920 w 2647519"/>
                            <a:gd name="connsiteY993" fmla="*/ 2380297 h 2612594"/>
                            <a:gd name="connsiteX994" fmla="*/ 708825 w 2647519"/>
                            <a:gd name="connsiteY994" fmla="*/ 2379345 h 2612594"/>
                            <a:gd name="connsiteX995" fmla="*/ 742163 w 2647519"/>
                            <a:gd name="connsiteY995" fmla="*/ 2397442 h 2612594"/>
                            <a:gd name="connsiteX996" fmla="*/ 775500 w 2647519"/>
                            <a:gd name="connsiteY996" fmla="*/ 2415540 h 2612594"/>
                            <a:gd name="connsiteX997" fmla="*/ 785025 w 2647519"/>
                            <a:gd name="connsiteY997" fmla="*/ 2409825 h 2612594"/>
                            <a:gd name="connsiteX998" fmla="*/ 745973 w 2647519"/>
                            <a:gd name="connsiteY998" fmla="*/ 2384107 h 2612594"/>
                            <a:gd name="connsiteX999" fmla="*/ 713588 w 2647519"/>
                            <a:gd name="connsiteY999" fmla="*/ 2369820 h 2612594"/>
                            <a:gd name="connsiteX1000" fmla="*/ 668820 w 2647519"/>
                            <a:gd name="connsiteY1000" fmla="*/ 2344102 h 2612594"/>
                            <a:gd name="connsiteX1001" fmla="*/ 630720 w 2647519"/>
                            <a:gd name="connsiteY1001" fmla="*/ 2319337 h 2612594"/>
                            <a:gd name="connsiteX1002" fmla="*/ 570713 w 2647519"/>
                            <a:gd name="connsiteY1002" fmla="*/ 2293620 h 2612594"/>
                            <a:gd name="connsiteX1003" fmla="*/ 547853 w 2647519"/>
                            <a:gd name="connsiteY1003" fmla="*/ 2274570 h 2612594"/>
                            <a:gd name="connsiteX1004" fmla="*/ 552615 w 2647519"/>
                            <a:gd name="connsiteY1004" fmla="*/ 2272665 h 2612594"/>
                            <a:gd name="connsiteX1005" fmla="*/ 575475 w 2647519"/>
                            <a:gd name="connsiteY1005" fmla="*/ 2279332 h 2612594"/>
                            <a:gd name="connsiteX1006" fmla="*/ 527850 w 2647519"/>
                            <a:gd name="connsiteY1006" fmla="*/ 2229802 h 2612594"/>
                            <a:gd name="connsiteX1007" fmla="*/ 501180 w 2647519"/>
                            <a:gd name="connsiteY1007" fmla="*/ 2207895 h 2612594"/>
                            <a:gd name="connsiteX1008" fmla="*/ 476415 w 2647519"/>
                            <a:gd name="connsiteY1008" fmla="*/ 2185987 h 2612594"/>
                            <a:gd name="connsiteX1009" fmla="*/ 444983 w 2647519"/>
                            <a:gd name="connsiteY1009" fmla="*/ 2160270 h 2612594"/>
                            <a:gd name="connsiteX1010" fmla="*/ 399263 w 2647519"/>
                            <a:gd name="connsiteY1010" fmla="*/ 2109787 h 2612594"/>
                            <a:gd name="connsiteX1011" fmla="*/ 396126 w 2647519"/>
                            <a:gd name="connsiteY1011" fmla="*/ 2099983 h 2612594"/>
                            <a:gd name="connsiteX1012" fmla="*/ 386880 w 2647519"/>
                            <a:gd name="connsiteY1012" fmla="*/ 2090737 h 2612594"/>
                            <a:gd name="connsiteX1013" fmla="*/ 355448 w 2647519"/>
                            <a:gd name="connsiteY1013" fmla="*/ 2056447 h 2612594"/>
                            <a:gd name="connsiteX1014" fmla="*/ 351638 w 2647519"/>
                            <a:gd name="connsiteY1014" fmla="*/ 2039302 h 2612594"/>
                            <a:gd name="connsiteX1015" fmla="*/ 339255 w 2647519"/>
                            <a:gd name="connsiteY1015" fmla="*/ 2022157 h 2612594"/>
                            <a:gd name="connsiteX1016" fmla="*/ 337780 w 2647519"/>
                            <a:gd name="connsiteY1016" fmla="*/ 2019844 h 2612594"/>
                            <a:gd name="connsiteX1017" fmla="*/ 323062 w 2647519"/>
                            <a:gd name="connsiteY1017" fmla="*/ 2009774 h 2612594"/>
                            <a:gd name="connsiteX1018" fmla="*/ 294487 w 2647519"/>
                            <a:gd name="connsiteY1018" fmla="*/ 1968817 h 2612594"/>
                            <a:gd name="connsiteX1019" fmla="*/ 278295 w 2647519"/>
                            <a:gd name="connsiteY1019" fmla="*/ 1930717 h 2612594"/>
                            <a:gd name="connsiteX1020" fmla="*/ 276390 w 2647519"/>
                            <a:gd name="connsiteY1020" fmla="*/ 1930717 h 2612594"/>
                            <a:gd name="connsiteX1021" fmla="*/ 254483 w 2647519"/>
                            <a:gd name="connsiteY1021" fmla="*/ 1888807 h 2612594"/>
                            <a:gd name="connsiteX1022" fmla="*/ 233528 w 2647519"/>
                            <a:gd name="connsiteY1022" fmla="*/ 1846897 h 2612594"/>
                            <a:gd name="connsiteX1023" fmla="*/ 211620 w 2647519"/>
                            <a:gd name="connsiteY1023" fmla="*/ 1798320 h 2612594"/>
                            <a:gd name="connsiteX1024" fmla="*/ 191618 w 2647519"/>
                            <a:gd name="connsiteY1024" fmla="*/ 1748790 h 2612594"/>
                            <a:gd name="connsiteX1025" fmla="*/ 211620 w 2647519"/>
                            <a:gd name="connsiteY1025" fmla="*/ 1782127 h 2612594"/>
                            <a:gd name="connsiteX1026" fmla="*/ 231623 w 2647519"/>
                            <a:gd name="connsiteY1026" fmla="*/ 1824037 h 2612594"/>
                            <a:gd name="connsiteX1027" fmla="*/ 238290 w 2647519"/>
                            <a:gd name="connsiteY1027" fmla="*/ 1846897 h 2612594"/>
                            <a:gd name="connsiteX1028" fmla="*/ 241045 w 2647519"/>
                            <a:gd name="connsiteY1028" fmla="*/ 1850938 h 2612594"/>
                            <a:gd name="connsiteX1029" fmla="*/ 237654 w 2647519"/>
                            <a:gd name="connsiteY1029" fmla="*/ 1833304 h 2612594"/>
                            <a:gd name="connsiteX1030" fmla="*/ 228808 w 2647519"/>
                            <a:gd name="connsiteY1030" fmla="*/ 1817251 h 2612594"/>
                            <a:gd name="connsiteX1031" fmla="*/ 214410 w 2647519"/>
                            <a:gd name="connsiteY1031" fmla="*/ 1784873 h 2612594"/>
                            <a:gd name="connsiteX1032" fmla="*/ 197332 w 2647519"/>
                            <a:gd name="connsiteY1032" fmla="*/ 1756409 h 2612594"/>
                            <a:gd name="connsiteX1033" fmla="*/ 176377 w 2647519"/>
                            <a:gd name="connsiteY1033" fmla="*/ 1699259 h 2612594"/>
                            <a:gd name="connsiteX1034" fmla="*/ 158426 w 2647519"/>
                            <a:gd name="connsiteY1034" fmla="*/ 1640679 h 2612594"/>
                            <a:gd name="connsiteX1035" fmla="*/ 152529 w 2647519"/>
                            <a:gd name="connsiteY1035" fmla="*/ 1623596 h 2612594"/>
                            <a:gd name="connsiteX1036" fmla="*/ 126853 w 2647519"/>
                            <a:gd name="connsiteY1036" fmla="*/ 1521108 h 2612594"/>
                            <a:gd name="connsiteX1037" fmla="*/ 115498 w 2647519"/>
                            <a:gd name="connsiteY1037" fmla="*/ 1446707 h 2612594"/>
                            <a:gd name="connsiteX1038" fmla="*/ 115417 w 2647519"/>
                            <a:gd name="connsiteY1038" fmla="*/ 1448752 h 2612594"/>
                            <a:gd name="connsiteX1039" fmla="*/ 116370 w 2647519"/>
                            <a:gd name="connsiteY1039" fmla="*/ 1463992 h 2612594"/>
                            <a:gd name="connsiteX1040" fmla="*/ 121132 w 2647519"/>
                            <a:gd name="connsiteY1040" fmla="*/ 1499235 h 2612594"/>
                            <a:gd name="connsiteX1041" fmla="*/ 126847 w 2647519"/>
                            <a:gd name="connsiteY1041" fmla="*/ 1535430 h 2612594"/>
                            <a:gd name="connsiteX1042" fmla="*/ 117322 w 2647519"/>
                            <a:gd name="connsiteY1042" fmla="*/ 1503997 h 2612594"/>
                            <a:gd name="connsiteX1043" fmla="*/ 110655 w 2647519"/>
                            <a:gd name="connsiteY1043" fmla="*/ 1463992 h 2612594"/>
                            <a:gd name="connsiteX1044" fmla="*/ 103035 w 2647519"/>
                            <a:gd name="connsiteY1044" fmla="*/ 1463992 h 2612594"/>
                            <a:gd name="connsiteX1045" fmla="*/ 98272 w 2647519"/>
                            <a:gd name="connsiteY1045" fmla="*/ 1427797 h 2612594"/>
                            <a:gd name="connsiteX1046" fmla="*/ 91605 w 2647519"/>
                            <a:gd name="connsiteY1046" fmla="*/ 1404937 h 2612594"/>
                            <a:gd name="connsiteX1047" fmla="*/ 85890 w 2647519"/>
                            <a:gd name="connsiteY1047" fmla="*/ 1383030 h 2612594"/>
                            <a:gd name="connsiteX1048" fmla="*/ 69697 w 2647519"/>
                            <a:gd name="connsiteY1048" fmla="*/ 1365885 h 2612594"/>
                            <a:gd name="connsiteX1049" fmla="*/ 64935 w 2647519"/>
                            <a:gd name="connsiteY1049" fmla="*/ 1365885 h 2612594"/>
                            <a:gd name="connsiteX1050" fmla="*/ 60172 w 2647519"/>
                            <a:gd name="connsiteY1050" fmla="*/ 1342072 h 2612594"/>
                            <a:gd name="connsiteX1051" fmla="*/ 58267 w 2647519"/>
                            <a:gd name="connsiteY1051" fmla="*/ 1311592 h 2612594"/>
                            <a:gd name="connsiteX1052" fmla="*/ 62077 w 2647519"/>
                            <a:gd name="connsiteY1052" fmla="*/ 1268730 h 2612594"/>
                            <a:gd name="connsiteX1053" fmla="*/ 63982 w 2647519"/>
                            <a:gd name="connsiteY1053" fmla="*/ 1253490 h 2612594"/>
                            <a:gd name="connsiteX1054" fmla="*/ 67226 w 2647519"/>
                            <a:gd name="connsiteY1054" fmla="*/ 1243037 h 2612594"/>
                            <a:gd name="connsiteX1055" fmla="*/ 65649 w 2647519"/>
                            <a:gd name="connsiteY1055" fmla="*/ 1219200 h 2612594"/>
                            <a:gd name="connsiteX1056" fmla="*/ 67792 w 2647519"/>
                            <a:gd name="connsiteY1056" fmla="*/ 1183957 h 2612594"/>
                            <a:gd name="connsiteX1057" fmla="*/ 71602 w 2647519"/>
                            <a:gd name="connsiteY1057" fmla="*/ 1176814 h 2612594"/>
                            <a:gd name="connsiteX1058" fmla="*/ 71602 w 2647519"/>
                            <a:gd name="connsiteY1058" fmla="*/ 1172527 h 2612594"/>
                            <a:gd name="connsiteX1059" fmla="*/ 63982 w 2647519"/>
                            <a:gd name="connsiteY1059" fmla="*/ 1186815 h 2612594"/>
                            <a:gd name="connsiteX1060" fmla="*/ 57315 w 2647519"/>
                            <a:gd name="connsiteY1060" fmla="*/ 1177290 h 2612594"/>
                            <a:gd name="connsiteX1061" fmla="*/ 44932 w 2647519"/>
                            <a:gd name="connsiteY1061" fmla="*/ 1160145 h 2612594"/>
                            <a:gd name="connsiteX1062" fmla="*/ 42670 w 2647519"/>
                            <a:gd name="connsiteY1062" fmla="*/ 1146572 h 2612594"/>
                            <a:gd name="connsiteX1063" fmla="*/ 42075 w 2647519"/>
                            <a:gd name="connsiteY1063" fmla="*/ 1147762 h 2612594"/>
                            <a:gd name="connsiteX1064" fmla="*/ 38265 w 2647519"/>
                            <a:gd name="connsiteY1064" fmla="*/ 1185862 h 2612594"/>
                            <a:gd name="connsiteX1065" fmla="*/ 35407 w 2647519"/>
                            <a:gd name="connsiteY1065" fmla="*/ 1223962 h 2612594"/>
                            <a:gd name="connsiteX1066" fmla="*/ 32550 w 2647519"/>
                            <a:gd name="connsiteY1066" fmla="*/ 1253490 h 2612594"/>
                            <a:gd name="connsiteX1067" fmla="*/ 32550 w 2647519"/>
                            <a:gd name="connsiteY1067" fmla="*/ 1314449 h 2612594"/>
                            <a:gd name="connsiteX1068" fmla="*/ 33502 w 2647519"/>
                            <a:gd name="connsiteY1068" fmla="*/ 1345882 h 2612594"/>
                            <a:gd name="connsiteX1069" fmla="*/ 35407 w 2647519"/>
                            <a:gd name="connsiteY1069" fmla="*/ 1377314 h 2612594"/>
                            <a:gd name="connsiteX1070" fmla="*/ 26835 w 2647519"/>
                            <a:gd name="connsiteY1070" fmla="*/ 1406842 h 2612594"/>
                            <a:gd name="connsiteX1071" fmla="*/ 24930 w 2647519"/>
                            <a:gd name="connsiteY1071" fmla="*/ 1406842 h 2612594"/>
                            <a:gd name="connsiteX1072" fmla="*/ 19215 w 2647519"/>
                            <a:gd name="connsiteY1072" fmla="*/ 1349692 h 2612594"/>
                            <a:gd name="connsiteX1073" fmla="*/ 19215 w 2647519"/>
                            <a:gd name="connsiteY1073" fmla="*/ 1290637 h 2612594"/>
                            <a:gd name="connsiteX1074" fmla="*/ 23977 w 2647519"/>
                            <a:gd name="connsiteY1074" fmla="*/ 1244917 h 2612594"/>
                            <a:gd name="connsiteX1075" fmla="*/ 32546 w 2647519"/>
                            <a:gd name="connsiteY1075" fmla="*/ 1253485 h 2612594"/>
                            <a:gd name="connsiteX1076" fmla="*/ 24930 w 2647519"/>
                            <a:gd name="connsiteY1076" fmla="*/ 1243965 h 2612594"/>
                            <a:gd name="connsiteX1077" fmla="*/ 23025 w 2647519"/>
                            <a:gd name="connsiteY1077" fmla="*/ 1209675 h 2612594"/>
                            <a:gd name="connsiteX1078" fmla="*/ 24930 w 2647519"/>
                            <a:gd name="connsiteY1078" fmla="*/ 1157287 h 2612594"/>
                            <a:gd name="connsiteX1079" fmla="*/ 25882 w 2647519"/>
                            <a:gd name="connsiteY1079" fmla="*/ 1143000 h 2612594"/>
                            <a:gd name="connsiteX1080" fmla="*/ 28740 w 2647519"/>
                            <a:gd name="connsiteY1080" fmla="*/ 1119187 h 2612594"/>
                            <a:gd name="connsiteX1081" fmla="*/ 40170 w 2647519"/>
                            <a:gd name="connsiteY1081" fmla="*/ 1076325 h 2612594"/>
                            <a:gd name="connsiteX1082" fmla="*/ 45865 w 2647519"/>
                            <a:gd name="connsiteY1082" fmla="*/ 1047851 h 2612594"/>
                            <a:gd name="connsiteX1083" fmla="*/ 43980 w 2647519"/>
                            <a:gd name="connsiteY1083" fmla="*/ 1041082 h 2612594"/>
                            <a:gd name="connsiteX1084" fmla="*/ 37312 w 2647519"/>
                            <a:gd name="connsiteY1084" fmla="*/ 1079182 h 2612594"/>
                            <a:gd name="connsiteX1085" fmla="*/ 25882 w 2647519"/>
                            <a:gd name="connsiteY1085" fmla="*/ 1122045 h 2612594"/>
                            <a:gd name="connsiteX1086" fmla="*/ 23025 w 2647519"/>
                            <a:gd name="connsiteY1086" fmla="*/ 1145857 h 2612594"/>
                            <a:gd name="connsiteX1087" fmla="*/ 22072 w 2647519"/>
                            <a:gd name="connsiteY1087" fmla="*/ 1160145 h 2612594"/>
                            <a:gd name="connsiteX1088" fmla="*/ 20167 w 2647519"/>
                            <a:gd name="connsiteY1088" fmla="*/ 1212532 h 2612594"/>
                            <a:gd name="connsiteX1089" fmla="*/ 22072 w 2647519"/>
                            <a:gd name="connsiteY1089" fmla="*/ 1246822 h 2612594"/>
                            <a:gd name="connsiteX1090" fmla="*/ 17310 w 2647519"/>
                            <a:gd name="connsiteY1090" fmla="*/ 1292542 h 2612594"/>
                            <a:gd name="connsiteX1091" fmla="*/ 17310 w 2647519"/>
                            <a:gd name="connsiteY1091" fmla="*/ 1351597 h 2612594"/>
                            <a:gd name="connsiteX1092" fmla="*/ 23025 w 2647519"/>
                            <a:gd name="connsiteY1092" fmla="*/ 1408747 h 2612594"/>
                            <a:gd name="connsiteX1093" fmla="*/ 24930 w 2647519"/>
                            <a:gd name="connsiteY1093" fmla="*/ 1408747 h 2612594"/>
                            <a:gd name="connsiteX1094" fmla="*/ 37312 w 2647519"/>
                            <a:gd name="connsiteY1094" fmla="*/ 1463040 h 2612594"/>
                            <a:gd name="connsiteX1095" fmla="*/ 43980 w 2647519"/>
                            <a:gd name="connsiteY1095" fmla="*/ 1507807 h 2612594"/>
                            <a:gd name="connsiteX1096" fmla="*/ 58267 w 2647519"/>
                            <a:gd name="connsiteY1096" fmla="*/ 1553527 h 2612594"/>
                            <a:gd name="connsiteX1097" fmla="*/ 80770 w 2647519"/>
                            <a:gd name="connsiteY1097" fmla="*/ 1651843 h 2612594"/>
                            <a:gd name="connsiteX1098" fmla="*/ 82734 w 2647519"/>
                            <a:gd name="connsiteY1098" fmla="*/ 1670685 h 2612594"/>
                            <a:gd name="connsiteX1099" fmla="*/ 86843 w 2647519"/>
                            <a:gd name="connsiteY1099" fmla="*/ 1670685 h 2612594"/>
                            <a:gd name="connsiteX1100" fmla="*/ 107798 w 2647519"/>
                            <a:gd name="connsiteY1100" fmla="*/ 1721167 h 2612594"/>
                            <a:gd name="connsiteX1101" fmla="*/ 115418 w 2647519"/>
                            <a:gd name="connsiteY1101" fmla="*/ 1746885 h 2612594"/>
                            <a:gd name="connsiteX1102" fmla="*/ 101130 w 2647519"/>
                            <a:gd name="connsiteY1102" fmla="*/ 1724977 h 2612594"/>
                            <a:gd name="connsiteX1103" fmla="*/ 85890 w 2647519"/>
                            <a:gd name="connsiteY1103" fmla="*/ 1690687 h 2612594"/>
                            <a:gd name="connsiteX1104" fmla="*/ 84938 w 2647519"/>
                            <a:gd name="connsiteY1104" fmla="*/ 1700212 h 2612594"/>
                            <a:gd name="connsiteX1105" fmla="*/ 76651 w 2647519"/>
                            <a:gd name="connsiteY1105" fmla="*/ 1674524 h 2612594"/>
                            <a:gd name="connsiteX1106" fmla="*/ 70650 w 2647519"/>
                            <a:gd name="connsiteY1106" fmla="*/ 1675447 h 2612594"/>
                            <a:gd name="connsiteX1107" fmla="*/ 63982 w 2647519"/>
                            <a:gd name="connsiteY1107" fmla="*/ 1653540 h 2612594"/>
                            <a:gd name="connsiteX1108" fmla="*/ 41122 w 2647519"/>
                            <a:gd name="connsiteY1108" fmla="*/ 1601152 h 2612594"/>
                            <a:gd name="connsiteX1109" fmla="*/ 26835 w 2647519"/>
                            <a:gd name="connsiteY1109" fmla="*/ 1554480 h 2612594"/>
                            <a:gd name="connsiteX1110" fmla="*/ 25882 w 2647519"/>
                            <a:gd name="connsiteY1110" fmla="*/ 1515427 h 2612594"/>
                            <a:gd name="connsiteX1111" fmla="*/ 19215 w 2647519"/>
                            <a:gd name="connsiteY1111" fmla="*/ 1469707 h 2612594"/>
                            <a:gd name="connsiteX1112" fmla="*/ 14452 w 2647519"/>
                            <a:gd name="connsiteY1112" fmla="*/ 1423987 h 2612594"/>
                            <a:gd name="connsiteX1113" fmla="*/ 3975 w 2647519"/>
                            <a:gd name="connsiteY1113" fmla="*/ 1390650 h 2612594"/>
                            <a:gd name="connsiteX1114" fmla="*/ 10642 w 2647519"/>
                            <a:gd name="connsiteY1114" fmla="*/ 1213485 h 2612594"/>
                            <a:gd name="connsiteX1115" fmla="*/ 17310 w 2647519"/>
                            <a:gd name="connsiteY1115" fmla="*/ 1167765 h 2612594"/>
                            <a:gd name="connsiteX1116" fmla="*/ 11595 w 2647519"/>
                            <a:gd name="connsiteY1116" fmla="*/ 1143000 h 2612594"/>
                            <a:gd name="connsiteX1117" fmla="*/ 23025 w 2647519"/>
                            <a:gd name="connsiteY1117" fmla="*/ 1074420 h 2612594"/>
                            <a:gd name="connsiteX1118" fmla="*/ 25882 w 2647519"/>
                            <a:gd name="connsiteY1118" fmla="*/ 1058227 h 2612594"/>
                            <a:gd name="connsiteX1119" fmla="*/ 33502 w 2647519"/>
                            <a:gd name="connsiteY1119" fmla="*/ 1002982 h 2612594"/>
                            <a:gd name="connsiteX1120" fmla="*/ 53505 w 2647519"/>
                            <a:gd name="connsiteY1120" fmla="*/ 962977 h 2612594"/>
                            <a:gd name="connsiteX1121" fmla="*/ 48742 w 2647519"/>
                            <a:gd name="connsiteY1121" fmla="*/ 1017270 h 2612594"/>
                            <a:gd name="connsiteX1122" fmla="*/ 53503 w 2647519"/>
                            <a:gd name="connsiteY1122" fmla="*/ 1007964 h 2612594"/>
                            <a:gd name="connsiteX1123" fmla="*/ 56362 w 2647519"/>
                            <a:gd name="connsiteY1123" fmla="*/ 985718 h 2612594"/>
                            <a:gd name="connsiteX1124" fmla="*/ 57315 w 2647519"/>
                            <a:gd name="connsiteY1124" fmla="*/ 961072 h 2612594"/>
                            <a:gd name="connsiteX1125" fmla="*/ 65887 w 2647519"/>
                            <a:gd name="connsiteY1125" fmla="*/ 929639 h 2612594"/>
                            <a:gd name="connsiteX1126" fmla="*/ 79222 w 2647519"/>
                            <a:gd name="connsiteY1126" fmla="*/ 882014 h 2612594"/>
                            <a:gd name="connsiteX1127" fmla="*/ 95415 w 2647519"/>
                            <a:gd name="connsiteY1127" fmla="*/ 833437 h 2612594"/>
                            <a:gd name="connsiteX1128" fmla="*/ 96628 w 2647519"/>
                            <a:gd name="connsiteY1128" fmla="*/ 832072 h 2612594"/>
                            <a:gd name="connsiteX1129" fmla="*/ 103988 w 2647519"/>
                            <a:gd name="connsiteY1129" fmla="*/ 793432 h 2612594"/>
                            <a:gd name="connsiteX1130" fmla="*/ 114465 w 2647519"/>
                            <a:gd name="connsiteY1130" fmla="*/ 765809 h 2612594"/>
                            <a:gd name="connsiteX1131" fmla="*/ 126848 w 2647519"/>
                            <a:gd name="connsiteY1131" fmla="*/ 742949 h 2612594"/>
                            <a:gd name="connsiteX1132" fmla="*/ 151613 w 2647519"/>
                            <a:gd name="connsiteY1132" fmla="*/ 695324 h 2612594"/>
                            <a:gd name="connsiteX1133" fmla="*/ 171615 w 2647519"/>
                            <a:gd name="connsiteY1133" fmla="*/ 652462 h 2612594"/>
                            <a:gd name="connsiteX1134" fmla="*/ 200190 w 2647519"/>
                            <a:gd name="connsiteY1134" fmla="*/ 597217 h 2612594"/>
                            <a:gd name="connsiteX1135" fmla="*/ 221145 w 2647519"/>
                            <a:gd name="connsiteY1135" fmla="*/ 573404 h 2612594"/>
                            <a:gd name="connsiteX1136" fmla="*/ 238290 w 2647519"/>
                            <a:gd name="connsiteY1136" fmla="*/ 540067 h 2612594"/>
                            <a:gd name="connsiteX1137" fmla="*/ 252578 w 2647519"/>
                            <a:gd name="connsiteY1137" fmla="*/ 519112 h 2612594"/>
                            <a:gd name="connsiteX1138" fmla="*/ 267818 w 2647519"/>
                            <a:gd name="connsiteY1138" fmla="*/ 511492 h 2612594"/>
                            <a:gd name="connsiteX1139" fmla="*/ 271628 w 2647519"/>
                            <a:gd name="connsiteY1139" fmla="*/ 505777 h 2612594"/>
                            <a:gd name="connsiteX1140" fmla="*/ 286868 w 2647519"/>
                            <a:gd name="connsiteY1140" fmla="*/ 475297 h 2612594"/>
                            <a:gd name="connsiteX1141" fmla="*/ 316395 w 2647519"/>
                            <a:gd name="connsiteY1141" fmla="*/ 441007 h 2612594"/>
                            <a:gd name="connsiteX1142" fmla="*/ 317199 w 2647519"/>
                            <a:gd name="connsiteY1142" fmla="*/ 455339 h 2612594"/>
                            <a:gd name="connsiteX1143" fmla="*/ 315045 w 2647519"/>
                            <a:gd name="connsiteY1143" fmla="*/ 461363 h 2612594"/>
                            <a:gd name="connsiteX1144" fmla="*/ 345922 w 2647519"/>
                            <a:gd name="connsiteY1144" fmla="*/ 429577 h 2612594"/>
                            <a:gd name="connsiteX1145" fmla="*/ 361162 w 2647519"/>
                            <a:gd name="connsiteY1145" fmla="*/ 409575 h 2612594"/>
                            <a:gd name="connsiteX1146" fmla="*/ 381165 w 2647519"/>
                            <a:gd name="connsiteY1146" fmla="*/ 390525 h 2612594"/>
                            <a:gd name="connsiteX1147" fmla="*/ 382888 w 2647519"/>
                            <a:gd name="connsiteY1147" fmla="*/ 392440 h 2612594"/>
                            <a:gd name="connsiteX1148" fmla="*/ 382118 w 2647519"/>
                            <a:gd name="connsiteY1148" fmla="*/ 391477 h 2612594"/>
                            <a:gd name="connsiteX1149" fmla="*/ 406883 w 2647519"/>
                            <a:gd name="connsiteY1149" fmla="*/ 366712 h 2612594"/>
                            <a:gd name="connsiteX1150" fmla="*/ 431648 w 2647519"/>
                            <a:gd name="connsiteY1150" fmla="*/ 343852 h 2612594"/>
                            <a:gd name="connsiteX1151" fmla="*/ 458318 w 2647519"/>
                            <a:gd name="connsiteY1151" fmla="*/ 315277 h 2612594"/>
                            <a:gd name="connsiteX1152" fmla="*/ 495465 w 2647519"/>
                            <a:gd name="connsiteY1152" fmla="*/ 287654 h 2612594"/>
                            <a:gd name="connsiteX1153" fmla="*/ 535470 w 2647519"/>
                            <a:gd name="connsiteY1153" fmla="*/ 258127 h 2612594"/>
                            <a:gd name="connsiteX1154" fmla="*/ 559389 w 2647519"/>
                            <a:gd name="connsiteY1154" fmla="*/ 241440 h 2612594"/>
                            <a:gd name="connsiteX1155" fmla="*/ 575475 w 2647519"/>
                            <a:gd name="connsiteY1155" fmla="*/ 226694 h 2612594"/>
                            <a:gd name="connsiteX1156" fmla="*/ 604050 w 2647519"/>
                            <a:gd name="connsiteY1156" fmla="*/ 209549 h 2612594"/>
                            <a:gd name="connsiteX1157" fmla="*/ 634530 w 2647519"/>
                            <a:gd name="connsiteY1157" fmla="*/ 193357 h 2612594"/>
                            <a:gd name="connsiteX1158" fmla="*/ 638565 w 2647519"/>
                            <a:gd name="connsiteY1158" fmla="*/ 191282 h 2612594"/>
                            <a:gd name="connsiteX1159" fmla="*/ 648937 w 2647519"/>
                            <a:gd name="connsiteY1159" fmla="*/ 181094 h 2612594"/>
                            <a:gd name="connsiteX1160" fmla="*/ 665963 w 2647519"/>
                            <a:gd name="connsiteY1160" fmla="*/ 168592 h 2612594"/>
                            <a:gd name="connsiteX1161" fmla="*/ 684656 w 2647519"/>
                            <a:gd name="connsiteY1161" fmla="*/ 159067 h 2612594"/>
                            <a:gd name="connsiteX1162" fmla="*/ 697880 w 2647519"/>
                            <a:gd name="connsiteY1162" fmla="*/ 156023 h 2612594"/>
                            <a:gd name="connsiteX1163" fmla="*/ 700252 w 2647519"/>
                            <a:gd name="connsiteY1163" fmla="*/ 154304 h 2612594"/>
                            <a:gd name="connsiteX1164" fmla="*/ 959332 w 2647519"/>
                            <a:gd name="connsiteY1164" fmla="*/ 49529 h 2612594"/>
                            <a:gd name="connsiteX1165" fmla="*/ 968944 w 2647519"/>
                            <a:gd name="connsiteY1165" fmla="*/ 47439 h 2612594"/>
                            <a:gd name="connsiteX1166" fmla="*/ 995527 w 2647519"/>
                            <a:gd name="connsiteY1166" fmla="*/ 38099 h 2612594"/>
                            <a:gd name="connsiteX1167" fmla="*/ 1013863 w 2647519"/>
                            <a:gd name="connsiteY1167" fmla="*/ 34408 h 2612594"/>
                            <a:gd name="connsiteX1168" fmla="*/ 1023424 w 2647519"/>
                            <a:gd name="connsiteY1168" fmla="*/ 34327 h 2612594"/>
                            <a:gd name="connsiteX1169" fmla="*/ 1026960 w 2647519"/>
                            <a:gd name="connsiteY1169" fmla="*/ 33337 h 2612594"/>
                            <a:gd name="connsiteX1170" fmla="*/ 1244130 w 2647519"/>
                            <a:gd name="connsiteY1170" fmla="*/ 4762 h 2612594"/>
                            <a:gd name="connsiteX1171" fmla="*/ 1305804 w 2647519"/>
                            <a:gd name="connsiteY1171" fmla="*/ 4524 h 2612594"/>
                            <a:gd name="connsiteX1172" fmla="*/ 1371765 w 2647519"/>
                            <a:gd name="connsiteY1172" fmla="*/ 5714 h 2612594"/>
                            <a:gd name="connsiteX1173" fmla="*/ 1372993 w 2647519"/>
                            <a:gd name="connsiteY1173" fmla="*/ 6635 h 2612594"/>
                            <a:gd name="connsiteX1174" fmla="*/ 1405103 w 2647519"/>
                            <a:gd name="connsiteY1174" fmla="*/ 2857 h 2612594"/>
                            <a:gd name="connsiteX1175" fmla="*/ 1434630 w 2647519"/>
                            <a:gd name="connsiteY1175" fmla="*/ 7619 h 2612594"/>
                            <a:gd name="connsiteX1176" fmla="*/ 1464158 w 2647519"/>
                            <a:gd name="connsiteY1176" fmla="*/ 13334 h 2612594"/>
                            <a:gd name="connsiteX1177" fmla="*/ 1479392 w 2647519"/>
                            <a:gd name="connsiteY1177" fmla="*/ 16797 h 2612594"/>
                            <a:gd name="connsiteX1178" fmla="*/ 1463205 w 2647519"/>
                            <a:gd name="connsiteY1178" fmla="*/ 12382 h 2612594"/>
                            <a:gd name="connsiteX1179" fmla="*/ 1433677 w 2647519"/>
                            <a:gd name="connsiteY1179" fmla="*/ 6667 h 2612594"/>
                            <a:gd name="connsiteX1180" fmla="*/ 1404150 w 2647519"/>
                            <a:gd name="connsiteY1180" fmla="*/ 1905 h 2612594"/>
                            <a:gd name="connsiteX1181" fmla="*/ 1404150 w 2647519"/>
                            <a:gd name="connsiteY1181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  <a:cxn ang="0">
                              <a:pos x="connsiteX1175" y="connsiteY1175"/>
                            </a:cxn>
                            <a:cxn ang="0">
                              <a:pos x="connsiteX1176" y="connsiteY1176"/>
                            </a:cxn>
                            <a:cxn ang="0">
                              <a:pos x="connsiteX1177" y="connsiteY1177"/>
                            </a:cxn>
                            <a:cxn ang="0">
                              <a:pos x="connsiteX1178" y="connsiteY1178"/>
                            </a:cxn>
                            <a:cxn ang="0">
                              <a:pos x="connsiteX1179" y="connsiteY1179"/>
                            </a:cxn>
                            <a:cxn ang="0">
                              <a:pos x="connsiteX1180" y="connsiteY1180"/>
                            </a:cxn>
                            <a:cxn ang="0">
                              <a:pos x="connsiteX1181" y="connsiteY1181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3" y="2520821"/>
                              </a:moveTo>
                              <a:lnTo>
                                <a:pt x="1643881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2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1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5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2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3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5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0" y="2265793"/>
                              </a:lnTo>
                              <a:close/>
                              <a:moveTo>
                                <a:pt x="2099801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79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59" y="2217355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5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4" y="2175510"/>
                                <a:pt x="2187820" y="2174974"/>
                              </a:cubicBezTo>
                              <a:close/>
                              <a:moveTo>
                                <a:pt x="475386" y="2153526"/>
                              </a:moveTo>
                              <a:lnTo>
                                <a:pt x="477272" y="2155821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3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1" y="2051897"/>
                              </a:lnTo>
                              <a:lnTo>
                                <a:pt x="2291271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498930" y="1857612"/>
                              </a:moveTo>
                              <a:cubicBezTo>
                                <a:pt x="2494525" y="1865709"/>
                                <a:pt x="2490953" y="1872615"/>
                                <a:pt x="2490953" y="1875472"/>
                              </a:cubicBezTo>
                              <a:cubicBezTo>
                                <a:pt x="2486190" y="1885949"/>
                                <a:pt x="2480475" y="1898332"/>
                                <a:pt x="2473808" y="1909762"/>
                              </a:cubicBezTo>
                              <a:cubicBezTo>
                                <a:pt x="2480475" y="1897379"/>
                                <a:pt x="2486190" y="1885949"/>
                                <a:pt x="2490953" y="1875472"/>
                              </a:cubicBezTo>
                              <a:cubicBezTo>
                                <a:pt x="2490953" y="1872615"/>
                                <a:pt x="2494525" y="1865709"/>
                                <a:pt x="2498930" y="1857612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0" y="1790989"/>
                                <a:pt x="2407787" y="1830865"/>
                                <a:pt x="2386218" y="1869449"/>
                              </a:cubicBezTo>
                              <a:lnTo>
                                <a:pt x="2377659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4"/>
                              </a:lnTo>
                              <a:lnTo>
                                <a:pt x="2141045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899"/>
                              </a:lnTo>
                              <a:lnTo>
                                <a:pt x="2038960" y="2261093"/>
                              </a:lnTo>
                              <a:lnTo>
                                <a:pt x="2036091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1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0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9" y="2365908"/>
                              </a:lnTo>
                              <a:lnTo>
                                <a:pt x="1809482" y="2392922"/>
                              </a:lnTo>
                              <a:cubicBezTo>
                                <a:pt x="1768715" y="2410757"/>
                                <a:pt x="1726784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09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2" y="1686218"/>
                              </a:lnTo>
                              <a:lnTo>
                                <a:pt x="2513217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0" y="1451152"/>
                              </a:lnTo>
                              <a:lnTo>
                                <a:pt x="2586541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600490" y="1407795"/>
                              </a:lnTo>
                              <a:lnTo>
                                <a:pt x="2599180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5" y="1369208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6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1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1" y="383323"/>
                              </a:lnTo>
                              <a:lnTo>
                                <a:pt x="456650" y="391477"/>
                              </a:lnTo>
                              <a:lnTo>
                                <a:pt x="454683" y="394339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82" y="590597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3" y="394339"/>
                              </a:lnTo>
                              <a:lnTo>
                                <a:pt x="464431" y="383323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5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49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3" y="364272"/>
                                <a:pt x="504752" y="361295"/>
                              </a:cubicBezTo>
                              <a:lnTo>
                                <a:pt x="512656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7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7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2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4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6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2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8" y="483516"/>
                                <a:pt x="2540483" y="854556"/>
                                <a:pt x="2540483" y="1275397"/>
                              </a:cubicBezTo>
                              <a:lnTo>
                                <a:pt x="2540080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8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lnTo>
                                <a:pt x="2514765" y="1824990"/>
                              </a:ln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5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5" y="2155031"/>
                                <a:pt x="2319383" y="2160388"/>
                              </a:cubicBezTo>
                              <a:lnTo>
                                <a:pt x="2303229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4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0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3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59" y="2417870"/>
                              </a:lnTo>
                              <a:lnTo>
                                <a:pt x="1997978" y="2418994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79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5" y="1850938"/>
                              </a:lnTo>
                              <a:lnTo>
                                <a:pt x="237654" y="1833304"/>
                              </a:lnTo>
                              <a:lnTo>
                                <a:pt x="228808" y="1817251"/>
                              </a:lnTo>
                              <a:lnTo>
                                <a:pt x="214410" y="1784873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6" y="1640679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8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7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1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8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4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1"/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15" name="Freeform: Shape 10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/>
                      <wps:spPr>
                        <a:xfrm rot="10800000" flipH="1" flipV="1">
                          <a:off x="4436534" y="2971800"/>
                          <a:ext cx="687533" cy="678745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4 w 2647519"/>
                            <a:gd name="connsiteY9" fmla="*/ 2520821 h 2612594"/>
                            <a:gd name="connsiteX10" fmla="*/ 1643880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3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2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3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4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6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1 w 2647519"/>
                            <a:gd name="connsiteY143" fmla="*/ 2265793 h 2612594"/>
                            <a:gd name="connsiteX144" fmla="*/ 2099802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80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61 w 2647519"/>
                            <a:gd name="connsiteY154" fmla="*/ 2217358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6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5 h 2612594"/>
                            <a:gd name="connsiteX166" fmla="*/ 477272 w 2647519"/>
                            <a:gd name="connsiteY166" fmla="*/ 2155822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78787 w 2647519"/>
                            <a:gd name="connsiteY180" fmla="*/ 2272865 h 2612594"/>
                            <a:gd name="connsiteX181" fmla="*/ 482130 w 2647519"/>
                            <a:gd name="connsiteY181" fmla="*/ 2274569 h 2612594"/>
                            <a:gd name="connsiteX182" fmla="*/ 492608 w 2647519"/>
                            <a:gd name="connsiteY182" fmla="*/ 2265997 h 2612594"/>
                            <a:gd name="connsiteX183" fmla="*/ 583095 w 2647519"/>
                            <a:gd name="connsiteY183" fmla="*/ 2337434 h 2612594"/>
                            <a:gd name="connsiteX184" fmla="*/ 564998 w 2647519"/>
                            <a:gd name="connsiteY184" fmla="*/ 2343149 h 2612594"/>
                            <a:gd name="connsiteX185" fmla="*/ 571665 w 2647519"/>
                            <a:gd name="connsiteY185" fmla="*/ 2347912 h 2612594"/>
                            <a:gd name="connsiteX186" fmla="*/ 544995 w 2647519"/>
                            <a:gd name="connsiteY186" fmla="*/ 2348864 h 2612594"/>
                            <a:gd name="connsiteX187" fmla="*/ 527850 w 2647519"/>
                            <a:gd name="connsiteY187" fmla="*/ 2337434 h 2612594"/>
                            <a:gd name="connsiteX188" fmla="*/ 511658 w 2647519"/>
                            <a:gd name="connsiteY188" fmla="*/ 2325052 h 2612594"/>
                            <a:gd name="connsiteX189" fmla="*/ 471653 w 2647519"/>
                            <a:gd name="connsiteY189" fmla="*/ 2291714 h 2612594"/>
                            <a:gd name="connsiteX190" fmla="*/ 434505 w 2647519"/>
                            <a:gd name="connsiteY190" fmla="*/ 2258377 h 2612594"/>
                            <a:gd name="connsiteX191" fmla="*/ 400215 w 2647519"/>
                            <a:gd name="connsiteY191" fmla="*/ 2225039 h 2612594"/>
                            <a:gd name="connsiteX192" fmla="*/ 384023 w 2647519"/>
                            <a:gd name="connsiteY192" fmla="*/ 2208847 h 2612594"/>
                            <a:gd name="connsiteX193" fmla="*/ 368783 w 2647519"/>
                            <a:gd name="connsiteY193" fmla="*/ 2191702 h 2612594"/>
                            <a:gd name="connsiteX194" fmla="*/ 374498 w 2647519"/>
                            <a:gd name="connsiteY194" fmla="*/ 2184082 h 2612594"/>
                            <a:gd name="connsiteX195" fmla="*/ 393548 w 2647519"/>
                            <a:gd name="connsiteY195" fmla="*/ 2201227 h 2612594"/>
                            <a:gd name="connsiteX196" fmla="*/ 414503 w 2647519"/>
                            <a:gd name="connsiteY196" fmla="*/ 2217419 h 2612594"/>
                            <a:gd name="connsiteX197" fmla="*/ 440220 w 2647519"/>
                            <a:gd name="connsiteY197" fmla="*/ 2245042 h 2612594"/>
                            <a:gd name="connsiteX198" fmla="*/ 442406 w 2647519"/>
                            <a:gd name="connsiteY198" fmla="*/ 2246917 h 2612594"/>
                            <a:gd name="connsiteX199" fmla="*/ 414503 w 2647519"/>
                            <a:gd name="connsiteY199" fmla="*/ 2217419 h 2612594"/>
                            <a:gd name="connsiteX200" fmla="*/ 394500 w 2647519"/>
                            <a:gd name="connsiteY200" fmla="*/ 2201227 h 2612594"/>
                            <a:gd name="connsiteX201" fmla="*/ 375450 w 2647519"/>
                            <a:gd name="connsiteY201" fmla="*/ 2184082 h 2612594"/>
                            <a:gd name="connsiteX202" fmla="*/ 354495 w 2647519"/>
                            <a:gd name="connsiteY202" fmla="*/ 2158364 h 2612594"/>
                            <a:gd name="connsiteX203" fmla="*/ 334493 w 2647519"/>
                            <a:gd name="connsiteY203" fmla="*/ 2131694 h 2612594"/>
                            <a:gd name="connsiteX204" fmla="*/ 2432850 w 2647519"/>
                            <a:gd name="connsiteY204" fmla="*/ 1980247 h 2612594"/>
                            <a:gd name="connsiteX205" fmla="*/ 2432367 w 2647519"/>
                            <a:gd name="connsiteY205" fmla="*/ 1980454 h 2612594"/>
                            <a:gd name="connsiteX206" fmla="*/ 2421964 w 2647519"/>
                            <a:gd name="connsiteY206" fmla="*/ 2005422 h 2612594"/>
                            <a:gd name="connsiteX207" fmla="*/ 2422850 w 2647519"/>
                            <a:gd name="connsiteY207" fmla="*/ 1860918 h 2612594"/>
                            <a:gd name="connsiteX208" fmla="*/ 2397608 w 2647519"/>
                            <a:gd name="connsiteY208" fmla="*/ 1897379 h 2612594"/>
                            <a:gd name="connsiteX209" fmla="*/ 2385225 w 2647519"/>
                            <a:gd name="connsiteY209" fmla="*/ 1920239 h 2612594"/>
                            <a:gd name="connsiteX210" fmla="*/ 2372843 w 2647519"/>
                            <a:gd name="connsiteY210" fmla="*/ 1941194 h 2612594"/>
                            <a:gd name="connsiteX211" fmla="*/ 2343315 w 2647519"/>
                            <a:gd name="connsiteY211" fmla="*/ 1980247 h 2612594"/>
                            <a:gd name="connsiteX212" fmla="*/ 2317598 w 2647519"/>
                            <a:gd name="connsiteY212" fmla="*/ 2019299 h 2612594"/>
                            <a:gd name="connsiteX213" fmla="*/ 2294738 w 2647519"/>
                            <a:gd name="connsiteY213" fmla="*/ 2050732 h 2612594"/>
                            <a:gd name="connsiteX214" fmla="*/ 2292832 w 2647519"/>
                            <a:gd name="connsiteY214" fmla="*/ 2051897 h 2612594"/>
                            <a:gd name="connsiteX215" fmla="*/ 2291272 w 2647519"/>
                            <a:gd name="connsiteY215" fmla="*/ 2054208 h 2612594"/>
                            <a:gd name="connsiteX216" fmla="*/ 2293785 w 2647519"/>
                            <a:gd name="connsiteY216" fmla="*/ 2052637 h 2612594"/>
                            <a:gd name="connsiteX217" fmla="*/ 2316645 w 2647519"/>
                            <a:gd name="connsiteY217" fmla="*/ 2021205 h 2612594"/>
                            <a:gd name="connsiteX218" fmla="*/ 2342363 w 2647519"/>
                            <a:gd name="connsiteY218" fmla="*/ 1982152 h 2612594"/>
                            <a:gd name="connsiteX219" fmla="*/ 2371890 w 2647519"/>
                            <a:gd name="connsiteY219" fmla="*/ 1943100 h 2612594"/>
                            <a:gd name="connsiteX220" fmla="*/ 2384273 w 2647519"/>
                            <a:gd name="connsiteY220" fmla="*/ 1922145 h 2612594"/>
                            <a:gd name="connsiteX221" fmla="*/ 2396655 w 2647519"/>
                            <a:gd name="connsiteY221" fmla="*/ 1899285 h 2612594"/>
                            <a:gd name="connsiteX222" fmla="*/ 2422373 w 2647519"/>
                            <a:gd name="connsiteY222" fmla="*/ 1862137 h 2612594"/>
                            <a:gd name="connsiteX223" fmla="*/ 2521433 w 2647519"/>
                            <a:gd name="connsiteY223" fmla="*/ 1847850 h 2612594"/>
                            <a:gd name="connsiteX224" fmla="*/ 2509050 w 2647519"/>
                            <a:gd name="connsiteY224" fmla="*/ 1884997 h 2612594"/>
                            <a:gd name="connsiteX225" fmla="*/ 2487143 w 2647519"/>
                            <a:gd name="connsiteY225" fmla="*/ 1925002 h 2612594"/>
                            <a:gd name="connsiteX226" fmla="*/ 2465235 w 2647519"/>
                            <a:gd name="connsiteY226" fmla="*/ 1965960 h 2612594"/>
                            <a:gd name="connsiteX227" fmla="*/ 2445233 w 2647519"/>
                            <a:gd name="connsiteY227" fmla="*/ 1991677 h 2612594"/>
                            <a:gd name="connsiteX228" fmla="*/ 2458568 w 2647519"/>
                            <a:gd name="connsiteY228" fmla="*/ 1965007 h 2612594"/>
                            <a:gd name="connsiteX229" fmla="*/ 2469998 w 2647519"/>
                            <a:gd name="connsiteY229" fmla="*/ 1938337 h 2612594"/>
                            <a:gd name="connsiteX230" fmla="*/ 2478570 w 2647519"/>
                            <a:gd name="connsiteY230" fmla="*/ 1924050 h 2612594"/>
                            <a:gd name="connsiteX231" fmla="*/ 2490000 w 2647519"/>
                            <a:gd name="connsiteY231" fmla="*/ 1905000 h 2612594"/>
                            <a:gd name="connsiteX232" fmla="*/ 2500478 w 2647519"/>
                            <a:gd name="connsiteY232" fmla="*/ 1885950 h 2612594"/>
                            <a:gd name="connsiteX233" fmla="*/ 2521433 w 2647519"/>
                            <a:gd name="connsiteY233" fmla="*/ 1847850 h 2612594"/>
                            <a:gd name="connsiteX234" fmla="*/ 2459780 w 2647519"/>
                            <a:gd name="connsiteY234" fmla="*/ 1766202 h 2612594"/>
                            <a:gd name="connsiteX235" fmla="*/ 2436660 w 2647519"/>
                            <a:gd name="connsiteY235" fmla="*/ 1806892 h 2612594"/>
                            <a:gd name="connsiteX236" fmla="*/ 2436235 w 2647519"/>
                            <a:gd name="connsiteY236" fmla="*/ 1807870 h 2612594"/>
                            <a:gd name="connsiteX237" fmla="*/ 2459520 w 2647519"/>
                            <a:gd name="connsiteY237" fmla="*/ 1766887 h 2612594"/>
                            <a:gd name="connsiteX238" fmla="*/ 2472460 w 2647519"/>
                            <a:gd name="connsiteY238" fmla="*/ 1674043 h 2612594"/>
                            <a:gd name="connsiteX239" fmla="*/ 2444672 w 2647519"/>
                            <a:gd name="connsiteY239" fmla="*/ 1749965 h 2612594"/>
                            <a:gd name="connsiteX240" fmla="*/ 2386218 w 2647519"/>
                            <a:gd name="connsiteY240" fmla="*/ 1869449 h 2612594"/>
                            <a:gd name="connsiteX241" fmla="*/ 2377660 w 2647519"/>
                            <a:gd name="connsiteY241" fmla="*/ 1882980 h 2612594"/>
                            <a:gd name="connsiteX242" fmla="*/ 2377605 w 2647519"/>
                            <a:gd name="connsiteY242" fmla="*/ 1883092 h 2612594"/>
                            <a:gd name="connsiteX243" fmla="*/ 2357602 w 2647519"/>
                            <a:gd name="connsiteY243" fmla="*/ 1917382 h 2612594"/>
                            <a:gd name="connsiteX244" fmla="*/ 2337600 w 2647519"/>
                            <a:gd name="connsiteY244" fmla="*/ 1954530 h 2612594"/>
                            <a:gd name="connsiteX245" fmla="*/ 2314740 w 2647519"/>
                            <a:gd name="connsiteY245" fmla="*/ 1983105 h 2612594"/>
                            <a:gd name="connsiteX246" fmla="*/ 2295690 w 2647519"/>
                            <a:gd name="connsiteY246" fmla="*/ 2015490 h 2612594"/>
                            <a:gd name="connsiteX247" fmla="*/ 2183295 w 2647519"/>
                            <a:gd name="connsiteY247" fmla="*/ 2142172 h 2612594"/>
                            <a:gd name="connsiteX248" fmla="*/ 2146147 w 2647519"/>
                            <a:gd name="connsiteY248" fmla="*/ 2173605 h 2612594"/>
                            <a:gd name="connsiteX249" fmla="*/ 2142583 w 2647519"/>
                            <a:gd name="connsiteY249" fmla="*/ 2176315 h 2612594"/>
                            <a:gd name="connsiteX250" fmla="*/ 2141046 w 2647519"/>
                            <a:gd name="connsiteY250" fmla="*/ 2177871 h 2612594"/>
                            <a:gd name="connsiteX251" fmla="*/ 2125512 w 2647519"/>
                            <a:gd name="connsiteY251" fmla="*/ 2190534 h 2612594"/>
                            <a:gd name="connsiteX252" fmla="*/ 2112810 w 2647519"/>
                            <a:gd name="connsiteY252" fmla="*/ 2205037 h 2612594"/>
                            <a:gd name="connsiteX253" fmla="*/ 2066137 w 2647519"/>
                            <a:gd name="connsiteY253" fmla="*/ 2240280 h 2612594"/>
                            <a:gd name="connsiteX254" fmla="*/ 2058824 w 2647519"/>
                            <a:gd name="connsiteY254" fmla="*/ 2244900 h 2612594"/>
                            <a:gd name="connsiteX255" fmla="*/ 2038960 w 2647519"/>
                            <a:gd name="connsiteY255" fmla="*/ 2261093 h 2612594"/>
                            <a:gd name="connsiteX256" fmla="*/ 2036092 w 2647519"/>
                            <a:gd name="connsiteY256" fmla="*/ 2262956 h 2612594"/>
                            <a:gd name="connsiteX257" fmla="*/ 2031847 w 2647519"/>
                            <a:gd name="connsiteY257" fmla="*/ 2266950 h 2612594"/>
                            <a:gd name="connsiteX258" fmla="*/ 1994700 w 2647519"/>
                            <a:gd name="connsiteY258" fmla="*/ 2291715 h 2612594"/>
                            <a:gd name="connsiteX259" fmla="*/ 1957552 w 2647519"/>
                            <a:gd name="connsiteY259" fmla="*/ 2314575 h 2612594"/>
                            <a:gd name="connsiteX260" fmla="*/ 1953300 w 2647519"/>
                            <a:gd name="connsiteY260" fmla="*/ 2316730 h 2612594"/>
                            <a:gd name="connsiteX261" fmla="*/ 1928148 w 2647519"/>
                            <a:gd name="connsiteY261" fmla="*/ 2333067 h 2612594"/>
                            <a:gd name="connsiteX262" fmla="*/ 1920351 w 2647519"/>
                            <a:gd name="connsiteY262" fmla="*/ 2337000 h 2612594"/>
                            <a:gd name="connsiteX263" fmla="*/ 1912785 w 2647519"/>
                            <a:gd name="connsiteY263" fmla="*/ 2342197 h 2612594"/>
                            <a:gd name="connsiteX264" fmla="*/ 1887067 w 2647519"/>
                            <a:gd name="connsiteY264" fmla="*/ 2356485 h 2612594"/>
                            <a:gd name="connsiteX265" fmla="*/ 1863038 w 2647519"/>
                            <a:gd name="connsiteY265" fmla="*/ 2365909 h 2612594"/>
                            <a:gd name="connsiteX266" fmla="*/ 1809483 w 2647519"/>
                            <a:gd name="connsiteY266" fmla="*/ 2392922 h 2612594"/>
                            <a:gd name="connsiteX267" fmla="*/ 1683836 w 2647519"/>
                            <a:gd name="connsiteY267" fmla="*/ 2439784 h 2612594"/>
                            <a:gd name="connsiteX268" fmla="*/ 1596280 w 2647519"/>
                            <a:gd name="connsiteY268" fmla="*/ 2462297 h 2612594"/>
                            <a:gd name="connsiteX269" fmla="*/ 1667040 w 2647519"/>
                            <a:gd name="connsiteY269" fmla="*/ 2448877 h 2612594"/>
                            <a:gd name="connsiteX270" fmla="*/ 1680375 w 2647519"/>
                            <a:gd name="connsiteY270" fmla="*/ 2446019 h 2612594"/>
                            <a:gd name="connsiteX271" fmla="*/ 1723237 w 2647519"/>
                            <a:gd name="connsiteY271" fmla="*/ 2430779 h 2612594"/>
                            <a:gd name="connsiteX272" fmla="*/ 1749907 w 2647519"/>
                            <a:gd name="connsiteY272" fmla="*/ 2422207 h 2612594"/>
                            <a:gd name="connsiteX273" fmla="*/ 1792770 w 2647519"/>
                            <a:gd name="connsiteY273" fmla="*/ 2400299 h 2612594"/>
                            <a:gd name="connsiteX274" fmla="*/ 1841347 w 2647519"/>
                            <a:gd name="connsiteY274" fmla="*/ 2383154 h 2612594"/>
                            <a:gd name="connsiteX275" fmla="*/ 1872470 w 2647519"/>
                            <a:gd name="connsiteY275" fmla="*/ 2370949 h 2612594"/>
                            <a:gd name="connsiteX276" fmla="*/ 1886115 w 2647519"/>
                            <a:gd name="connsiteY276" fmla="*/ 2363152 h 2612594"/>
                            <a:gd name="connsiteX277" fmla="*/ 1898496 w 2647519"/>
                            <a:gd name="connsiteY277" fmla="*/ 2359343 h 2612594"/>
                            <a:gd name="connsiteX278" fmla="*/ 1915642 w 2647519"/>
                            <a:gd name="connsiteY278" fmla="*/ 2349817 h 2612594"/>
                            <a:gd name="connsiteX279" fmla="*/ 1920147 w 2647519"/>
                            <a:gd name="connsiteY279" fmla="*/ 2346686 h 2612594"/>
                            <a:gd name="connsiteX280" fmla="*/ 1931835 w 2647519"/>
                            <a:gd name="connsiteY280" fmla="*/ 2335530 h 2612594"/>
                            <a:gd name="connsiteX281" fmla="*/ 1957552 w 2647519"/>
                            <a:gd name="connsiteY281" fmla="*/ 2320290 h 2612594"/>
                            <a:gd name="connsiteX282" fmla="*/ 1986810 w 2647519"/>
                            <a:gd name="connsiteY282" fmla="*/ 2305948 h 2612594"/>
                            <a:gd name="connsiteX283" fmla="*/ 1997557 w 2647519"/>
                            <a:gd name="connsiteY283" fmla="*/ 2299334 h 2612594"/>
                            <a:gd name="connsiteX284" fmla="*/ 2034705 w 2647519"/>
                            <a:gd name="connsiteY284" fmla="*/ 2274569 h 2612594"/>
                            <a:gd name="connsiteX285" fmla="*/ 2050897 w 2647519"/>
                            <a:gd name="connsiteY285" fmla="*/ 2259329 h 2612594"/>
                            <a:gd name="connsiteX286" fmla="*/ 2068995 w 2647519"/>
                            <a:gd name="connsiteY286" fmla="*/ 2247899 h 2612594"/>
                            <a:gd name="connsiteX287" fmla="*/ 2115667 w 2647519"/>
                            <a:gd name="connsiteY287" fmla="*/ 2212657 h 2612594"/>
                            <a:gd name="connsiteX288" fmla="*/ 2149005 w 2647519"/>
                            <a:gd name="connsiteY288" fmla="*/ 2181224 h 2612594"/>
                            <a:gd name="connsiteX289" fmla="*/ 2186152 w 2647519"/>
                            <a:gd name="connsiteY289" fmla="*/ 2149792 h 2612594"/>
                            <a:gd name="connsiteX290" fmla="*/ 2298547 w 2647519"/>
                            <a:gd name="connsiteY290" fmla="*/ 2023109 h 2612594"/>
                            <a:gd name="connsiteX291" fmla="*/ 2314015 w 2647519"/>
                            <a:gd name="connsiteY291" fmla="*/ 1996814 h 2612594"/>
                            <a:gd name="connsiteX292" fmla="*/ 2314740 w 2647519"/>
                            <a:gd name="connsiteY292" fmla="*/ 1994534 h 2612594"/>
                            <a:gd name="connsiteX293" fmla="*/ 2339505 w 2647519"/>
                            <a:gd name="connsiteY293" fmla="*/ 1956434 h 2612594"/>
                            <a:gd name="connsiteX294" fmla="*/ 2347125 w 2647519"/>
                            <a:gd name="connsiteY294" fmla="*/ 1945004 h 2612594"/>
                            <a:gd name="connsiteX295" fmla="*/ 2357257 w 2647519"/>
                            <a:gd name="connsiteY295" fmla="*/ 1930951 h 2612594"/>
                            <a:gd name="connsiteX296" fmla="*/ 2360460 w 2647519"/>
                            <a:gd name="connsiteY296" fmla="*/ 1925002 h 2612594"/>
                            <a:gd name="connsiteX297" fmla="*/ 2380462 w 2647519"/>
                            <a:gd name="connsiteY297" fmla="*/ 1890712 h 2612594"/>
                            <a:gd name="connsiteX298" fmla="*/ 2419515 w 2647519"/>
                            <a:gd name="connsiteY298" fmla="*/ 1809749 h 2612594"/>
                            <a:gd name="connsiteX299" fmla="*/ 2457615 w 2647519"/>
                            <a:gd name="connsiteY299" fmla="*/ 1723072 h 2612594"/>
                            <a:gd name="connsiteX300" fmla="*/ 2468807 w 2647519"/>
                            <a:gd name="connsiteY300" fmla="*/ 1687829 h 2612594"/>
                            <a:gd name="connsiteX301" fmla="*/ 2576677 w 2647519"/>
                            <a:gd name="connsiteY301" fmla="*/ 1589722 h 2612594"/>
                            <a:gd name="connsiteX302" fmla="*/ 2573820 w 2647519"/>
                            <a:gd name="connsiteY302" fmla="*/ 1591627 h 2612594"/>
                            <a:gd name="connsiteX303" fmla="*/ 2573820 w 2647519"/>
                            <a:gd name="connsiteY303" fmla="*/ 1591627 h 2612594"/>
                            <a:gd name="connsiteX304" fmla="*/ 2585674 w 2647519"/>
                            <a:gd name="connsiteY304" fmla="*/ 1533271 h 2612594"/>
                            <a:gd name="connsiteX305" fmla="*/ 2585332 w 2647519"/>
                            <a:gd name="connsiteY305" fmla="*/ 1534956 h 2612594"/>
                            <a:gd name="connsiteX306" fmla="*/ 2588107 w 2647519"/>
                            <a:gd name="connsiteY306" fmla="*/ 1538287 h 2612594"/>
                            <a:gd name="connsiteX307" fmla="*/ 2596680 w 2647519"/>
                            <a:gd name="connsiteY307" fmla="*/ 1547812 h 2612594"/>
                            <a:gd name="connsiteX308" fmla="*/ 2602395 w 2647519"/>
                            <a:gd name="connsiteY308" fmla="*/ 1544002 h 2612594"/>
                            <a:gd name="connsiteX309" fmla="*/ 2602539 w 2647519"/>
                            <a:gd name="connsiteY309" fmla="*/ 1543271 h 2612594"/>
                            <a:gd name="connsiteX310" fmla="*/ 2598585 w 2647519"/>
                            <a:gd name="connsiteY310" fmla="*/ 1545907 h 2612594"/>
                            <a:gd name="connsiteX311" fmla="*/ 2589060 w 2647519"/>
                            <a:gd name="connsiteY311" fmla="*/ 1537334 h 2612594"/>
                            <a:gd name="connsiteX312" fmla="*/ 2577184 w 2647519"/>
                            <a:gd name="connsiteY312" fmla="*/ 1425070 h 2612594"/>
                            <a:gd name="connsiteX313" fmla="*/ 2576519 w 2647519"/>
                            <a:gd name="connsiteY313" fmla="*/ 1425107 h 2612594"/>
                            <a:gd name="connsiteX314" fmla="*/ 2575314 w 2647519"/>
                            <a:gd name="connsiteY314" fmla="*/ 1425174 h 2612594"/>
                            <a:gd name="connsiteX315" fmla="*/ 2575725 w 2647519"/>
                            <a:gd name="connsiteY315" fmla="*/ 1429702 h 2612594"/>
                            <a:gd name="connsiteX316" fmla="*/ 2574773 w 2647519"/>
                            <a:gd name="connsiteY316" fmla="*/ 1453515 h 2612594"/>
                            <a:gd name="connsiteX317" fmla="*/ 2570963 w 2647519"/>
                            <a:gd name="connsiteY317" fmla="*/ 1467802 h 2612594"/>
                            <a:gd name="connsiteX318" fmla="*/ 2548103 w 2647519"/>
                            <a:gd name="connsiteY318" fmla="*/ 1503997 h 2612594"/>
                            <a:gd name="connsiteX319" fmla="*/ 2542388 w 2647519"/>
                            <a:gd name="connsiteY319" fmla="*/ 1535430 h 2612594"/>
                            <a:gd name="connsiteX320" fmla="*/ 2536673 w 2647519"/>
                            <a:gd name="connsiteY320" fmla="*/ 1545907 h 2612594"/>
                            <a:gd name="connsiteX321" fmla="*/ 2527148 w 2647519"/>
                            <a:gd name="connsiteY321" fmla="*/ 1591627 h 2612594"/>
                            <a:gd name="connsiteX322" fmla="*/ 2516670 w 2647519"/>
                            <a:gd name="connsiteY322" fmla="*/ 1627822 h 2612594"/>
                            <a:gd name="connsiteX323" fmla="*/ 2505240 w 2647519"/>
                            <a:gd name="connsiteY323" fmla="*/ 1663065 h 2612594"/>
                            <a:gd name="connsiteX324" fmla="*/ 2498573 w 2647519"/>
                            <a:gd name="connsiteY324" fmla="*/ 1690687 h 2612594"/>
                            <a:gd name="connsiteX325" fmla="*/ 2490953 w 2647519"/>
                            <a:gd name="connsiteY325" fmla="*/ 1719262 h 2612594"/>
                            <a:gd name="connsiteX326" fmla="*/ 2497030 w 2647519"/>
                            <a:gd name="connsiteY326" fmla="*/ 1709810 h 2612594"/>
                            <a:gd name="connsiteX327" fmla="*/ 2502383 w 2647519"/>
                            <a:gd name="connsiteY327" fmla="*/ 1689734 h 2612594"/>
                            <a:gd name="connsiteX328" fmla="*/ 2507145 w 2647519"/>
                            <a:gd name="connsiteY328" fmla="*/ 1661159 h 2612594"/>
                            <a:gd name="connsiteX329" fmla="*/ 2518575 w 2647519"/>
                            <a:gd name="connsiteY329" fmla="*/ 1625917 h 2612594"/>
                            <a:gd name="connsiteX330" fmla="*/ 2529053 w 2647519"/>
                            <a:gd name="connsiteY330" fmla="*/ 1589722 h 2612594"/>
                            <a:gd name="connsiteX331" fmla="*/ 2538578 w 2647519"/>
                            <a:gd name="connsiteY331" fmla="*/ 1544002 h 2612594"/>
                            <a:gd name="connsiteX332" fmla="*/ 2544293 w 2647519"/>
                            <a:gd name="connsiteY332" fmla="*/ 1533524 h 2612594"/>
                            <a:gd name="connsiteX333" fmla="*/ 2550008 w 2647519"/>
                            <a:gd name="connsiteY333" fmla="*/ 1502092 h 2612594"/>
                            <a:gd name="connsiteX334" fmla="*/ 2572868 w 2647519"/>
                            <a:gd name="connsiteY334" fmla="*/ 1465897 h 2612594"/>
                            <a:gd name="connsiteX335" fmla="*/ 2557628 w 2647519"/>
                            <a:gd name="connsiteY335" fmla="*/ 1539239 h 2612594"/>
                            <a:gd name="connsiteX336" fmla="*/ 2546198 w 2647519"/>
                            <a:gd name="connsiteY336" fmla="*/ 1600199 h 2612594"/>
                            <a:gd name="connsiteX337" fmla="*/ 2520480 w 2647519"/>
                            <a:gd name="connsiteY337" fmla="*/ 1678304 h 2612594"/>
                            <a:gd name="connsiteX338" fmla="*/ 2515393 w 2647519"/>
                            <a:gd name="connsiteY338" fmla="*/ 1686218 h 2612594"/>
                            <a:gd name="connsiteX339" fmla="*/ 2513218 w 2647519"/>
                            <a:gd name="connsiteY339" fmla="*/ 1698069 h 2612594"/>
                            <a:gd name="connsiteX340" fmla="*/ 2506193 w 2647519"/>
                            <a:gd name="connsiteY340" fmla="*/ 1718310 h 2612594"/>
                            <a:gd name="connsiteX341" fmla="*/ 2479523 w 2647519"/>
                            <a:gd name="connsiteY341" fmla="*/ 1776412 h 2612594"/>
                            <a:gd name="connsiteX342" fmla="*/ 2467140 w 2647519"/>
                            <a:gd name="connsiteY342" fmla="*/ 1806892 h 2612594"/>
                            <a:gd name="connsiteX343" fmla="*/ 2459520 w 2647519"/>
                            <a:gd name="connsiteY343" fmla="*/ 1823085 h 2612594"/>
                            <a:gd name="connsiteX344" fmla="*/ 2449995 w 2647519"/>
                            <a:gd name="connsiteY344" fmla="*/ 1840230 h 2612594"/>
                            <a:gd name="connsiteX345" fmla="*/ 2424278 w 2647519"/>
                            <a:gd name="connsiteY345" fmla="*/ 1885950 h 2612594"/>
                            <a:gd name="connsiteX346" fmla="*/ 2396655 w 2647519"/>
                            <a:gd name="connsiteY346" fmla="*/ 1930717 h 2612594"/>
                            <a:gd name="connsiteX347" fmla="*/ 2361413 w 2647519"/>
                            <a:gd name="connsiteY347" fmla="*/ 1990725 h 2612594"/>
                            <a:gd name="connsiteX348" fmla="*/ 2322360 w 2647519"/>
                            <a:gd name="connsiteY348" fmla="*/ 2049780 h 2612594"/>
                            <a:gd name="connsiteX349" fmla="*/ 2296643 w 2647519"/>
                            <a:gd name="connsiteY349" fmla="*/ 2083117 h 2612594"/>
                            <a:gd name="connsiteX350" fmla="*/ 2269020 w 2647519"/>
                            <a:gd name="connsiteY350" fmla="*/ 2115502 h 2612594"/>
                            <a:gd name="connsiteX351" fmla="*/ 2259495 w 2647519"/>
                            <a:gd name="connsiteY351" fmla="*/ 2128837 h 2612594"/>
                            <a:gd name="connsiteX352" fmla="*/ 2249018 w 2647519"/>
                            <a:gd name="connsiteY352" fmla="*/ 2142172 h 2612594"/>
                            <a:gd name="connsiteX353" fmla="*/ 2232825 w 2647519"/>
                            <a:gd name="connsiteY353" fmla="*/ 2155507 h 2612594"/>
                            <a:gd name="connsiteX354" fmla="*/ 2206342 w 2647519"/>
                            <a:gd name="connsiteY354" fmla="*/ 2184829 h 2612594"/>
                            <a:gd name="connsiteX355" fmla="*/ 2207107 w 2647519"/>
                            <a:gd name="connsiteY355" fmla="*/ 2187892 h 2612594"/>
                            <a:gd name="connsiteX356" fmla="*/ 2179485 w 2647519"/>
                            <a:gd name="connsiteY356" fmla="*/ 2216467 h 2612594"/>
                            <a:gd name="connsiteX357" fmla="*/ 2149957 w 2647519"/>
                            <a:gd name="connsiteY357" fmla="*/ 2237422 h 2612594"/>
                            <a:gd name="connsiteX358" fmla="*/ 2126145 w 2647519"/>
                            <a:gd name="connsiteY358" fmla="*/ 2256472 h 2612594"/>
                            <a:gd name="connsiteX359" fmla="*/ 2103587 w 2647519"/>
                            <a:gd name="connsiteY359" fmla="*/ 2272957 h 2612594"/>
                            <a:gd name="connsiteX360" fmla="*/ 2107095 w 2647519"/>
                            <a:gd name="connsiteY360" fmla="*/ 2272665 h 2612594"/>
                            <a:gd name="connsiteX361" fmla="*/ 2131860 w 2647519"/>
                            <a:gd name="connsiteY361" fmla="*/ 2254567 h 2612594"/>
                            <a:gd name="connsiteX362" fmla="*/ 2155673 w 2647519"/>
                            <a:gd name="connsiteY362" fmla="*/ 2235517 h 2612594"/>
                            <a:gd name="connsiteX363" fmla="*/ 2185200 w 2647519"/>
                            <a:gd name="connsiteY363" fmla="*/ 2214562 h 2612594"/>
                            <a:gd name="connsiteX364" fmla="*/ 2212823 w 2647519"/>
                            <a:gd name="connsiteY364" fmla="*/ 2185987 h 2612594"/>
                            <a:gd name="connsiteX365" fmla="*/ 2211870 w 2647519"/>
                            <a:gd name="connsiteY365" fmla="*/ 2182177 h 2612594"/>
                            <a:gd name="connsiteX366" fmla="*/ 2238540 w 2647519"/>
                            <a:gd name="connsiteY366" fmla="*/ 2152650 h 2612594"/>
                            <a:gd name="connsiteX367" fmla="*/ 2254733 w 2647519"/>
                            <a:gd name="connsiteY367" fmla="*/ 2139315 h 2612594"/>
                            <a:gd name="connsiteX368" fmla="*/ 2265210 w 2647519"/>
                            <a:gd name="connsiteY368" fmla="*/ 2125980 h 2612594"/>
                            <a:gd name="connsiteX369" fmla="*/ 2274735 w 2647519"/>
                            <a:gd name="connsiteY369" fmla="*/ 2112645 h 2612594"/>
                            <a:gd name="connsiteX370" fmla="*/ 2302358 w 2647519"/>
                            <a:gd name="connsiteY370" fmla="*/ 2080260 h 2612594"/>
                            <a:gd name="connsiteX371" fmla="*/ 2328075 w 2647519"/>
                            <a:gd name="connsiteY371" fmla="*/ 2046922 h 2612594"/>
                            <a:gd name="connsiteX372" fmla="*/ 2367128 w 2647519"/>
                            <a:gd name="connsiteY372" fmla="*/ 1987867 h 2612594"/>
                            <a:gd name="connsiteX373" fmla="*/ 2402370 w 2647519"/>
                            <a:gd name="connsiteY373" fmla="*/ 1927860 h 2612594"/>
                            <a:gd name="connsiteX374" fmla="*/ 2429993 w 2647519"/>
                            <a:gd name="connsiteY374" fmla="*/ 1883092 h 2612594"/>
                            <a:gd name="connsiteX375" fmla="*/ 2455710 w 2647519"/>
                            <a:gd name="connsiteY375" fmla="*/ 1837372 h 2612594"/>
                            <a:gd name="connsiteX376" fmla="*/ 2465235 w 2647519"/>
                            <a:gd name="connsiteY376" fmla="*/ 1820227 h 2612594"/>
                            <a:gd name="connsiteX377" fmla="*/ 2472855 w 2647519"/>
                            <a:gd name="connsiteY377" fmla="*/ 1804035 h 2612594"/>
                            <a:gd name="connsiteX378" fmla="*/ 2485238 w 2647519"/>
                            <a:gd name="connsiteY378" fmla="*/ 1773555 h 2612594"/>
                            <a:gd name="connsiteX379" fmla="*/ 2511908 w 2647519"/>
                            <a:gd name="connsiteY379" fmla="*/ 1715452 h 2612594"/>
                            <a:gd name="connsiteX380" fmla="*/ 2522385 w 2647519"/>
                            <a:gd name="connsiteY380" fmla="*/ 1676400 h 2612594"/>
                            <a:gd name="connsiteX381" fmla="*/ 2548103 w 2647519"/>
                            <a:gd name="connsiteY381" fmla="*/ 1598295 h 2612594"/>
                            <a:gd name="connsiteX382" fmla="*/ 2559533 w 2647519"/>
                            <a:gd name="connsiteY382" fmla="*/ 1537335 h 2612594"/>
                            <a:gd name="connsiteX383" fmla="*/ 2574773 w 2647519"/>
                            <a:gd name="connsiteY383" fmla="*/ 1463992 h 2612594"/>
                            <a:gd name="connsiteX384" fmla="*/ 2578209 w 2647519"/>
                            <a:gd name="connsiteY384" fmla="*/ 1451109 h 2612594"/>
                            <a:gd name="connsiteX385" fmla="*/ 2575725 w 2647519"/>
                            <a:gd name="connsiteY385" fmla="*/ 1450657 h 2612594"/>
                            <a:gd name="connsiteX386" fmla="*/ 2576677 w 2647519"/>
                            <a:gd name="connsiteY386" fmla="*/ 1426845 h 2612594"/>
                            <a:gd name="connsiteX387" fmla="*/ 2597632 w 2647519"/>
                            <a:gd name="connsiteY387" fmla="*/ 1404937 h 2612594"/>
                            <a:gd name="connsiteX388" fmla="*/ 2586541 w 2647519"/>
                            <a:gd name="connsiteY388" fmla="*/ 1451152 h 2612594"/>
                            <a:gd name="connsiteX389" fmla="*/ 2586542 w 2647519"/>
                            <a:gd name="connsiteY389" fmla="*/ 1451152 h 2612594"/>
                            <a:gd name="connsiteX390" fmla="*/ 2597633 w 2647519"/>
                            <a:gd name="connsiteY390" fmla="*/ 1404938 h 2612594"/>
                            <a:gd name="connsiteX391" fmla="*/ 2606205 w 2647519"/>
                            <a:gd name="connsiteY391" fmla="*/ 1395412 h 2612594"/>
                            <a:gd name="connsiteX392" fmla="*/ 2600490 w 2647519"/>
                            <a:gd name="connsiteY392" fmla="*/ 1407795 h 2612594"/>
                            <a:gd name="connsiteX393" fmla="*/ 2599181 w 2647519"/>
                            <a:gd name="connsiteY393" fmla="*/ 1433750 h 2612594"/>
                            <a:gd name="connsiteX394" fmla="*/ 2598585 w 2647519"/>
                            <a:gd name="connsiteY394" fmla="*/ 1458277 h 2612594"/>
                            <a:gd name="connsiteX395" fmla="*/ 2589060 w 2647519"/>
                            <a:gd name="connsiteY395" fmla="*/ 1487586 h 2612594"/>
                            <a:gd name="connsiteX396" fmla="*/ 2589060 w 2647519"/>
                            <a:gd name="connsiteY396" fmla="*/ 1490934 h 2612594"/>
                            <a:gd name="connsiteX397" fmla="*/ 2600490 w 2647519"/>
                            <a:gd name="connsiteY397" fmla="*/ 1458277 h 2612594"/>
                            <a:gd name="connsiteX398" fmla="*/ 2602395 w 2647519"/>
                            <a:gd name="connsiteY398" fmla="*/ 1407794 h 2612594"/>
                            <a:gd name="connsiteX399" fmla="*/ 2606836 w 2647519"/>
                            <a:gd name="connsiteY399" fmla="*/ 1398173 h 2612594"/>
                            <a:gd name="connsiteX400" fmla="*/ 2565247 w 2647519"/>
                            <a:gd name="connsiteY400" fmla="*/ 1354454 h 2612594"/>
                            <a:gd name="connsiteX401" fmla="*/ 2559006 w 2647519"/>
                            <a:gd name="connsiteY401" fmla="*/ 1369207 h 2612594"/>
                            <a:gd name="connsiteX402" fmla="*/ 2556675 w 2647519"/>
                            <a:gd name="connsiteY402" fmla="*/ 1390650 h 2612594"/>
                            <a:gd name="connsiteX403" fmla="*/ 2553670 w 2647519"/>
                            <a:gd name="connsiteY403" fmla="*/ 1380633 h 2612594"/>
                            <a:gd name="connsiteX404" fmla="*/ 2552571 w 2647519"/>
                            <a:gd name="connsiteY404" fmla="*/ 1382047 h 2612594"/>
                            <a:gd name="connsiteX405" fmla="*/ 2555723 w 2647519"/>
                            <a:gd name="connsiteY405" fmla="*/ 1392555 h 2612594"/>
                            <a:gd name="connsiteX406" fmla="*/ 2553818 w 2647519"/>
                            <a:gd name="connsiteY406" fmla="*/ 1407795 h 2612594"/>
                            <a:gd name="connsiteX407" fmla="*/ 2557628 w 2647519"/>
                            <a:gd name="connsiteY407" fmla="*/ 1420177 h 2612594"/>
                            <a:gd name="connsiteX408" fmla="*/ 2560581 w 2647519"/>
                            <a:gd name="connsiteY408" fmla="*/ 1420013 h 2612594"/>
                            <a:gd name="connsiteX409" fmla="*/ 2558580 w 2647519"/>
                            <a:gd name="connsiteY409" fmla="*/ 1413509 h 2612594"/>
                            <a:gd name="connsiteX410" fmla="*/ 2560485 w 2647519"/>
                            <a:gd name="connsiteY410" fmla="*/ 1398269 h 2612594"/>
                            <a:gd name="connsiteX411" fmla="*/ 2565247 w 2647519"/>
                            <a:gd name="connsiteY411" fmla="*/ 1354454 h 2612594"/>
                            <a:gd name="connsiteX412" fmla="*/ 2645258 w 2647519"/>
                            <a:gd name="connsiteY412" fmla="*/ 1328737 h 2612594"/>
                            <a:gd name="connsiteX413" fmla="*/ 2647163 w 2647519"/>
                            <a:gd name="connsiteY413" fmla="*/ 1329689 h 2612594"/>
                            <a:gd name="connsiteX414" fmla="*/ 2646210 w 2647519"/>
                            <a:gd name="connsiteY414" fmla="*/ 1369694 h 2612594"/>
                            <a:gd name="connsiteX415" fmla="*/ 2647163 w 2647519"/>
                            <a:gd name="connsiteY415" fmla="*/ 1397317 h 2612594"/>
                            <a:gd name="connsiteX416" fmla="*/ 2644305 w 2647519"/>
                            <a:gd name="connsiteY416" fmla="*/ 1447799 h 2612594"/>
                            <a:gd name="connsiteX417" fmla="*/ 2641448 w 2647519"/>
                            <a:gd name="connsiteY417" fmla="*/ 1476374 h 2612594"/>
                            <a:gd name="connsiteX418" fmla="*/ 2632875 w 2647519"/>
                            <a:gd name="connsiteY418" fmla="*/ 1518284 h 2612594"/>
                            <a:gd name="connsiteX419" fmla="*/ 2630018 w 2647519"/>
                            <a:gd name="connsiteY419" fmla="*/ 1553527 h 2612594"/>
                            <a:gd name="connsiteX420" fmla="*/ 2615730 w 2647519"/>
                            <a:gd name="connsiteY420" fmla="*/ 1618297 h 2612594"/>
                            <a:gd name="connsiteX421" fmla="*/ 2602395 w 2647519"/>
                            <a:gd name="connsiteY421" fmla="*/ 1674494 h 2612594"/>
                            <a:gd name="connsiteX422" fmla="*/ 2578583 w 2647519"/>
                            <a:gd name="connsiteY422" fmla="*/ 1684972 h 2612594"/>
                            <a:gd name="connsiteX423" fmla="*/ 2580488 w 2647519"/>
                            <a:gd name="connsiteY423" fmla="*/ 1679257 h 2612594"/>
                            <a:gd name="connsiteX424" fmla="*/ 2584298 w 2647519"/>
                            <a:gd name="connsiteY424" fmla="*/ 1639252 h 2612594"/>
                            <a:gd name="connsiteX425" fmla="*/ 2598585 w 2647519"/>
                            <a:gd name="connsiteY425" fmla="*/ 1597342 h 2612594"/>
                            <a:gd name="connsiteX426" fmla="*/ 2610015 w 2647519"/>
                            <a:gd name="connsiteY426" fmla="*/ 1590675 h 2612594"/>
                            <a:gd name="connsiteX427" fmla="*/ 2610015 w 2647519"/>
                            <a:gd name="connsiteY427" fmla="*/ 1590674 h 2612594"/>
                            <a:gd name="connsiteX428" fmla="*/ 2622398 w 2647519"/>
                            <a:gd name="connsiteY428" fmla="*/ 1518284 h 2612594"/>
                            <a:gd name="connsiteX429" fmla="*/ 2629065 w 2647519"/>
                            <a:gd name="connsiteY429" fmla="*/ 1483994 h 2612594"/>
                            <a:gd name="connsiteX430" fmla="*/ 2634780 w 2647519"/>
                            <a:gd name="connsiteY430" fmla="*/ 1448752 h 2612594"/>
                            <a:gd name="connsiteX431" fmla="*/ 2639543 w 2647519"/>
                            <a:gd name="connsiteY431" fmla="*/ 1415414 h 2612594"/>
                            <a:gd name="connsiteX432" fmla="*/ 2641448 w 2647519"/>
                            <a:gd name="connsiteY432" fmla="*/ 1383982 h 2612594"/>
                            <a:gd name="connsiteX433" fmla="*/ 2642400 w 2647519"/>
                            <a:gd name="connsiteY433" fmla="*/ 1357312 h 2612594"/>
                            <a:gd name="connsiteX434" fmla="*/ 2644305 w 2647519"/>
                            <a:gd name="connsiteY434" fmla="*/ 1343024 h 2612594"/>
                            <a:gd name="connsiteX435" fmla="*/ 2645258 w 2647519"/>
                            <a:gd name="connsiteY435" fmla="*/ 1328737 h 2612594"/>
                            <a:gd name="connsiteX436" fmla="*/ 134151 w 2647519"/>
                            <a:gd name="connsiteY436" fmla="*/ 887095 h 2612594"/>
                            <a:gd name="connsiteX437" fmla="*/ 134625 w 2647519"/>
                            <a:gd name="connsiteY437" fmla="*/ 887332 h 2612594"/>
                            <a:gd name="connsiteX438" fmla="*/ 134670 w 2647519"/>
                            <a:gd name="connsiteY438" fmla="*/ 887199 h 2612594"/>
                            <a:gd name="connsiteX439" fmla="*/ 191618 w 2647519"/>
                            <a:gd name="connsiteY439" fmla="*/ 750570 h 2612594"/>
                            <a:gd name="connsiteX440" fmla="*/ 170663 w 2647519"/>
                            <a:gd name="connsiteY440" fmla="*/ 789622 h 2612594"/>
                            <a:gd name="connsiteX441" fmla="*/ 153518 w 2647519"/>
                            <a:gd name="connsiteY441" fmla="*/ 803910 h 2612594"/>
                            <a:gd name="connsiteX442" fmla="*/ 153477 w 2647519"/>
                            <a:gd name="connsiteY442" fmla="*/ 804822 h 2612594"/>
                            <a:gd name="connsiteX443" fmla="*/ 151819 w 2647519"/>
                            <a:gd name="connsiteY443" fmla="*/ 841286 h 2612594"/>
                            <a:gd name="connsiteX444" fmla="*/ 151867 w 2647519"/>
                            <a:gd name="connsiteY444" fmla="*/ 841199 h 2612594"/>
                            <a:gd name="connsiteX445" fmla="*/ 153518 w 2647519"/>
                            <a:gd name="connsiteY445" fmla="*/ 804862 h 2612594"/>
                            <a:gd name="connsiteX446" fmla="*/ 170663 w 2647519"/>
                            <a:gd name="connsiteY446" fmla="*/ 790574 h 2612594"/>
                            <a:gd name="connsiteX447" fmla="*/ 191618 w 2647519"/>
                            <a:gd name="connsiteY447" fmla="*/ 751522 h 2612594"/>
                            <a:gd name="connsiteX448" fmla="*/ 192332 w 2647519"/>
                            <a:gd name="connsiteY448" fmla="*/ 751998 h 2612594"/>
                            <a:gd name="connsiteX449" fmla="*/ 192689 w 2647519"/>
                            <a:gd name="connsiteY449" fmla="*/ 751284 h 2612594"/>
                            <a:gd name="connsiteX450" fmla="*/ 203047 w 2647519"/>
                            <a:gd name="connsiteY450" fmla="*/ 667702 h 2612594"/>
                            <a:gd name="connsiteX451" fmla="*/ 189712 w 2647519"/>
                            <a:gd name="connsiteY451" fmla="*/ 677227 h 2612594"/>
                            <a:gd name="connsiteX452" fmla="*/ 169710 w 2647519"/>
                            <a:gd name="connsiteY452" fmla="*/ 719137 h 2612594"/>
                            <a:gd name="connsiteX453" fmla="*/ 174286 w 2647519"/>
                            <a:gd name="connsiteY453" fmla="*/ 722798 h 2612594"/>
                            <a:gd name="connsiteX454" fmla="*/ 174435 w 2647519"/>
                            <a:gd name="connsiteY454" fmla="*/ 722155 h 2612594"/>
                            <a:gd name="connsiteX455" fmla="*/ 170663 w 2647519"/>
                            <a:gd name="connsiteY455" fmla="*/ 719137 h 2612594"/>
                            <a:gd name="connsiteX456" fmla="*/ 190665 w 2647519"/>
                            <a:gd name="connsiteY456" fmla="*/ 677227 h 2612594"/>
                            <a:gd name="connsiteX457" fmla="*/ 202473 w 2647519"/>
                            <a:gd name="connsiteY457" fmla="*/ 668793 h 2612594"/>
                            <a:gd name="connsiteX458" fmla="*/ 276390 w 2647519"/>
                            <a:gd name="connsiteY458" fmla="*/ 613410 h 2612594"/>
                            <a:gd name="connsiteX459" fmla="*/ 275187 w 2647519"/>
                            <a:gd name="connsiteY459" fmla="*/ 614373 h 2612594"/>
                            <a:gd name="connsiteX460" fmla="*/ 270080 w 2647519"/>
                            <a:gd name="connsiteY460" fmla="*/ 634008 h 2612594"/>
                            <a:gd name="connsiteX461" fmla="*/ 266865 w 2647519"/>
                            <a:gd name="connsiteY461" fmla="*/ 643890 h 2612594"/>
                            <a:gd name="connsiteX462" fmla="*/ 179235 w 2647519"/>
                            <a:gd name="connsiteY462" fmla="*/ 803910 h 2612594"/>
                            <a:gd name="connsiteX463" fmla="*/ 166852 w 2647519"/>
                            <a:gd name="connsiteY463" fmla="*/ 842962 h 2612594"/>
                            <a:gd name="connsiteX464" fmla="*/ 155422 w 2647519"/>
                            <a:gd name="connsiteY464" fmla="*/ 882967 h 2612594"/>
                            <a:gd name="connsiteX465" fmla="*/ 130657 w 2647519"/>
                            <a:gd name="connsiteY465" fmla="*/ 966787 h 2612594"/>
                            <a:gd name="connsiteX466" fmla="*/ 114465 w 2647519"/>
                            <a:gd name="connsiteY466" fmla="*/ 1023937 h 2612594"/>
                            <a:gd name="connsiteX467" fmla="*/ 106845 w 2647519"/>
                            <a:gd name="connsiteY467" fmla="*/ 1066800 h 2612594"/>
                            <a:gd name="connsiteX468" fmla="*/ 103035 w 2647519"/>
                            <a:gd name="connsiteY468" fmla="*/ 1088707 h 2612594"/>
                            <a:gd name="connsiteX469" fmla="*/ 100177 w 2647519"/>
                            <a:gd name="connsiteY469" fmla="*/ 1110615 h 2612594"/>
                            <a:gd name="connsiteX470" fmla="*/ 91605 w 2647519"/>
                            <a:gd name="connsiteY470" fmla="*/ 1169670 h 2612594"/>
                            <a:gd name="connsiteX471" fmla="*/ 88747 w 2647519"/>
                            <a:gd name="connsiteY471" fmla="*/ 1205865 h 2612594"/>
                            <a:gd name="connsiteX472" fmla="*/ 93510 w 2647519"/>
                            <a:gd name="connsiteY472" fmla="*/ 1243965 h 2612594"/>
                            <a:gd name="connsiteX473" fmla="*/ 95742 w 2647519"/>
                            <a:gd name="connsiteY473" fmla="*/ 1223205 h 2612594"/>
                            <a:gd name="connsiteX474" fmla="*/ 95415 w 2647519"/>
                            <a:gd name="connsiteY474" fmla="*/ 1216342 h 2612594"/>
                            <a:gd name="connsiteX475" fmla="*/ 99225 w 2647519"/>
                            <a:gd name="connsiteY475" fmla="*/ 1176337 h 2612594"/>
                            <a:gd name="connsiteX476" fmla="*/ 107797 w 2647519"/>
                            <a:gd name="connsiteY476" fmla="*/ 1117282 h 2612594"/>
                            <a:gd name="connsiteX477" fmla="*/ 114596 w 2647519"/>
                            <a:gd name="connsiteY477" fmla="*/ 1109123 h 2612594"/>
                            <a:gd name="connsiteX478" fmla="*/ 124469 w 2647519"/>
                            <a:gd name="connsiteY478" fmla="*/ 1043051 h 2612594"/>
                            <a:gd name="connsiteX479" fmla="*/ 123990 w 2647519"/>
                            <a:gd name="connsiteY479" fmla="*/ 1031557 h 2612594"/>
                            <a:gd name="connsiteX480" fmla="*/ 133400 w 2647519"/>
                            <a:gd name="connsiteY480" fmla="*/ 1004580 h 2612594"/>
                            <a:gd name="connsiteX481" fmla="*/ 138999 w 2647519"/>
                            <a:gd name="connsiteY481" fmla="*/ 981931 h 2612594"/>
                            <a:gd name="connsiteX482" fmla="*/ 137325 w 2647519"/>
                            <a:gd name="connsiteY482" fmla="*/ 985837 h 2612594"/>
                            <a:gd name="connsiteX483" fmla="*/ 131610 w 2647519"/>
                            <a:gd name="connsiteY483" fmla="*/ 983932 h 2612594"/>
                            <a:gd name="connsiteX484" fmla="*/ 117322 w 2647519"/>
                            <a:gd name="connsiteY484" fmla="*/ 1024890 h 2612594"/>
                            <a:gd name="connsiteX485" fmla="*/ 118275 w 2647519"/>
                            <a:gd name="connsiteY485" fmla="*/ 1047750 h 2612594"/>
                            <a:gd name="connsiteX486" fmla="*/ 111607 w 2647519"/>
                            <a:gd name="connsiteY486" fmla="*/ 1091565 h 2612594"/>
                            <a:gd name="connsiteX487" fmla="*/ 110655 w 2647519"/>
                            <a:gd name="connsiteY487" fmla="*/ 1099185 h 2612594"/>
                            <a:gd name="connsiteX488" fmla="*/ 101130 w 2647519"/>
                            <a:gd name="connsiteY488" fmla="*/ 1110615 h 2612594"/>
                            <a:gd name="connsiteX489" fmla="*/ 103987 w 2647519"/>
                            <a:gd name="connsiteY489" fmla="*/ 1088707 h 2612594"/>
                            <a:gd name="connsiteX490" fmla="*/ 107797 w 2647519"/>
                            <a:gd name="connsiteY490" fmla="*/ 1066800 h 2612594"/>
                            <a:gd name="connsiteX491" fmla="*/ 115417 w 2647519"/>
                            <a:gd name="connsiteY491" fmla="*/ 1023937 h 2612594"/>
                            <a:gd name="connsiteX492" fmla="*/ 131610 w 2647519"/>
                            <a:gd name="connsiteY492" fmla="*/ 966787 h 2612594"/>
                            <a:gd name="connsiteX493" fmla="*/ 156375 w 2647519"/>
                            <a:gd name="connsiteY493" fmla="*/ 882967 h 2612594"/>
                            <a:gd name="connsiteX494" fmla="*/ 167805 w 2647519"/>
                            <a:gd name="connsiteY494" fmla="*/ 842962 h 2612594"/>
                            <a:gd name="connsiteX495" fmla="*/ 180187 w 2647519"/>
                            <a:gd name="connsiteY495" fmla="*/ 803910 h 2612594"/>
                            <a:gd name="connsiteX496" fmla="*/ 267817 w 2647519"/>
                            <a:gd name="connsiteY496" fmla="*/ 643890 h 2612594"/>
                            <a:gd name="connsiteX497" fmla="*/ 276390 w 2647519"/>
                            <a:gd name="connsiteY497" fmla="*/ 613410 h 2612594"/>
                            <a:gd name="connsiteX498" fmla="*/ 293536 w 2647519"/>
                            <a:gd name="connsiteY498" fmla="*/ 518160 h 2612594"/>
                            <a:gd name="connsiteX499" fmla="*/ 293535 w 2647519"/>
                            <a:gd name="connsiteY499" fmla="*/ 518160 h 2612594"/>
                            <a:gd name="connsiteX500" fmla="*/ 298297 w 2647519"/>
                            <a:gd name="connsiteY500" fmla="*/ 521970 h 2612594"/>
                            <a:gd name="connsiteX501" fmla="*/ 298297 w 2647519"/>
                            <a:gd name="connsiteY501" fmla="*/ 521969 h 2612594"/>
                            <a:gd name="connsiteX502" fmla="*/ 465169 w 2647519"/>
                            <a:gd name="connsiteY502" fmla="*/ 382550 h 2612594"/>
                            <a:gd name="connsiteX503" fmla="*/ 464986 w 2647519"/>
                            <a:gd name="connsiteY503" fmla="*/ 382696 h 2612594"/>
                            <a:gd name="connsiteX504" fmla="*/ 464430 w 2647519"/>
                            <a:gd name="connsiteY504" fmla="*/ 383325 h 2612594"/>
                            <a:gd name="connsiteX505" fmla="*/ 456651 w 2647519"/>
                            <a:gd name="connsiteY505" fmla="*/ 391477 h 2612594"/>
                            <a:gd name="connsiteX506" fmla="*/ 454684 w 2647519"/>
                            <a:gd name="connsiteY506" fmla="*/ 394338 h 2612594"/>
                            <a:gd name="connsiteX507" fmla="*/ 453399 w 2647519"/>
                            <a:gd name="connsiteY507" fmla="*/ 395790 h 2612594"/>
                            <a:gd name="connsiteX508" fmla="*/ 447840 w 2647519"/>
                            <a:gd name="connsiteY508" fmla="*/ 403860 h 2612594"/>
                            <a:gd name="connsiteX509" fmla="*/ 389738 w 2647519"/>
                            <a:gd name="connsiteY509" fmla="*/ 472440 h 2612594"/>
                            <a:gd name="connsiteX510" fmla="*/ 373545 w 2647519"/>
                            <a:gd name="connsiteY510" fmla="*/ 491490 h 2612594"/>
                            <a:gd name="connsiteX511" fmla="*/ 357353 w 2647519"/>
                            <a:gd name="connsiteY511" fmla="*/ 511492 h 2612594"/>
                            <a:gd name="connsiteX512" fmla="*/ 285752 w 2647519"/>
                            <a:gd name="connsiteY512" fmla="*/ 590631 h 2612594"/>
                            <a:gd name="connsiteX513" fmla="*/ 358305 w 2647519"/>
                            <a:gd name="connsiteY513" fmla="*/ 510540 h 2612594"/>
                            <a:gd name="connsiteX514" fmla="*/ 374497 w 2647519"/>
                            <a:gd name="connsiteY514" fmla="*/ 490537 h 2612594"/>
                            <a:gd name="connsiteX515" fmla="*/ 390690 w 2647519"/>
                            <a:gd name="connsiteY515" fmla="*/ 471487 h 2612594"/>
                            <a:gd name="connsiteX516" fmla="*/ 448792 w 2647519"/>
                            <a:gd name="connsiteY516" fmla="*/ 402907 h 2612594"/>
                            <a:gd name="connsiteX517" fmla="*/ 454684 w 2647519"/>
                            <a:gd name="connsiteY517" fmla="*/ 394338 h 2612594"/>
                            <a:gd name="connsiteX518" fmla="*/ 464430 w 2647519"/>
                            <a:gd name="connsiteY518" fmla="*/ 383325 h 2612594"/>
                            <a:gd name="connsiteX519" fmla="*/ 489348 w 2647519"/>
                            <a:gd name="connsiteY519" fmla="*/ 316869 h 2612594"/>
                            <a:gd name="connsiteX520" fmla="*/ 481127 w 2647519"/>
                            <a:gd name="connsiteY520" fmla="*/ 319733 h 2612594"/>
                            <a:gd name="connsiteX521" fmla="*/ 475013 w 2647519"/>
                            <a:gd name="connsiteY521" fmla="*/ 322003 h 2612594"/>
                            <a:gd name="connsiteX522" fmla="*/ 473558 w 2647519"/>
                            <a:gd name="connsiteY522" fmla="*/ 323849 h 2612594"/>
                            <a:gd name="connsiteX523" fmla="*/ 463080 w 2647519"/>
                            <a:gd name="connsiteY523" fmla="*/ 333374 h 2612594"/>
                            <a:gd name="connsiteX524" fmla="*/ 436410 w 2647519"/>
                            <a:gd name="connsiteY524" fmla="*/ 350519 h 2612594"/>
                            <a:gd name="connsiteX525" fmla="*/ 418313 w 2647519"/>
                            <a:gd name="connsiteY525" fmla="*/ 370522 h 2612594"/>
                            <a:gd name="connsiteX526" fmla="*/ 401168 w 2647519"/>
                            <a:gd name="connsiteY526" fmla="*/ 390524 h 2612594"/>
                            <a:gd name="connsiteX527" fmla="*/ 389738 w 2647519"/>
                            <a:gd name="connsiteY527" fmla="*/ 401002 h 2612594"/>
                            <a:gd name="connsiteX528" fmla="*/ 389350 w 2647519"/>
                            <a:gd name="connsiteY528" fmla="*/ 400516 h 2612594"/>
                            <a:gd name="connsiteX529" fmla="*/ 378546 w 2647519"/>
                            <a:gd name="connsiteY529" fmla="*/ 413504 h 2612594"/>
                            <a:gd name="connsiteX530" fmla="*/ 360210 w 2647519"/>
                            <a:gd name="connsiteY530" fmla="*/ 436245 h 2612594"/>
                            <a:gd name="connsiteX531" fmla="*/ 330683 w 2647519"/>
                            <a:gd name="connsiteY531" fmla="*/ 468630 h 2612594"/>
                            <a:gd name="connsiteX532" fmla="*/ 335445 w 2647519"/>
                            <a:gd name="connsiteY532" fmla="*/ 474344 h 2612594"/>
                            <a:gd name="connsiteX533" fmla="*/ 335536 w 2647519"/>
                            <a:gd name="connsiteY533" fmla="*/ 474264 h 2612594"/>
                            <a:gd name="connsiteX534" fmla="*/ 331635 w 2647519"/>
                            <a:gd name="connsiteY534" fmla="*/ 469582 h 2612594"/>
                            <a:gd name="connsiteX535" fmla="*/ 361162 w 2647519"/>
                            <a:gd name="connsiteY535" fmla="*/ 437197 h 2612594"/>
                            <a:gd name="connsiteX536" fmla="*/ 390690 w 2647519"/>
                            <a:gd name="connsiteY536" fmla="*/ 401002 h 2612594"/>
                            <a:gd name="connsiteX537" fmla="*/ 402120 w 2647519"/>
                            <a:gd name="connsiteY537" fmla="*/ 390525 h 2612594"/>
                            <a:gd name="connsiteX538" fmla="*/ 419265 w 2647519"/>
                            <a:gd name="connsiteY538" fmla="*/ 370522 h 2612594"/>
                            <a:gd name="connsiteX539" fmla="*/ 437362 w 2647519"/>
                            <a:gd name="connsiteY539" fmla="*/ 350520 h 2612594"/>
                            <a:gd name="connsiteX540" fmla="*/ 464032 w 2647519"/>
                            <a:gd name="connsiteY540" fmla="*/ 333375 h 2612594"/>
                            <a:gd name="connsiteX541" fmla="*/ 474510 w 2647519"/>
                            <a:gd name="connsiteY541" fmla="*/ 323850 h 2612594"/>
                            <a:gd name="connsiteX542" fmla="*/ 485940 w 2647519"/>
                            <a:gd name="connsiteY542" fmla="*/ 319564 h 2612594"/>
                            <a:gd name="connsiteX543" fmla="*/ 489548 w 2647519"/>
                            <a:gd name="connsiteY543" fmla="*/ 318444 h 2612594"/>
                            <a:gd name="connsiteX544" fmla="*/ 1868970 w 2647519"/>
                            <a:gd name="connsiteY544" fmla="*/ 144780 h 2612594"/>
                            <a:gd name="connsiteX545" fmla="*/ 1917547 w 2647519"/>
                            <a:gd name="connsiteY545" fmla="*/ 166687 h 2612594"/>
                            <a:gd name="connsiteX546" fmla="*/ 1938502 w 2647519"/>
                            <a:gd name="connsiteY546" fmla="*/ 183832 h 2612594"/>
                            <a:gd name="connsiteX547" fmla="*/ 1891830 w 2647519"/>
                            <a:gd name="connsiteY547" fmla="*/ 160972 h 2612594"/>
                            <a:gd name="connsiteX548" fmla="*/ 1868970 w 2647519"/>
                            <a:gd name="connsiteY548" fmla="*/ 144780 h 2612594"/>
                            <a:gd name="connsiteX549" fmla="*/ 1710855 w 2647519"/>
                            <a:gd name="connsiteY549" fmla="*/ 75247 h 2612594"/>
                            <a:gd name="connsiteX550" fmla="*/ 1748955 w 2647519"/>
                            <a:gd name="connsiteY550" fmla="*/ 83819 h 2612594"/>
                            <a:gd name="connsiteX551" fmla="*/ 1802295 w 2647519"/>
                            <a:gd name="connsiteY551" fmla="*/ 110489 h 2612594"/>
                            <a:gd name="connsiteX552" fmla="*/ 1710855 w 2647519"/>
                            <a:gd name="connsiteY552" fmla="*/ 75247 h 2612594"/>
                            <a:gd name="connsiteX553" fmla="*/ 1137451 w 2647519"/>
                            <a:gd name="connsiteY553" fmla="*/ 68937 h 2612594"/>
                            <a:gd name="connsiteX554" fmla="*/ 1117448 w 2647519"/>
                            <a:gd name="connsiteY554" fmla="*/ 71437 h 2612594"/>
                            <a:gd name="connsiteX555" fmla="*/ 1074585 w 2647519"/>
                            <a:gd name="connsiteY555" fmla="*/ 77152 h 2612594"/>
                            <a:gd name="connsiteX556" fmla="*/ 1032675 w 2647519"/>
                            <a:gd name="connsiteY556" fmla="*/ 86677 h 2612594"/>
                            <a:gd name="connsiteX557" fmla="*/ 1014578 w 2647519"/>
                            <a:gd name="connsiteY557" fmla="*/ 92392 h 2612594"/>
                            <a:gd name="connsiteX558" fmla="*/ 993623 w 2647519"/>
                            <a:gd name="connsiteY558" fmla="*/ 98107 h 2612594"/>
                            <a:gd name="connsiteX559" fmla="*/ 947769 w 2647519"/>
                            <a:gd name="connsiteY559" fmla="*/ 107115 h 2612594"/>
                            <a:gd name="connsiteX560" fmla="*/ 939330 w 2647519"/>
                            <a:gd name="connsiteY560" fmla="*/ 110490 h 2612594"/>
                            <a:gd name="connsiteX561" fmla="*/ 881228 w 2647519"/>
                            <a:gd name="connsiteY561" fmla="*/ 130492 h 2612594"/>
                            <a:gd name="connsiteX562" fmla="*/ 824078 w 2647519"/>
                            <a:gd name="connsiteY562" fmla="*/ 153352 h 2612594"/>
                            <a:gd name="connsiteX563" fmla="*/ 784073 w 2647519"/>
                            <a:gd name="connsiteY563" fmla="*/ 171450 h 2612594"/>
                            <a:gd name="connsiteX564" fmla="*/ 757403 w 2647519"/>
                            <a:gd name="connsiteY564" fmla="*/ 181927 h 2612594"/>
                            <a:gd name="connsiteX565" fmla="*/ 691680 w 2647519"/>
                            <a:gd name="connsiteY565" fmla="*/ 212407 h 2612594"/>
                            <a:gd name="connsiteX566" fmla="*/ 660248 w 2647519"/>
                            <a:gd name="connsiteY566" fmla="*/ 232410 h 2612594"/>
                            <a:gd name="connsiteX567" fmla="*/ 629768 w 2647519"/>
                            <a:gd name="connsiteY567" fmla="*/ 252412 h 2612594"/>
                            <a:gd name="connsiteX568" fmla="*/ 581190 w 2647519"/>
                            <a:gd name="connsiteY568" fmla="*/ 288607 h 2612594"/>
                            <a:gd name="connsiteX569" fmla="*/ 535470 w 2647519"/>
                            <a:gd name="connsiteY569" fmla="*/ 324802 h 2612594"/>
                            <a:gd name="connsiteX570" fmla="*/ 491713 w 2647519"/>
                            <a:gd name="connsiteY570" fmla="*/ 362974 h 2612594"/>
                            <a:gd name="connsiteX571" fmla="*/ 495465 w 2647519"/>
                            <a:gd name="connsiteY571" fmla="*/ 367665 h 2612594"/>
                            <a:gd name="connsiteX572" fmla="*/ 504752 w 2647519"/>
                            <a:gd name="connsiteY572" fmla="*/ 361295 h 2612594"/>
                            <a:gd name="connsiteX573" fmla="*/ 512657 w 2647519"/>
                            <a:gd name="connsiteY573" fmla="*/ 355403 h 2612594"/>
                            <a:gd name="connsiteX574" fmla="*/ 541185 w 2647519"/>
                            <a:gd name="connsiteY574" fmla="*/ 330517 h 2612594"/>
                            <a:gd name="connsiteX575" fmla="*/ 586905 w 2647519"/>
                            <a:gd name="connsiteY575" fmla="*/ 294322 h 2612594"/>
                            <a:gd name="connsiteX576" fmla="*/ 635482 w 2647519"/>
                            <a:gd name="connsiteY576" fmla="*/ 258127 h 2612594"/>
                            <a:gd name="connsiteX577" fmla="*/ 665962 w 2647519"/>
                            <a:gd name="connsiteY577" fmla="*/ 238124 h 2612594"/>
                            <a:gd name="connsiteX578" fmla="*/ 697395 w 2647519"/>
                            <a:gd name="connsiteY578" fmla="*/ 218122 h 2612594"/>
                            <a:gd name="connsiteX579" fmla="*/ 763117 w 2647519"/>
                            <a:gd name="connsiteY579" fmla="*/ 187642 h 2612594"/>
                            <a:gd name="connsiteX580" fmla="*/ 788835 w 2647519"/>
                            <a:gd name="connsiteY580" fmla="*/ 174307 h 2612594"/>
                            <a:gd name="connsiteX581" fmla="*/ 828840 w 2647519"/>
                            <a:gd name="connsiteY581" fmla="*/ 156209 h 2612594"/>
                            <a:gd name="connsiteX582" fmla="*/ 885990 w 2647519"/>
                            <a:gd name="connsiteY582" fmla="*/ 133349 h 2612594"/>
                            <a:gd name="connsiteX583" fmla="*/ 944092 w 2647519"/>
                            <a:gd name="connsiteY583" fmla="*/ 113347 h 2612594"/>
                            <a:gd name="connsiteX584" fmla="*/ 968499 w 2647519"/>
                            <a:gd name="connsiteY584" fmla="*/ 108553 h 2612594"/>
                            <a:gd name="connsiteX585" fmla="*/ 980289 w 2647519"/>
                            <a:gd name="connsiteY585" fmla="*/ 104524 h 2612594"/>
                            <a:gd name="connsiteX586" fmla="*/ 1140765 w 2647519"/>
                            <a:gd name="connsiteY586" fmla="*/ 69904 h 2612594"/>
                            <a:gd name="connsiteX587" fmla="*/ 1478088 w 2647519"/>
                            <a:gd name="connsiteY587" fmla="*/ 48458 h 2612594"/>
                            <a:gd name="connsiteX588" fmla="*/ 1498447 w 2647519"/>
                            <a:gd name="connsiteY588" fmla="*/ 50482 h 2612594"/>
                            <a:gd name="connsiteX589" fmla="*/ 1526070 w 2647519"/>
                            <a:gd name="connsiteY589" fmla="*/ 60007 h 2612594"/>
                            <a:gd name="connsiteX590" fmla="*/ 1505115 w 2647519"/>
                            <a:gd name="connsiteY590" fmla="*/ 57150 h 2612594"/>
                            <a:gd name="connsiteX591" fmla="*/ 1461300 w 2647519"/>
                            <a:gd name="connsiteY591" fmla="*/ 48577 h 2612594"/>
                            <a:gd name="connsiteX592" fmla="*/ 1478088 w 2647519"/>
                            <a:gd name="connsiteY592" fmla="*/ 48458 h 2612594"/>
                            <a:gd name="connsiteX593" fmla="*/ 1588935 w 2647519"/>
                            <a:gd name="connsiteY593" fmla="*/ 40957 h 2612594"/>
                            <a:gd name="connsiteX594" fmla="*/ 1627987 w 2647519"/>
                            <a:gd name="connsiteY594" fmla="*/ 43814 h 2612594"/>
                            <a:gd name="connsiteX595" fmla="*/ 1675612 w 2647519"/>
                            <a:gd name="connsiteY595" fmla="*/ 62864 h 2612594"/>
                            <a:gd name="connsiteX596" fmla="*/ 1616557 w 2647519"/>
                            <a:gd name="connsiteY596" fmla="*/ 52387 h 2612594"/>
                            <a:gd name="connsiteX597" fmla="*/ 1588935 w 2647519"/>
                            <a:gd name="connsiteY597" fmla="*/ 40957 h 2612594"/>
                            <a:gd name="connsiteX598" fmla="*/ 1270324 w 2647519"/>
                            <a:gd name="connsiteY598" fmla="*/ 40719 h 2612594"/>
                            <a:gd name="connsiteX599" fmla="*/ 1160310 w 2647519"/>
                            <a:gd name="connsiteY599" fmla="*/ 46672 h 2612594"/>
                            <a:gd name="connsiteX600" fmla="*/ 1084110 w 2647519"/>
                            <a:gd name="connsiteY600" fmla="*/ 57149 h 2612594"/>
                            <a:gd name="connsiteX601" fmla="*/ 1047915 w 2647519"/>
                            <a:gd name="connsiteY601" fmla="*/ 66674 h 2612594"/>
                            <a:gd name="connsiteX602" fmla="*/ 1016482 w 2647519"/>
                            <a:gd name="connsiteY602" fmla="*/ 78104 h 2612594"/>
                            <a:gd name="connsiteX603" fmla="*/ 972667 w 2647519"/>
                            <a:gd name="connsiteY603" fmla="*/ 83819 h 2612594"/>
                            <a:gd name="connsiteX604" fmla="*/ 806932 w 2647519"/>
                            <a:gd name="connsiteY604" fmla="*/ 147637 h 2612594"/>
                            <a:gd name="connsiteX605" fmla="*/ 746925 w 2647519"/>
                            <a:gd name="connsiteY605" fmla="*/ 174307 h 2612594"/>
                            <a:gd name="connsiteX606" fmla="*/ 728827 w 2647519"/>
                            <a:gd name="connsiteY606" fmla="*/ 180974 h 2612594"/>
                            <a:gd name="connsiteX607" fmla="*/ 712635 w 2647519"/>
                            <a:gd name="connsiteY607" fmla="*/ 189547 h 2612594"/>
                            <a:gd name="connsiteX608" fmla="*/ 682155 w 2647519"/>
                            <a:gd name="connsiteY608" fmla="*/ 205739 h 2612594"/>
                            <a:gd name="connsiteX609" fmla="*/ 634530 w 2647519"/>
                            <a:gd name="connsiteY609" fmla="*/ 230504 h 2612594"/>
                            <a:gd name="connsiteX610" fmla="*/ 598335 w 2647519"/>
                            <a:gd name="connsiteY610" fmla="*/ 259079 h 2612594"/>
                            <a:gd name="connsiteX611" fmla="*/ 493560 w 2647519"/>
                            <a:gd name="connsiteY611" fmla="*/ 340994 h 2612594"/>
                            <a:gd name="connsiteX612" fmla="*/ 471664 w 2647519"/>
                            <a:gd name="connsiteY612" fmla="*/ 360034 h 2612594"/>
                            <a:gd name="connsiteX613" fmla="*/ 450243 w 2647519"/>
                            <a:gd name="connsiteY613" fmla="*/ 379593 h 2612594"/>
                            <a:gd name="connsiteX614" fmla="*/ 450697 w 2647519"/>
                            <a:gd name="connsiteY614" fmla="*/ 380047 h 2612594"/>
                            <a:gd name="connsiteX615" fmla="*/ 285915 w 2647519"/>
                            <a:gd name="connsiteY615" fmla="*/ 573404 h 2612594"/>
                            <a:gd name="connsiteX616" fmla="*/ 252577 w 2647519"/>
                            <a:gd name="connsiteY616" fmla="*/ 619124 h 2612594"/>
                            <a:gd name="connsiteX617" fmla="*/ 237337 w 2647519"/>
                            <a:gd name="connsiteY617" fmla="*/ 646747 h 2612594"/>
                            <a:gd name="connsiteX618" fmla="*/ 222097 w 2647519"/>
                            <a:gd name="connsiteY618" fmla="*/ 672464 h 2612594"/>
                            <a:gd name="connsiteX619" fmla="*/ 193522 w 2647519"/>
                            <a:gd name="connsiteY619" fmla="*/ 725804 h 2612594"/>
                            <a:gd name="connsiteX620" fmla="*/ 162439 w 2647519"/>
                            <a:gd name="connsiteY620" fmla="*/ 774785 h 2612594"/>
                            <a:gd name="connsiteX621" fmla="*/ 162090 w 2647519"/>
                            <a:gd name="connsiteY621" fmla="*/ 776287 h 2612594"/>
                            <a:gd name="connsiteX622" fmla="*/ 151612 w 2647519"/>
                            <a:gd name="connsiteY622" fmla="*/ 804862 h 2612594"/>
                            <a:gd name="connsiteX623" fmla="*/ 143992 w 2647519"/>
                            <a:gd name="connsiteY623" fmla="*/ 818197 h 2612594"/>
                            <a:gd name="connsiteX624" fmla="*/ 142087 w 2647519"/>
                            <a:gd name="connsiteY624" fmla="*/ 820102 h 2612594"/>
                            <a:gd name="connsiteX625" fmla="*/ 133634 w 2647519"/>
                            <a:gd name="connsiteY625" fmla="*/ 848201 h 2612594"/>
                            <a:gd name="connsiteX626" fmla="*/ 131610 w 2647519"/>
                            <a:gd name="connsiteY626" fmla="*/ 864870 h 2612594"/>
                            <a:gd name="connsiteX627" fmla="*/ 129705 w 2647519"/>
                            <a:gd name="connsiteY627" fmla="*/ 888682 h 2612594"/>
                            <a:gd name="connsiteX628" fmla="*/ 116370 w 2647519"/>
                            <a:gd name="connsiteY628" fmla="*/ 927735 h 2612594"/>
                            <a:gd name="connsiteX629" fmla="*/ 103987 w 2647519"/>
                            <a:gd name="connsiteY629" fmla="*/ 966787 h 2612594"/>
                            <a:gd name="connsiteX630" fmla="*/ 90652 w 2647519"/>
                            <a:gd name="connsiteY630" fmla="*/ 1023937 h 2612594"/>
                            <a:gd name="connsiteX631" fmla="*/ 83032 w 2647519"/>
                            <a:gd name="connsiteY631" fmla="*/ 1076325 h 2612594"/>
                            <a:gd name="connsiteX632" fmla="*/ 78270 w 2647519"/>
                            <a:gd name="connsiteY632" fmla="*/ 1128712 h 2612594"/>
                            <a:gd name="connsiteX633" fmla="*/ 84937 w 2647519"/>
                            <a:gd name="connsiteY633" fmla="*/ 1092517 h 2612594"/>
                            <a:gd name="connsiteX634" fmla="*/ 85555 w 2647519"/>
                            <a:gd name="connsiteY634" fmla="*/ 1089530 h 2612594"/>
                            <a:gd name="connsiteX635" fmla="*/ 86842 w 2647519"/>
                            <a:gd name="connsiteY635" fmla="*/ 1075372 h 2612594"/>
                            <a:gd name="connsiteX636" fmla="*/ 94462 w 2647519"/>
                            <a:gd name="connsiteY636" fmla="*/ 1022985 h 2612594"/>
                            <a:gd name="connsiteX637" fmla="*/ 96848 w 2647519"/>
                            <a:gd name="connsiteY637" fmla="*/ 1023781 h 2612594"/>
                            <a:gd name="connsiteX638" fmla="*/ 97055 w 2647519"/>
                            <a:gd name="connsiteY638" fmla="*/ 1022896 h 2612594"/>
                            <a:gd name="connsiteX639" fmla="*/ 94463 w 2647519"/>
                            <a:gd name="connsiteY639" fmla="*/ 1022032 h 2612594"/>
                            <a:gd name="connsiteX640" fmla="*/ 107798 w 2647519"/>
                            <a:gd name="connsiteY640" fmla="*/ 964882 h 2612594"/>
                            <a:gd name="connsiteX641" fmla="*/ 120180 w 2647519"/>
                            <a:gd name="connsiteY641" fmla="*/ 925829 h 2612594"/>
                            <a:gd name="connsiteX642" fmla="*/ 133454 w 2647519"/>
                            <a:gd name="connsiteY642" fmla="*/ 886956 h 2612594"/>
                            <a:gd name="connsiteX643" fmla="*/ 132563 w 2647519"/>
                            <a:gd name="connsiteY643" fmla="*/ 886777 h 2612594"/>
                            <a:gd name="connsiteX644" fmla="*/ 134468 w 2647519"/>
                            <a:gd name="connsiteY644" fmla="*/ 862965 h 2612594"/>
                            <a:gd name="connsiteX645" fmla="*/ 144945 w 2647519"/>
                            <a:gd name="connsiteY645" fmla="*/ 818197 h 2612594"/>
                            <a:gd name="connsiteX646" fmla="*/ 152565 w 2647519"/>
                            <a:gd name="connsiteY646" fmla="*/ 804862 h 2612594"/>
                            <a:gd name="connsiteX647" fmla="*/ 152821 w 2647519"/>
                            <a:gd name="connsiteY647" fmla="*/ 804166 h 2612594"/>
                            <a:gd name="connsiteX648" fmla="*/ 163043 w 2647519"/>
                            <a:gd name="connsiteY648" fmla="*/ 776287 h 2612594"/>
                            <a:gd name="connsiteX649" fmla="*/ 194475 w 2647519"/>
                            <a:gd name="connsiteY649" fmla="*/ 726757 h 2612594"/>
                            <a:gd name="connsiteX650" fmla="*/ 223050 w 2647519"/>
                            <a:gd name="connsiteY650" fmla="*/ 673417 h 2612594"/>
                            <a:gd name="connsiteX651" fmla="*/ 238290 w 2647519"/>
                            <a:gd name="connsiteY651" fmla="*/ 647700 h 2612594"/>
                            <a:gd name="connsiteX652" fmla="*/ 253530 w 2647519"/>
                            <a:gd name="connsiteY652" fmla="*/ 620077 h 2612594"/>
                            <a:gd name="connsiteX653" fmla="*/ 286868 w 2647519"/>
                            <a:gd name="connsiteY653" fmla="*/ 574357 h 2612594"/>
                            <a:gd name="connsiteX654" fmla="*/ 451650 w 2647519"/>
                            <a:gd name="connsiteY654" fmla="*/ 381000 h 2612594"/>
                            <a:gd name="connsiteX655" fmla="*/ 495465 w 2647519"/>
                            <a:gd name="connsiteY655" fmla="*/ 340995 h 2612594"/>
                            <a:gd name="connsiteX656" fmla="*/ 600240 w 2647519"/>
                            <a:gd name="connsiteY656" fmla="*/ 259080 h 2612594"/>
                            <a:gd name="connsiteX657" fmla="*/ 636435 w 2647519"/>
                            <a:gd name="connsiteY657" fmla="*/ 230505 h 2612594"/>
                            <a:gd name="connsiteX658" fmla="*/ 684060 w 2647519"/>
                            <a:gd name="connsiteY658" fmla="*/ 205740 h 2612594"/>
                            <a:gd name="connsiteX659" fmla="*/ 714540 w 2647519"/>
                            <a:gd name="connsiteY659" fmla="*/ 189547 h 2612594"/>
                            <a:gd name="connsiteX660" fmla="*/ 730733 w 2647519"/>
                            <a:gd name="connsiteY660" fmla="*/ 180975 h 2612594"/>
                            <a:gd name="connsiteX661" fmla="*/ 748830 w 2647519"/>
                            <a:gd name="connsiteY661" fmla="*/ 174307 h 2612594"/>
                            <a:gd name="connsiteX662" fmla="*/ 808838 w 2647519"/>
                            <a:gd name="connsiteY662" fmla="*/ 147637 h 2612594"/>
                            <a:gd name="connsiteX663" fmla="*/ 974573 w 2647519"/>
                            <a:gd name="connsiteY663" fmla="*/ 83820 h 2612594"/>
                            <a:gd name="connsiteX664" fmla="*/ 1018388 w 2647519"/>
                            <a:gd name="connsiteY664" fmla="*/ 78105 h 2612594"/>
                            <a:gd name="connsiteX665" fmla="*/ 1049820 w 2647519"/>
                            <a:gd name="connsiteY665" fmla="*/ 66675 h 2612594"/>
                            <a:gd name="connsiteX666" fmla="*/ 1086015 w 2647519"/>
                            <a:gd name="connsiteY666" fmla="*/ 57150 h 2612594"/>
                            <a:gd name="connsiteX667" fmla="*/ 1162215 w 2647519"/>
                            <a:gd name="connsiteY667" fmla="*/ 46672 h 2612594"/>
                            <a:gd name="connsiteX668" fmla="*/ 1272229 w 2647519"/>
                            <a:gd name="connsiteY668" fmla="*/ 41076 h 2612594"/>
                            <a:gd name="connsiteX669" fmla="*/ 1360655 w 2647519"/>
                            <a:gd name="connsiteY669" fmla="*/ 44043 h 2612594"/>
                            <a:gd name="connsiteX670" fmla="*/ 1404150 w 2647519"/>
                            <a:gd name="connsiteY670" fmla="*/ 0 h 2612594"/>
                            <a:gd name="connsiteX671" fmla="*/ 1448917 w 2647519"/>
                            <a:gd name="connsiteY671" fmla="*/ 2857 h 2612594"/>
                            <a:gd name="connsiteX672" fmla="*/ 1494637 w 2647519"/>
                            <a:gd name="connsiteY672" fmla="*/ 7620 h 2612594"/>
                            <a:gd name="connsiteX673" fmla="*/ 1525117 w 2647519"/>
                            <a:gd name="connsiteY673" fmla="*/ 15240 h 2612594"/>
                            <a:gd name="connsiteX674" fmla="*/ 1545120 w 2647519"/>
                            <a:gd name="connsiteY674" fmla="*/ 24765 h 2612594"/>
                            <a:gd name="connsiteX675" fmla="*/ 1569885 w 2647519"/>
                            <a:gd name="connsiteY675" fmla="*/ 20002 h 2612594"/>
                            <a:gd name="connsiteX676" fmla="*/ 1607032 w 2647519"/>
                            <a:gd name="connsiteY676" fmla="*/ 28575 h 2612594"/>
                            <a:gd name="connsiteX677" fmla="*/ 1629892 w 2647519"/>
                            <a:gd name="connsiteY677" fmla="*/ 35242 h 2612594"/>
                            <a:gd name="connsiteX678" fmla="*/ 1628940 w 2647519"/>
                            <a:gd name="connsiteY678" fmla="*/ 36195 h 2612594"/>
                            <a:gd name="connsiteX679" fmla="*/ 1627987 w 2647519"/>
                            <a:gd name="connsiteY679" fmla="*/ 42862 h 2612594"/>
                            <a:gd name="connsiteX680" fmla="*/ 1588935 w 2647519"/>
                            <a:gd name="connsiteY680" fmla="*/ 40005 h 2612594"/>
                            <a:gd name="connsiteX681" fmla="*/ 1575600 w 2647519"/>
                            <a:gd name="connsiteY681" fmla="*/ 36195 h 2612594"/>
                            <a:gd name="connsiteX682" fmla="*/ 1562265 w 2647519"/>
                            <a:gd name="connsiteY682" fmla="*/ 33337 h 2612594"/>
                            <a:gd name="connsiteX683" fmla="*/ 1536547 w 2647519"/>
                            <a:gd name="connsiteY683" fmla="*/ 27622 h 2612594"/>
                            <a:gd name="connsiteX684" fmla="*/ 1510830 w 2647519"/>
                            <a:gd name="connsiteY684" fmla="*/ 21907 h 2612594"/>
                            <a:gd name="connsiteX685" fmla="*/ 1484160 w 2647519"/>
                            <a:gd name="connsiteY685" fmla="*/ 18097 h 2612594"/>
                            <a:gd name="connsiteX686" fmla="*/ 1454633 w 2647519"/>
                            <a:gd name="connsiteY686" fmla="*/ 18097 h 2612594"/>
                            <a:gd name="connsiteX687" fmla="*/ 1430820 w 2647519"/>
                            <a:gd name="connsiteY687" fmla="*/ 18097 h 2612594"/>
                            <a:gd name="connsiteX688" fmla="*/ 1393673 w 2647519"/>
                            <a:gd name="connsiteY688" fmla="*/ 18097 h 2612594"/>
                            <a:gd name="connsiteX689" fmla="*/ 1391928 w 2647519"/>
                            <a:gd name="connsiteY689" fmla="*/ 17540 h 2612594"/>
                            <a:gd name="connsiteX690" fmla="*/ 1375575 w 2647519"/>
                            <a:gd name="connsiteY690" fmla="*/ 25717 h 2612594"/>
                            <a:gd name="connsiteX691" fmla="*/ 1381290 w 2647519"/>
                            <a:gd name="connsiteY691" fmla="*/ 35242 h 2612594"/>
                            <a:gd name="connsiteX692" fmla="*/ 1438440 w 2647519"/>
                            <a:gd name="connsiteY692" fmla="*/ 46672 h 2612594"/>
                            <a:gd name="connsiteX693" fmla="*/ 1413008 w 2647519"/>
                            <a:gd name="connsiteY693" fmla="*/ 47116 h 2612594"/>
                            <a:gd name="connsiteX694" fmla="*/ 1413437 w 2647519"/>
                            <a:gd name="connsiteY694" fmla="*/ 47149 h 2612594"/>
                            <a:gd name="connsiteX695" fmla="*/ 1440345 w 2647519"/>
                            <a:gd name="connsiteY695" fmla="*/ 46672 h 2612594"/>
                            <a:gd name="connsiteX696" fmla="*/ 1463205 w 2647519"/>
                            <a:gd name="connsiteY696" fmla="*/ 49530 h 2612594"/>
                            <a:gd name="connsiteX697" fmla="*/ 1507020 w 2647519"/>
                            <a:gd name="connsiteY697" fmla="*/ 58102 h 2612594"/>
                            <a:gd name="connsiteX698" fmla="*/ 1527975 w 2647519"/>
                            <a:gd name="connsiteY698" fmla="*/ 60960 h 2612594"/>
                            <a:gd name="connsiteX699" fmla="*/ 1563218 w 2647519"/>
                            <a:gd name="connsiteY699" fmla="*/ 68580 h 2612594"/>
                            <a:gd name="connsiteX700" fmla="*/ 1599413 w 2647519"/>
                            <a:gd name="connsiteY700" fmla="*/ 76200 h 2612594"/>
                            <a:gd name="connsiteX701" fmla="*/ 1634655 w 2647519"/>
                            <a:gd name="connsiteY701" fmla="*/ 84772 h 2612594"/>
                            <a:gd name="connsiteX702" fmla="*/ 1669898 w 2647519"/>
                            <a:gd name="connsiteY702" fmla="*/ 95250 h 2612594"/>
                            <a:gd name="connsiteX703" fmla="*/ 1687043 w 2647519"/>
                            <a:gd name="connsiteY703" fmla="*/ 100012 h 2612594"/>
                            <a:gd name="connsiteX704" fmla="*/ 1704188 w 2647519"/>
                            <a:gd name="connsiteY704" fmla="*/ 105727 h 2612594"/>
                            <a:gd name="connsiteX705" fmla="*/ 1704409 w 2647519"/>
                            <a:gd name="connsiteY705" fmla="*/ 105929 h 2612594"/>
                            <a:gd name="connsiteX706" fmla="*/ 1716704 w 2647519"/>
                            <a:gd name="connsiteY706" fmla="*/ 108049 h 2612594"/>
                            <a:gd name="connsiteX707" fmla="*/ 1746499 w 2647519"/>
                            <a:gd name="connsiteY707" fmla="*/ 119121 h 2612594"/>
                            <a:gd name="connsiteX708" fmla="*/ 1750661 w 2647519"/>
                            <a:gd name="connsiteY708" fmla="*/ 125427 h 2612594"/>
                            <a:gd name="connsiteX709" fmla="*/ 1751813 w 2647519"/>
                            <a:gd name="connsiteY709" fmla="*/ 125730 h 2612594"/>
                            <a:gd name="connsiteX710" fmla="*/ 1778483 w 2647519"/>
                            <a:gd name="connsiteY710" fmla="*/ 136207 h 2612594"/>
                            <a:gd name="connsiteX711" fmla="*/ 1801343 w 2647519"/>
                            <a:gd name="connsiteY711" fmla="*/ 145732 h 2612594"/>
                            <a:gd name="connsiteX712" fmla="*/ 1824203 w 2647519"/>
                            <a:gd name="connsiteY712" fmla="*/ 156210 h 2612594"/>
                            <a:gd name="connsiteX713" fmla="*/ 1841348 w 2647519"/>
                            <a:gd name="connsiteY713" fmla="*/ 165735 h 2612594"/>
                            <a:gd name="connsiteX714" fmla="*/ 1852778 w 2647519"/>
                            <a:gd name="connsiteY714" fmla="*/ 171450 h 2612594"/>
                            <a:gd name="connsiteX715" fmla="*/ 1865160 w 2647519"/>
                            <a:gd name="connsiteY715" fmla="*/ 178117 h 2612594"/>
                            <a:gd name="connsiteX716" fmla="*/ 1907070 w 2647519"/>
                            <a:gd name="connsiteY716" fmla="*/ 201930 h 2612594"/>
                            <a:gd name="connsiteX717" fmla="*/ 1960410 w 2647519"/>
                            <a:gd name="connsiteY717" fmla="*/ 236220 h 2612594"/>
                            <a:gd name="connsiteX718" fmla="*/ 1988033 w 2647519"/>
                            <a:gd name="connsiteY718" fmla="*/ 255270 h 2612594"/>
                            <a:gd name="connsiteX719" fmla="*/ 1988833 w 2647519"/>
                            <a:gd name="connsiteY719" fmla="*/ 255841 h 2612594"/>
                            <a:gd name="connsiteX720" fmla="*/ 2002949 w 2647519"/>
                            <a:gd name="connsiteY720" fmla="*/ 264417 h 2612594"/>
                            <a:gd name="connsiteX721" fmla="*/ 2540483 w 2647519"/>
                            <a:gd name="connsiteY721" fmla="*/ 1275397 h 2612594"/>
                            <a:gd name="connsiteX722" fmla="*/ 2540081 w 2647519"/>
                            <a:gd name="connsiteY722" fmla="*/ 1283368 h 2612594"/>
                            <a:gd name="connsiteX723" fmla="*/ 2550960 w 2647519"/>
                            <a:gd name="connsiteY723" fmla="*/ 1284922 h 2612594"/>
                            <a:gd name="connsiteX724" fmla="*/ 2561437 w 2647519"/>
                            <a:gd name="connsiteY724" fmla="*/ 1292542 h 2612594"/>
                            <a:gd name="connsiteX725" fmla="*/ 2566200 w 2647519"/>
                            <a:gd name="connsiteY725" fmla="*/ 1318259 h 2612594"/>
                            <a:gd name="connsiteX726" fmla="*/ 2584297 w 2647519"/>
                            <a:gd name="connsiteY726" fmla="*/ 1348739 h 2612594"/>
                            <a:gd name="connsiteX727" fmla="*/ 2591918 w 2647519"/>
                            <a:gd name="connsiteY727" fmla="*/ 1349432 h 2612594"/>
                            <a:gd name="connsiteX728" fmla="*/ 2591918 w 2647519"/>
                            <a:gd name="connsiteY728" fmla="*/ 1342072 h 2612594"/>
                            <a:gd name="connsiteX729" fmla="*/ 2599661 w 2647519"/>
                            <a:gd name="connsiteY729" fmla="*/ 1320563 h 2612594"/>
                            <a:gd name="connsiteX730" fmla="*/ 2599537 w 2647519"/>
                            <a:gd name="connsiteY730" fmla="*/ 1316355 h 2612594"/>
                            <a:gd name="connsiteX731" fmla="*/ 2607157 w 2647519"/>
                            <a:gd name="connsiteY731" fmla="*/ 1290637 h 2612594"/>
                            <a:gd name="connsiteX732" fmla="*/ 2617635 w 2647519"/>
                            <a:gd name="connsiteY732" fmla="*/ 1290637 h 2612594"/>
                            <a:gd name="connsiteX733" fmla="*/ 2633827 w 2647519"/>
                            <a:gd name="connsiteY733" fmla="*/ 1280160 h 2612594"/>
                            <a:gd name="connsiteX734" fmla="*/ 2635732 w 2647519"/>
                            <a:gd name="connsiteY734" fmla="*/ 1322070 h 2612594"/>
                            <a:gd name="connsiteX735" fmla="*/ 2630970 w 2647519"/>
                            <a:gd name="connsiteY735" fmla="*/ 1342072 h 2612594"/>
                            <a:gd name="connsiteX736" fmla="*/ 2625255 w 2647519"/>
                            <a:gd name="connsiteY736" fmla="*/ 1361122 h 2612594"/>
                            <a:gd name="connsiteX737" fmla="*/ 2622397 w 2647519"/>
                            <a:gd name="connsiteY737" fmla="*/ 1392555 h 2612594"/>
                            <a:gd name="connsiteX738" fmla="*/ 2621445 w 2647519"/>
                            <a:gd name="connsiteY738" fmla="*/ 1408747 h 2612594"/>
                            <a:gd name="connsiteX739" fmla="*/ 2619540 w 2647519"/>
                            <a:gd name="connsiteY739" fmla="*/ 1424940 h 2612594"/>
                            <a:gd name="connsiteX740" fmla="*/ 2615479 w 2647519"/>
                            <a:gd name="connsiteY740" fmla="*/ 1427648 h 2612594"/>
                            <a:gd name="connsiteX741" fmla="*/ 2615730 w 2647519"/>
                            <a:gd name="connsiteY741" fmla="*/ 1428749 h 2612594"/>
                            <a:gd name="connsiteX742" fmla="*/ 2619621 w 2647519"/>
                            <a:gd name="connsiteY742" fmla="*/ 1426155 h 2612594"/>
                            <a:gd name="connsiteX743" fmla="*/ 2621445 w 2647519"/>
                            <a:gd name="connsiteY743" fmla="*/ 1410652 h 2612594"/>
                            <a:gd name="connsiteX744" fmla="*/ 2622397 w 2647519"/>
                            <a:gd name="connsiteY744" fmla="*/ 1394460 h 2612594"/>
                            <a:gd name="connsiteX745" fmla="*/ 2625255 w 2647519"/>
                            <a:gd name="connsiteY745" fmla="*/ 1363027 h 2612594"/>
                            <a:gd name="connsiteX746" fmla="*/ 2630970 w 2647519"/>
                            <a:gd name="connsiteY746" fmla="*/ 1343977 h 2612594"/>
                            <a:gd name="connsiteX747" fmla="*/ 2635732 w 2647519"/>
                            <a:gd name="connsiteY747" fmla="*/ 1323975 h 2612594"/>
                            <a:gd name="connsiteX748" fmla="*/ 2643352 w 2647519"/>
                            <a:gd name="connsiteY748" fmla="*/ 1329690 h 2612594"/>
                            <a:gd name="connsiteX749" fmla="*/ 2642400 w 2647519"/>
                            <a:gd name="connsiteY749" fmla="*/ 1343977 h 2612594"/>
                            <a:gd name="connsiteX750" fmla="*/ 2640495 w 2647519"/>
                            <a:gd name="connsiteY750" fmla="*/ 1358265 h 2612594"/>
                            <a:gd name="connsiteX751" fmla="*/ 2639542 w 2647519"/>
                            <a:gd name="connsiteY751" fmla="*/ 1384935 h 2612594"/>
                            <a:gd name="connsiteX752" fmla="*/ 2637637 w 2647519"/>
                            <a:gd name="connsiteY752" fmla="*/ 1416367 h 2612594"/>
                            <a:gd name="connsiteX753" fmla="*/ 2632875 w 2647519"/>
                            <a:gd name="connsiteY753" fmla="*/ 1449705 h 2612594"/>
                            <a:gd name="connsiteX754" fmla="*/ 2627160 w 2647519"/>
                            <a:gd name="connsiteY754" fmla="*/ 1484947 h 2612594"/>
                            <a:gd name="connsiteX755" fmla="*/ 2620492 w 2647519"/>
                            <a:gd name="connsiteY755" fmla="*/ 1519237 h 2612594"/>
                            <a:gd name="connsiteX756" fmla="*/ 2608110 w 2647519"/>
                            <a:gd name="connsiteY756" fmla="*/ 1591627 h 2612594"/>
                            <a:gd name="connsiteX757" fmla="*/ 2596680 w 2647519"/>
                            <a:gd name="connsiteY757" fmla="*/ 1598295 h 2612594"/>
                            <a:gd name="connsiteX758" fmla="*/ 2582392 w 2647519"/>
                            <a:gd name="connsiteY758" fmla="*/ 1640205 h 2612594"/>
                            <a:gd name="connsiteX759" fmla="*/ 2578582 w 2647519"/>
                            <a:gd name="connsiteY759" fmla="*/ 1680210 h 2612594"/>
                            <a:gd name="connsiteX760" fmla="*/ 2576677 w 2647519"/>
                            <a:gd name="connsiteY760" fmla="*/ 1685925 h 2612594"/>
                            <a:gd name="connsiteX761" fmla="*/ 2560485 w 2647519"/>
                            <a:gd name="connsiteY761" fmla="*/ 1729740 h 2612594"/>
                            <a:gd name="connsiteX762" fmla="*/ 2555722 w 2647519"/>
                            <a:gd name="connsiteY762" fmla="*/ 1733550 h 2612594"/>
                            <a:gd name="connsiteX763" fmla="*/ 2535720 w 2647519"/>
                            <a:gd name="connsiteY763" fmla="*/ 1780222 h 2612594"/>
                            <a:gd name="connsiteX764" fmla="*/ 2556675 w 2647519"/>
                            <a:gd name="connsiteY764" fmla="*/ 1733550 h 2612594"/>
                            <a:gd name="connsiteX765" fmla="*/ 2561437 w 2647519"/>
                            <a:gd name="connsiteY765" fmla="*/ 1729740 h 2612594"/>
                            <a:gd name="connsiteX766" fmla="*/ 2530957 w 2647519"/>
                            <a:gd name="connsiteY766" fmla="*/ 1816417 h 2612594"/>
                            <a:gd name="connsiteX767" fmla="*/ 2514765 w 2647519"/>
                            <a:gd name="connsiteY767" fmla="*/ 1824990 h 2612594"/>
                            <a:gd name="connsiteX768" fmla="*/ 2511407 w 2647519"/>
                            <a:gd name="connsiteY768" fmla="*/ 1831707 h 2612594"/>
                            <a:gd name="connsiteX769" fmla="*/ 2511908 w 2647519"/>
                            <a:gd name="connsiteY769" fmla="*/ 1832609 h 2612594"/>
                            <a:gd name="connsiteX770" fmla="*/ 2515718 w 2647519"/>
                            <a:gd name="connsiteY770" fmla="*/ 1824989 h 2612594"/>
                            <a:gd name="connsiteX771" fmla="*/ 2531910 w 2647519"/>
                            <a:gd name="connsiteY771" fmla="*/ 1816417 h 2612594"/>
                            <a:gd name="connsiteX772" fmla="*/ 2520480 w 2647519"/>
                            <a:gd name="connsiteY772" fmla="*/ 1848802 h 2612594"/>
                            <a:gd name="connsiteX773" fmla="*/ 2499525 w 2647519"/>
                            <a:gd name="connsiteY773" fmla="*/ 1886902 h 2612594"/>
                            <a:gd name="connsiteX774" fmla="*/ 2489048 w 2647519"/>
                            <a:gd name="connsiteY774" fmla="*/ 1905952 h 2612594"/>
                            <a:gd name="connsiteX775" fmla="*/ 2477618 w 2647519"/>
                            <a:gd name="connsiteY775" fmla="*/ 1925002 h 2612594"/>
                            <a:gd name="connsiteX776" fmla="*/ 2469045 w 2647519"/>
                            <a:gd name="connsiteY776" fmla="*/ 1939289 h 2612594"/>
                            <a:gd name="connsiteX777" fmla="*/ 2456663 w 2647519"/>
                            <a:gd name="connsiteY777" fmla="*/ 1966912 h 2612594"/>
                            <a:gd name="connsiteX778" fmla="*/ 2443328 w 2647519"/>
                            <a:gd name="connsiteY778" fmla="*/ 1993582 h 2612594"/>
                            <a:gd name="connsiteX779" fmla="*/ 2422373 w 2647519"/>
                            <a:gd name="connsiteY779" fmla="*/ 2022157 h 2612594"/>
                            <a:gd name="connsiteX780" fmla="*/ 2401418 w 2647519"/>
                            <a:gd name="connsiteY780" fmla="*/ 2048827 h 2612594"/>
                            <a:gd name="connsiteX781" fmla="*/ 2402291 w 2647519"/>
                            <a:gd name="connsiteY781" fmla="*/ 2047029 h 2612594"/>
                            <a:gd name="connsiteX782" fmla="*/ 2378557 w 2647519"/>
                            <a:gd name="connsiteY782" fmla="*/ 2079307 h 2612594"/>
                            <a:gd name="connsiteX783" fmla="*/ 2327122 w 2647519"/>
                            <a:gd name="connsiteY783" fmla="*/ 2135505 h 2612594"/>
                            <a:gd name="connsiteX784" fmla="*/ 2316996 w 2647519"/>
                            <a:gd name="connsiteY784" fmla="*/ 2151085 h 2612594"/>
                            <a:gd name="connsiteX785" fmla="*/ 2327122 w 2647519"/>
                            <a:gd name="connsiteY785" fmla="*/ 2136457 h 2612594"/>
                            <a:gd name="connsiteX786" fmla="*/ 2378557 w 2647519"/>
                            <a:gd name="connsiteY786" fmla="*/ 2080259 h 2612594"/>
                            <a:gd name="connsiteX787" fmla="*/ 2339505 w 2647519"/>
                            <a:gd name="connsiteY787" fmla="*/ 2139314 h 2612594"/>
                            <a:gd name="connsiteX788" fmla="*/ 2319383 w 2647519"/>
                            <a:gd name="connsiteY788" fmla="*/ 2160389 h 2612594"/>
                            <a:gd name="connsiteX789" fmla="*/ 2303230 w 2647519"/>
                            <a:gd name="connsiteY789" fmla="*/ 2172263 h 2612594"/>
                            <a:gd name="connsiteX790" fmla="*/ 2302357 w 2647519"/>
                            <a:gd name="connsiteY790" fmla="*/ 2173605 h 2612594"/>
                            <a:gd name="connsiteX791" fmla="*/ 2292258 w 2647519"/>
                            <a:gd name="connsiteY791" fmla="*/ 2181374 h 2612594"/>
                            <a:gd name="connsiteX792" fmla="*/ 2291880 w 2647519"/>
                            <a:gd name="connsiteY792" fmla="*/ 2184082 h 2612594"/>
                            <a:gd name="connsiteX793" fmla="*/ 2247112 w 2647519"/>
                            <a:gd name="connsiteY793" fmla="*/ 2229802 h 2612594"/>
                            <a:gd name="connsiteX794" fmla="*/ 2199487 w 2647519"/>
                            <a:gd name="connsiteY794" fmla="*/ 2273617 h 2612594"/>
                            <a:gd name="connsiteX795" fmla="*/ 2197285 w 2647519"/>
                            <a:gd name="connsiteY795" fmla="*/ 2275215 h 2612594"/>
                            <a:gd name="connsiteX796" fmla="*/ 2181390 w 2647519"/>
                            <a:gd name="connsiteY796" fmla="*/ 2295524 h 2612594"/>
                            <a:gd name="connsiteX797" fmla="*/ 2143290 w 2647519"/>
                            <a:gd name="connsiteY797" fmla="*/ 2324099 h 2612594"/>
                            <a:gd name="connsiteX798" fmla="*/ 2107681 w 2647519"/>
                            <a:gd name="connsiteY798" fmla="*/ 2350806 h 2612594"/>
                            <a:gd name="connsiteX799" fmla="*/ 2107553 w 2647519"/>
                            <a:gd name="connsiteY799" fmla="*/ 2350961 h 2612594"/>
                            <a:gd name="connsiteX800" fmla="*/ 2143290 w 2647519"/>
                            <a:gd name="connsiteY800" fmla="*/ 2325052 h 2612594"/>
                            <a:gd name="connsiteX801" fmla="*/ 2181390 w 2647519"/>
                            <a:gd name="connsiteY801" fmla="*/ 2296477 h 2612594"/>
                            <a:gd name="connsiteX802" fmla="*/ 2149957 w 2647519"/>
                            <a:gd name="connsiteY802" fmla="*/ 2327909 h 2612594"/>
                            <a:gd name="connsiteX803" fmla="*/ 2124359 w 2647519"/>
                            <a:gd name="connsiteY803" fmla="*/ 2344578 h 2612594"/>
                            <a:gd name="connsiteX804" fmla="*/ 2106651 w 2647519"/>
                            <a:gd name="connsiteY804" fmla="*/ 2352057 h 2612594"/>
                            <a:gd name="connsiteX805" fmla="*/ 2106142 w 2647519"/>
                            <a:gd name="connsiteY805" fmla="*/ 2352675 h 2612594"/>
                            <a:gd name="connsiteX806" fmla="*/ 2087092 w 2647519"/>
                            <a:gd name="connsiteY806" fmla="*/ 2365057 h 2612594"/>
                            <a:gd name="connsiteX807" fmla="*/ 2079914 w 2647519"/>
                            <a:gd name="connsiteY807" fmla="*/ 2368384 h 2612594"/>
                            <a:gd name="connsiteX808" fmla="*/ 2061852 w 2647519"/>
                            <a:gd name="connsiteY808" fmla="*/ 2383036 h 2612594"/>
                            <a:gd name="connsiteX809" fmla="*/ 2044230 w 2647519"/>
                            <a:gd name="connsiteY809" fmla="*/ 2395537 h 2612594"/>
                            <a:gd name="connsiteX810" fmla="*/ 2017560 w 2647519"/>
                            <a:gd name="connsiteY810" fmla="*/ 2412682 h 2612594"/>
                            <a:gd name="connsiteX811" fmla="*/ 2008988 w 2647519"/>
                            <a:gd name="connsiteY811" fmla="*/ 2413635 h 2612594"/>
                            <a:gd name="connsiteX812" fmla="*/ 1999460 w 2647519"/>
                            <a:gd name="connsiteY812" fmla="*/ 2417870 h 2612594"/>
                            <a:gd name="connsiteX813" fmla="*/ 1997979 w 2647519"/>
                            <a:gd name="connsiteY813" fmla="*/ 2418995 h 2612594"/>
                            <a:gd name="connsiteX814" fmla="*/ 2009940 w 2647519"/>
                            <a:gd name="connsiteY814" fmla="*/ 2414587 h 2612594"/>
                            <a:gd name="connsiteX815" fmla="*/ 2018513 w 2647519"/>
                            <a:gd name="connsiteY815" fmla="*/ 2413635 h 2612594"/>
                            <a:gd name="connsiteX816" fmla="*/ 1984223 w 2647519"/>
                            <a:gd name="connsiteY816" fmla="*/ 2439352 h 2612594"/>
                            <a:gd name="connsiteX817" fmla="*/ 1962315 w 2647519"/>
                            <a:gd name="connsiteY817" fmla="*/ 2450783 h 2612594"/>
                            <a:gd name="connsiteX818" fmla="*/ 1940408 w 2647519"/>
                            <a:gd name="connsiteY818" fmla="*/ 2461260 h 2612594"/>
                            <a:gd name="connsiteX819" fmla="*/ 1924934 w 2647519"/>
                            <a:gd name="connsiteY819" fmla="*/ 2463581 h 2612594"/>
                            <a:gd name="connsiteX820" fmla="*/ 1922310 w 2647519"/>
                            <a:gd name="connsiteY820" fmla="*/ 2465070 h 2612594"/>
                            <a:gd name="connsiteX821" fmla="*/ 1849920 w 2647519"/>
                            <a:gd name="connsiteY821" fmla="*/ 2496502 h 2612594"/>
                            <a:gd name="connsiteX822" fmla="*/ 1846229 w 2647519"/>
                            <a:gd name="connsiteY822" fmla="*/ 2497341 h 2612594"/>
                            <a:gd name="connsiteX823" fmla="*/ 1824203 w 2647519"/>
                            <a:gd name="connsiteY823" fmla="*/ 2511742 h 2612594"/>
                            <a:gd name="connsiteX824" fmla="*/ 1836585 w 2647519"/>
                            <a:gd name="connsiteY824" fmla="*/ 2515552 h 2612594"/>
                            <a:gd name="connsiteX825" fmla="*/ 1790865 w 2647519"/>
                            <a:gd name="connsiteY825" fmla="*/ 2535555 h 2612594"/>
                            <a:gd name="connsiteX826" fmla="*/ 1794675 w 2647519"/>
                            <a:gd name="connsiteY826" fmla="*/ 2522220 h 2612594"/>
                            <a:gd name="connsiteX827" fmla="*/ 1779435 w 2647519"/>
                            <a:gd name="connsiteY827" fmla="*/ 2527935 h 2612594"/>
                            <a:gd name="connsiteX828" fmla="*/ 1765148 w 2647519"/>
                            <a:gd name="connsiteY828" fmla="*/ 2532697 h 2612594"/>
                            <a:gd name="connsiteX829" fmla="*/ 1735620 w 2647519"/>
                            <a:gd name="connsiteY829" fmla="*/ 2542222 h 2612594"/>
                            <a:gd name="connsiteX830" fmla="*/ 1731675 w 2647519"/>
                            <a:gd name="connsiteY830" fmla="*/ 2537487 h 2612594"/>
                            <a:gd name="connsiteX831" fmla="*/ 1717522 w 2647519"/>
                            <a:gd name="connsiteY831" fmla="*/ 2540317 h 2612594"/>
                            <a:gd name="connsiteX832" fmla="*/ 1700377 w 2647519"/>
                            <a:gd name="connsiteY832" fmla="*/ 2544127 h 2612594"/>
                            <a:gd name="connsiteX833" fmla="*/ 1665135 w 2647519"/>
                            <a:gd name="connsiteY833" fmla="*/ 2552700 h 2612594"/>
                            <a:gd name="connsiteX834" fmla="*/ 1663973 w 2647519"/>
                            <a:gd name="connsiteY834" fmla="*/ 2553240 h 2612594"/>
                            <a:gd name="connsiteX835" fmla="*/ 1697520 w 2647519"/>
                            <a:gd name="connsiteY835" fmla="*/ 2545079 h 2612594"/>
                            <a:gd name="connsiteX836" fmla="*/ 1714665 w 2647519"/>
                            <a:gd name="connsiteY836" fmla="*/ 2541269 h 2612594"/>
                            <a:gd name="connsiteX837" fmla="*/ 1728952 w 2647519"/>
                            <a:gd name="connsiteY837" fmla="*/ 2538412 h 2612594"/>
                            <a:gd name="connsiteX838" fmla="*/ 1734667 w 2647519"/>
                            <a:gd name="connsiteY838" fmla="*/ 2543174 h 2612594"/>
                            <a:gd name="connsiteX839" fmla="*/ 1764195 w 2647519"/>
                            <a:gd name="connsiteY839" fmla="*/ 2533649 h 2612594"/>
                            <a:gd name="connsiteX840" fmla="*/ 1778482 w 2647519"/>
                            <a:gd name="connsiteY840" fmla="*/ 2528887 h 2612594"/>
                            <a:gd name="connsiteX841" fmla="*/ 1793722 w 2647519"/>
                            <a:gd name="connsiteY841" fmla="*/ 2523172 h 2612594"/>
                            <a:gd name="connsiteX842" fmla="*/ 1789912 w 2647519"/>
                            <a:gd name="connsiteY842" fmla="*/ 2536507 h 2612594"/>
                            <a:gd name="connsiteX843" fmla="*/ 1749907 w 2647519"/>
                            <a:gd name="connsiteY843" fmla="*/ 2555557 h 2612594"/>
                            <a:gd name="connsiteX844" fmla="*/ 1747946 w 2647519"/>
                            <a:gd name="connsiteY844" fmla="*/ 2555008 h 2612594"/>
                            <a:gd name="connsiteX845" fmla="*/ 1720380 w 2647519"/>
                            <a:gd name="connsiteY845" fmla="*/ 2566034 h 2612594"/>
                            <a:gd name="connsiteX846" fmla="*/ 1697520 w 2647519"/>
                            <a:gd name="connsiteY846" fmla="*/ 2572702 h 2612594"/>
                            <a:gd name="connsiteX847" fmla="*/ 1663230 w 2647519"/>
                            <a:gd name="connsiteY847" fmla="*/ 2581274 h 2612594"/>
                            <a:gd name="connsiteX848" fmla="*/ 1649062 w 2647519"/>
                            <a:gd name="connsiteY848" fmla="*/ 2580084 h 2612594"/>
                            <a:gd name="connsiteX849" fmla="*/ 1619428 w 2647519"/>
                            <a:gd name="connsiteY849" fmla="*/ 2585850 h 2612594"/>
                            <a:gd name="connsiteX850" fmla="*/ 1618462 w 2647519"/>
                            <a:gd name="connsiteY850" fmla="*/ 2587942 h 2612594"/>
                            <a:gd name="connsiteX851" fmla="*/ 1539405 w 2647519"/>
                            <a:gd name="connsiteY851" fmla="*/ 2603182 h 2612594"/>
                            <a:gd name="connsiteX852" fmla="*/ 1521307 w 2647519"/>
                            <a:gd name="connsiteY852" fmla="*/ 2598419 h 2612594"/>
                            <a:gd name="connsiteX853" fmla="*/ 1506067 w 2647519"/>
                            <a:gd name="connsiteY853" fmla="*/ 2598419 h 2612594"/>
                            <a:gd name="connsiteX854" fmla="*/ 1479397 w 2647519"/>
                            <a:gd name="connsiteY854" fmla="*/ 2606992 h 2612594"/>
                            <a:gd name="connsiteX855" fmla="*/ 1455585 w 2647519"/>
                            <a:gd name="connsiteY855" fmla="*/ 2608897 h 2612594"/>
                            <a:gd name="connsiteX856" fmla="*/ 1431772 w 2647519"/>
                            <a:gd name="connsiteY856" fmla="*/ 2609849 h 2612594"/>
                            <a:gd name="connsiteX857" fmla="*/ 1429185 w 2647519"/>
                            <a:gd name="connsiteY857" fmla="*/ 2608741 h 2612594"/>
                            <a:gd name="connsiteX858" fmla="*/ 1407484 w 2647519"/>
                            <a:gd name="connsiteY858" fmla="*/ 2612588 h 2612594"/>
                            <a:gd name="connsiteX859" fmla="*/ 1381290 w 2647519"/>
                            <a:gd name="connsiteY859" fmla="*/ 2607944 h 2612594"/>
                            <a:gd name="connsiteX860" fmla="*/ 1382243 w 2647519"/>
                            <a:gd name="connsiteY860" fmla="*/ 2606992 h 2612594"/>
                            <a:gd name="connsiteX861" fmla="*/ 1387005 w 2647519"/>
                            <a:gd name="connsiteY861" fmla="*/ 2600324 h 2612594"/>
                            <a:gd name="connsiteX862" fmla="*/ 1365098 w 2647519"/>
                            <a:gd name="connsiteY862" fmla="*/ 2597467 h 2612594"/>
                            <a:gd name="connsiteX863" fmla="*/ 1375575 w 2647519"/>
                            <a:gd name="connsiteY863" fmla="*/ 2591752 h 2612594"/>
                            <a:gd name="connsiteX864" fmla="*/ 1407008 w 2647519"/>
                            <a:gd name="connsiteY864" fmla="*/ 2590799 h 2612594"/>
                            <a:gd name="connsiteX865" fmla="*/ 1437488 w 2647519"/>
                            <a:gd name="connsiteY865" fmla="*/ 2589847 h 2612594"/>
                            <a:gd name="connsiteX866" fmla="*/ 1481302 w 2647519"/>
                            <a:gd name="connsiteY866" fmla="*/ 2590799 h 2612594"/>
                            <a:gd name="connsiteX867" fmla="*/ 1511782 w 2647519"/>
                            <a:gd name="connsiteY867" fmla="*/ 2587942 h 2612594"/>
                            <a:gd name="connsiteX868" fmla="*/ 1568932 w 2647519"/>
                            <a:gd name="connsiteY868" fmla="*/ 2575559 h 2612594"/>
                            <a:gd name="connsiteX869" fmla="*/ 1607032 w 2647519"/>
                            <a:gd name="connsiteY869" fmla="*/ 2566987 h 2612594"/>
                            <a:gd name="connsiteX870" fmla="*/ 1635607 w 2647519"/>
                            <a:gd name="connsiteY870" fmla="*/ 2566034 h 2612594"/>
                            <a:gd name="connsiteX871" fmla="*/ 1637595 w 2647519"/>
                            <a:gd name="connsiteY871" fmla="*/ 2565111 h 2612594"/>
                            <a:gd name="connsiteX872" fmla="*/ 1609890 w 2647519"/>
                            <a:gd name="connsiteY872" fmla="*/ 2566035 h 2612594"/>
                            <a:gd name="connsiteX873" fmla="*/ 1571790 w 2647519"/>
                            <a:gd name="connsiteY873" fmla="*/ 2574607 h 2612594"/>
                            <a:gd name="connsiteX874" fmla="*/ 1514640 w 2647519"/>
                            <a:gd name="connsiteY874" fmla="*/ 2586990 h 2612594"/>
                            <a:gd name="connsiteX875" fmla="*/ 1484160 w 2647519"/>
                            <a:gd name="connsiteY875" fmla="*/ 2589847 h 2612594"/>
                            <a:gd name="connsiteX876" fmla="*/ 1440345 w 2647519"/>
                            <a:gd name="connsiteY876" fmla="*/ 2588895 h 2612594"/>
                            <a:gd name="connsiteX877" fmla="*/ 1409865 w 2647519"/>
                            <a:gd name="connsiteY877" fmla="*/ 2589847 h 2612594"/>
                            <a:gd name="connsiteX878" fmla="*/ 1378432 w 2647519"/>
                            <a:gd name="connsiteY878" fmla="*/ 2590800 h 2612594"/>
                            <a:gd name="connsiteX879" fmla="*/ 1379385 w 2647519"/>
                            <a:gd name="connsiteY879" fmla="*/ 2586990 h 2612594"/>
                            <a:gd name="connsiteX880" fmla="*/ 1386052 w 2647519"/>
                            <a:gd name="connsiteY880" fmla="*/ 2577465 h 2612594"/>
                            <a:gd name="connsiteX881" fmla="*/ 1679422 w 2647519"/>
                            <a:gd name="connsiteY881" fmla="*/ 2528887 h 2612594"/>
                            <a:gd name="connsiteX882" fmla="*/ 1878495 w 2647519"/>
                            <a:gd name="connsiteY882" fmla="*/ 2453640 h 2612594"/>
                            <a:gd name="connsiteX883" fmla="*/ 1930882 w 2647519"/>
                            <a:gd name="connsiteY883" fmla="*/ 2426017 h 2612594"/>
                            <a:gd name="connsiteX884" fmla="*/ 1960410 w 2647519"/>
                            <a:gd name="connsiteY884" fmla="*/ 2410777 h 2612594"/>
                            <a:gd name="connsiteX885" fmla="*/ 1990890 w 2647519"/>
                            <a:gd name="connsiteY885" fmla="*/ 2394585 h 2612594"/>
                            <a:gd name="connsiteX886" fmla="*/ 2048040 w 2647519"/>
                            <a:gd name="connsiteY886" fmla="*/ 2360295 h 2612594"/>
                            <a:gd name="connsiteX887" fmla="*/ 2093760 w 2647519"/>
                            <a:gd name="connsiteY887" fmla="*/ 2325052 h 2612594"/>
                            <a:gd name="connsiteX888" fmla="*/ 2179485 w 2647519"/>
                            <a:gd name="connsiteY888" fmla="*/ 2258377 h 2612594"/>
                            <a:gd name="connsiteX889" fmla="*/ 2203297 w 2647519"/>
                            <a:gd name="connsiteY889" fmla="*/ 2239327 h 2612594"/>
                            <a:gd name="connsiteX890" fmla="*/ 2226157 w 2647519"/>
                            <a:gd name="connsiteY890" fmla="*/ 2219325 h 2612594"/>
                            <a:gd name="connsiteX891" fmla="*/ 2260447 w 2647519"/>
                            <a:gd name="connsiteY891" fmla="*/ 2187892 h 2612594"/>
                            <a:gd name="connsiteX892" fmla="*/ 2274735 w 2647519"/>
                            <a:gd name="connsiteY892" fmla="*/ 2164080 h 2612594"/>
                            <a:gd name="connsiteX893" fmla="*/ 2295258 w 2647519"/>
                            <a:gd name="connsiteY893" fmla="*/ 2145267 h 2612594"/>
                            <a:gd name="connsiteX894" fmla="*/ 2295423 w 2647519"/>
                            <a:gd name="connsiteY894" fmla="*/ 2144085 h 2612594"/>
                            <a:gd name="connsiteX895" fmla="*/ 2275688 w 2647519"/>
                            <a:gd name="connsiteY895" fmla="*/ 2162175 h 2612594"/>
                            <a:gd name="connsiteX896" fmla="*/ 2261400 w 2647519"/>
                            <a:gd name="connsiteY896" fmla="*/ 2185987 h 2612594"/>
                            <a:gd name="connsiteX897" fmla="*/ 2227110 w 2647519"/>
                            <a:gd name="connsiteY897" fmla="*/ 2217420 h 2612594"/>
                            <a:gd name="connsiteX898" fmla="*/ 2204250 w 2647519"/>
                            <a:gd name="connsiteY898" fmla="*/ 2237422 h 2612594"/>
                            <a:gd name="connsiteX899" fmla="*/ 2180438 w 2647519"/>
                            <a:gd name="connsiteY899" fmla="*/ 2256472 h 2612594"/>
                            <a:gd name="connsiteX900" fmla="*/ 2094713 w 2647519"/>
                            <a:gd name="connsiteY900" fmla="*/ 2323147 h 2612594"/>
                            <a:gd name="connsiteX901" fmla="*/ 2048993 w 2647519"/>
                            <a:gd name="connsiteY901" fmla="*/ 2358390 h 2612594"/>
                            <a:gd name="connsiteX902" fmla="*/ 1991843 w 2647519"/>
                            <a:gd name="connsiteY902" fmla="*/ 2392680 h 2612594"/>
                            <a:gd name="connsiteX903" fmla="*/ 1961363 w 2647519"/>
                            <a:gd name="connsiteY903" fmla="*/ 2408872 h 2612594"/>
                            <a:gd name="connsiteX904" fmla="*/ 1931835 w 2647519"/>
                            <a:gd name="connsiteY904" fmla="*/ 2424112 h 2612594"/>
                            <a:gd name="connsiteX905" fmla="*/ 1879448 w 2647519"/>
                            <a:gd name="connsiteY905" fmla="*/ 2451735 h 2612594"/>
                            <a:gd name="connsiteX906" fmla="*/ 1680375 w 2647519"/>
                            <a:gd name="connsiteY906" fmla="*/ 2526982 h 2612594"/>
                            <a:gd name="connsiteX907" fmla="*/ 1387005 w 2647519"/>
                            <a:gd name="connsiteY907" fmla="*/ 2575560 h 2612594"/>
                            <a:gd name="connsiteX908" fmla="*/ 1365098 w 2647519"/>
                            <a:gd name="connsiteY908" fmla="*/ 2575560 h 2612594"/>
                            <a:gd name="connsiteX909" fmla="*/ 1362240 w 2647519"/>
                            <a:gd name="connsiteY909" fmla="*/ 2567940 h 2612594"/>
                            <a:gd name="connsiteX910" fmla="*/ 1339380 w 2647519"/>
                            <a:gd name="connsiteY910" fmla="*/ 2566987 h 2612594"/>
                            <a:gd name="connsiteX911" fmla="*/ 1318425 w 2647519"/>
                            <a:gd name="connsiteY911" fmla="*/ 2575560 h 2612594"/>
                            <a:gd name="connsiteX912" fmla="*/ 1257465 w 2647519"/>
                            <a:gd name="connsiteY912" fmla="*/ 2576512 h 2612594"/>
                            <a:gd name="connsiteX913" fmla="*/ 1212698 w 2647519"/>
                            <a:gd name="connsiteY913" fmla="*/ 2574607 h 2612594"/>
                            <a:gd name="connsiteX914" fmla="*/ 1190790 w 2647519"/>
                            <a:gd name="connsiteY914" fmla="*/ 2572702 h 2612594"/>
                            <a:gd name="connsiteX915" fmla="*/ 1168883 w 2647519"/>
                            <a:gd name="connsiteY915" fmla="*/ 2568892 h 2612594"/>
                            <a:gd name="connsiteX916" fmla="*/ 1182080 w 2647519"/>
                            <a:gd name="connsiteY916" fmla="*/ 2554816 h 2612594"/>
                            <a:gd name="connsiteX917" fmla="*/ 1179360 w 2647519"/>
                            <a:gd name="connsiteY917" fmla="*/ 2555557 h 2612594"/>
                            <a:gd name="connsiteX918" fmla="*/ 1130192 w 2647519"/>
                            <a:gd name="connsiteY918" fmla="*/ 2546452 h 2612594"/>
                            <a:gd name="connsiteX919" fmla="*/ 1127925 w 2647519"/>
                            <a:gd name="connsiteY919" fmla="*/ 2546985 h 2612594"/>
                            <a:gd name="connsiteX920" fmla="*/ 1033628 w 2647519"/>
                            <a:gd name="connsiteY920" fmla="*/ 2529840 h 2612594"/>
                            <a:gd name="connsiteX921" fmla="*/ 996480 w 2647519"/>
                            <a:gd name="connsiteY921" fmla="*/ 2522220 h 2612594"/>
                            <a:gd name="connsiteX922" fmla="*/ 964095 w 2647519"/>
                            <a:gd name="connsiteY922" fmla="*/ 2516505 h 2612594"/>
                            <a:gd name="connsiteX923" fmla="*/ 925043 w 2647519"/>
                            <a:gd name="connsiteY923" fmla="*/ 2498407 h 2612594"/>
                            <a:gd name="connsiteX924" fmla="*/ 876465 w 2647519"/>
                            <a:gd name="connsiteY924" fmla="*/ 2480310 h 2612594"/>
                            <a:gd name="connsiteX925" fmla="*/ 825983 w 2647519"/>
                            <a:gd name="connsiteY925" fmla="*/ 2460307 h 2612594"/>
                            <a:gd name="connsiteX926" fmla="*/ 834555 w 2647519"/>
                            <a:gd name="connsiteY926" fmla="*/ 2453640 h 2612594"/>
                            <a:gd name="connsiteX927" fmla="*/ 869798 w 2647519"/>
                            <a:gd name="connsiteY927" fmla="*/ 2460307 h 2612594"/>
                            <a:gd name="connsiteX928" fmla="*/ 885038 w 2647519"/>
                            <a:gd name="connsiteY928" fmla="*/ 2473642 h 2612594"/>
                            <a:gd name="connsiteX929" fmla="*/ 937425 w 2647519"/>
                            <a:gd name="connsiteY929" fmla="*/ 2488882 h 2612594"/>
                            <a:gd name="connsiteX930" fmla="*/ 1041248 w 2647519"/>
                            <a:gd name="connsiteY930" fmla="*/ 2515552 h 2612594"/>
                            <a:gd name="connsiteX931" fmla="*/ 1066965 w 2647519"/>
                            <a:gd name="connsiteY931" fmla="*/ 2520315 h 2612594"/>
                            <a:gd name="connsiteX932" fmla="*/ 1094588 w 2647519"/>
                            <a:gd name="connsiteY932" fmla="*/ 2525077 h 2612594"/>
                            <a:gd name="connsiteX933" fmla="*/ 1125068 w 2647519"/>
                            <a:gd name="connsiteY933" fmla="*/ 2531745 h 2612594"/>
                            <a:gd name="connsiteX934" fmla="*/ 1158657 w 2647519"/>
                            <a:gd name="connsiteY934" fmla="*/ 2539008 h 2612594"/>
                            <a:gd name="connsiteX935" fmla="*/ 1161262 w 2647519"/>
                            <a:gd name="connsiteY935" fmla="*/ 2538412 h 2612594"/>
                            <a:gd name="connsiteX936" fmla="*/ 1192695 w 2647519"/>
                            <a:gd name="connsiteY936" fmla="*/ 2543175 h 2612594"/>
                            <a:gd name="connsiteX937" fmla="*/ 1193647 w 2647519"/>
                            <a:gd name="connsiteY937" fmla="*/ 2541270 h 2612594"/>
                            <a:gd name="connsiteX938" fmla="*/ 1239367 w 2647519"/>
                            <a:gd name="connsiteY938" fmla="*/ 2543175 h 2612594"/>
                            <a:gd name="connsiteX939" fmla="*/ 1246987 w 2647519"/>
                            <a:gd name="connsiteY939" fmla="*/ 2544127 h 2612594"/>
                            <a:gd name="connsiteX940" fmla="*/ 1317472 w 2647519"/>
                            <a:gd name="connsiteY940" fmla="*/ 2544127 h 2612594"/>
                            <a:gd name="connsiteX941" fmla="*/ 1368907 w 2647519"/>
                            <a:gd name="connsiteY941" fmla="*/ 2546032 h 2612594"/>
                            <a:gd name="connsiteX942" fmla="*/ 1429867 w 2647519"/>
                            <a:gd name="connsiteY942" fmla="*/ 2541270 h 2612594"/>
                            <a:gd name="connsiteX943" fmla="*/ 1437487 w 2647519"/>
                            <a:gd name="connsiteY943" fmla="*/ 2541270 h 2612594"/>
                            <a:gd name="connsiteX944" fmla="*/ 1440345 w 2647519"/>
                            <a:gd name="connsiteY944" fmla="*/ 2548890 h 2612594"/>
                            <a:gd name="connsiteX945" fmla="*/ 1500352 w 2647519"/>
                            <a:gd name="connsiteY945" fmla="*/ 2541270 h 2612594"/>
                            <a:gd name="connsiteX946" fmla="*/ 1540357 w 2647519"/>
                            <a:gd name="connsiteY946" fmla="*/ 2531745 h 2612594"/>
                            <a:gd name="connsiteX947" fmla="*/ 1563217 w 2647519"/>
                            <a:gd name="connsiteY947" fmla="*/ 2527935 h 2612594"/>
                            <a:gd name="connsiteX948" fmla="*/ 1577505 w 2647519"/>
                            <a:gd name="connsiteY948" fmla="*/ 2526030 h 2612594"/>
                            <a:gd name="connsiteX949" fmla="*/ 1608937 w 2647519"/>
                            <a:gd name="connsiteY949" fmla="*/ 2518410 h 2612594"/>
                            <a:gd name="connsiteX950" fmla="*/ 1634655 w 2647519"/>
                            <a:gd name="connsiteY950" fmla="*/ 2512695 h 2612594"/>
                            <a:gd name="connsiteX951" fmla="*/ 1660372 w 2647519"/>
                            <a:gd name="connsiteY951" fmla="*/ 2506027 h 2612594"/>
                            <a:gd name="connsiteX952" fmla="*/ 1707545 w 2647519"/>
                            <a:gd name="connsiteY952" fmla="*/ 2497863 h 2612594"/>
                            <a:gd name="connsiteX953" fmla="*/ 1713713 w 2647519"/>
                            <a:gd name="connsiteY953" fmla="*/ 2495550 h 2612594"/>
                            <a:gd name="connsiteX954" fmla="*/ 1664183 w 2647519"/>
                            <a:gd name="connsiteY954" fmla="*/ 2504122 h 2612594"/>
                            <a:gd name="connsiteX955" fmla="*/ 1638465 w 2647519"/>
                            <a:gd name="connsiteY955" fmla="*/ 2510790 h 2612594"/>
                            <a:gd name="connsiteX956" fmla="*/ 1612748 w 2647519"/>
                            <a:gd name="connsiteY956" fmla="*/ 2516505 h 2612594"/>
                            <a:gd name="connsiteX957" fmla="*/ 1581315 w 2647519"/>
                            <a:gd name="connsiteY957" fmla="*/ 2524125 h 2612594"/>
                            <a:gd name="connsiteX958" fmla="*/ 1567028 w 2647519"/>
                            <a:gd name="connsiteY958" fmla="*/ 2526030 h 2612594"/>
                            <a:gd name="connsiteX959" fmla="*/ 1544168 w 2647519"/>
                            <a:gd name="connsiteY959" fmla="*/ 2529840 h 2612594"/>
                            <a:gd name="connsiteX960" fmla="*/ 1482255 w 2647519"/>
                            <a:gd name="connsiteY960" fmla="*/ 2535555 h 2612594"/>
                            <a:gd name="connsiteX961" fmla="*/ 1440345 w 2647519"/>
                            <a:gd name="connsiteY961" fmla="*/ 2539365 h 2612594"/>
                            <a:gd name="connsiteX962" fmla="*/ 1432725 w 2647519"/>
                            <a:gd name="connsiteY962" fmla="*/ 2539365 h 2612594"/>
                            <a:gd name="connsiteX963" fmla="*/ 1371765 w 2647519"/>
                            <a:gd name="connsiteY963" fmla="*/ 2544127 h 2612594"/>
                            <a:gd name="connsiteX964" fmla="*/ 1320330 w 2647519"/>
                            <a:gd name="connsiteY964" fmla="*/ 2542222 h 2612594"/>
                            <a:gd name="connsiteX965" fmla="*/ 1249845 w 2647519"/>
                            <a:gd name="connsiteY965" fmla="*/ 2542222 h 2612594"/>
                            <a:gd name="connsiteX966" fmla="*/ 1242225 w 2647519"/>
                            <a:gd name="connsiteY966" fmla="*/ 2541270 h 2612594"/>
                            <a:gd name="connsiteX967" fmla="*/ 1212698 w 2647519"/>
                            <a:gd name="connsiteY967" fmla="*/ 2528887 h 2612594"/>
                            <a:gd name="connsiteX968" fmla="*/ 1196505 w 2647519"/>
                            <a:gd name="connsiteY968" fmla="*/ 2539365 h 2612594"/>
                            <a:gd name="connsiteX969" fmla="*/ 1196464 w 2647519"/>
                            <a:gd name="connsiteY969" fmla="*/ 2539447 h 2612594"/>
                            <a:gd name="connsiteX970" fmla="*/ 1209840 w 2647519"/>
                            <a:gd name="connsiteY970" fmla="*/ 2530792 h 2612594"/>
                            <a:gd name="connsiteX971" fmla="*/ 1239368 w 2647519"/>
                            <a:gd name="connsiteY971" fmla="*/ 2543174 h 2612594"/>
                            <a:gd name="connsiteX972" fmla="*/ 1193648 w 2647519"/>
                            <a:gd name="connsiteY972" fmla="*/ 2541269 h 2612594"/>
                            <a:gd name="connsiteX973" fmla="*/ 1194008 w 2647519"/>
                            <a:gd name="connsiteY973" fmla="*/ 2541036 h 2612594"/>
                            <a:gd name="connsiteX974" fmla="*/ 1164120 w 2647519"/>
                            <a:gd name="connsiteY974" fmla="*/ 2536507 h 2612594"/>
                            <a:gd name="connsiteX975" fmla="*/ 1128878 w 2647519"/>
                            <a:gd name="connsiteY975" fmla="*/ 2528887 h 2612594"/>
                            <a:gd name="connsiteX976" fmla="*/ 1098398 w 2647519"/>
                            <a:gd name="connsiteY976" fmla="*/ 2522220 h 2612594"/>
                            <a:gd name="connsiteX977" fmla="*/ 1070775 w 2647519"/>
                            <a:gd name="connsiteY977" fmla="*/ 2517457 h 2612594"/>
                            <a:gd name="connsiteX978" fmla="*/ 1045058 w 2647519"/>
                            <a:gd name="connsiteY978" fmla="*/ 2512695 h 2612594"/>
                            <a:gd name="connsiteX979" fmla="*/ 941235 w 2647519"/>
                            <a:gd name="connsiteY979" fmla="*/ 2486025 h 2612594"/>
                            <a:gd name="connsiteX980" fmla="*/ 888848 w 2647519"/>
                            <a:gd name="connsiteY980" fmla="*/ 2470785 h 2612594"/>
                            <a:gd name="connsiteX981" fmla="*/ 873608 w 2647519"/>
                            <a:gd name="connsiteY981" fmla="*/ 2457450 h 2612594"/>
                            <a:gd name="connsiteX982" fmla="*/ 838365 w 2647519"/>
                            <a:gd name="connsiteY982" fmla="*/ 2450782 h 2612594"/>
                            <a:gd name="connsiteX983" fmla="*/ 785978 w 2647519"/>
                            <a:gd name="connsiteY983" fmla="*/ 2424112 h 2612594"/>
                            <a:gd name="connsiteX984" fmla="*/ 770738 w 2647519"/>
                            <a:gd name="connsiteY984" fmla="*/ 2425065 h 2612594"/>
                            <a:gd name="connsiteX985" fmla="*/ 716445 w 2647519"/>
                            <a:gd name="connsiteY985" fmla="*/ 2397442 h 2612594"/>
                            <a:gd name="connsiteX986" fmla="*/ 706920 w 2647519"/>
                            <a:gd name="connsiteY986" fmla="*/ 2380297 h 2612594"/>
                            <a:gd name="connsiteX987" fmla="*/ 708825 w 2647519"/>
                            <a:gd name="connsiteY987" fmla="*/ 2379345 h 2612594"/>
                            <a:gd name="connsiteX988" fmla="*/ 742163 w 2647519"/>
                            <a:gd name="connsiteY988" fmla="*/ 2397442 h 2612594"/>
                            <a:gd name="connsiteX989" fmla="*/ 775500 w 2647519"/>
                            <a:gd name="connsiteY989" fmla="*/ 2415540 h 2612594"/>
                            <a:gd name="connsiteX990" fmla="*/ 785025 w 2647519"/>
                            <a:gd name="connsiteY990" fmla="*/ 2409825 h 2612594"/>
                            <a:gd name="connsiteX991" fmla="*/ 745973 w 2647519"/>
                            <a:gd name="connsiteY991" fmla="*/ 2384107 h 2612594"/>
                            <a:gd name="connsiteX992" fmla="*/ 713588 w 2647519"/>
                            <a:gd name="connsiteY992" fmla="*/ 2369820 h 2612594"/>
                            <a:gd name="connsiteX993" fmla="*/ 668820 w 2647519"/>
                            <a:gd name="connsiteY993" fmla="*/ 2344102 h 2612594"/>
                            <a:gd name="connsiteX994" fmla="*/ 630720 w 2647519"/>
                            <a:gd name="connsiteY994" fmla="*/ 2319337 h 2612594"/>
                            <a:gd name="connsiteX995" fmla="*/ 570713 w 2647519"/>
                            <a:gd name="connsiteY995" fmla="*/ 2293620 h 2612594"/>
                            <a:gd name="connsiteX996" fmla="*/ 547853 w 2647519"/>
                            <a:gd name="connsiteY996" fmla="*/ 2274570 h 2612594"/>
                            <a:gd name="connsiteX997" fmla="*/ 552615 w 2647519"/>
                            <a:gd name="connsiteY997" fmla="*/ 2272665 h 2612594"/>
                            <a:gd name="connsiteX998" fmla="*/ 575475 w 2647519"/>
                            <a:gd name="connsiteY998" fmla="*/ 2279332 h 2612594"/>
                            <a:gd name="connsiteX999" fmla="*/ 527850 w 2647519"/>
                            <a:gd name="connsiteY999" fmla="*/ 2229802 h 2612594"/>
                            <a:gd name="connsiteX1000" fmla="*/ 501180 w 2647519"/>
                            <a:gd name="connsiteY1000" fmla="*/ 2207895 h 2612594"/>
                            <a:gd name="connsiteX1001" fmla="*/ 476415 w 2647519"/>
                            <a:gd name="connsiteY1001" fmla="*/ 2185987 h 2612594"/>
                            <a:gd name="connsiteX1002" fmla="*/ 444983 w 2647519"/>
                            <a:gd name="connsiteY1002" fmla="*/ 2160270 h 2612594"/>
                            <a:gd name="connsiteX1003" fmla="*/ 399263 w 2647519"/>
                            <a:gd name="connsiteY1003" fmla="*/ 2109787 h 2612594"/>
                            <a:gd name="connsiteX1004" fmla="*/ 396126 w 2647519"/>
                            <a:gd name="connsiteY1004" fmla="*/ 2099983 h 2612594"/>
                            <a:gd name="connsiteX1005" fmla="*/ 386880 w 2647519"/>
                            <a:gd name="connsiteY1005" fmla="*/ 2090737 h 2612594"/>
                            <a:gd name="connsiteX1006" fmla="*/ 355448 w 2647519"/>
                            <a:gd name="connsiteY1006" fmla="*/ 2056447 h 2612594"/>
                            <a:gd name="connsiteX1007" fmla="*/ 351638 w 2647519"/>
                            <a:gd name="connsiteY1007" fmla="*/ 2039302 h 2612594"/>
                            <a:gd name="connsiteX1008" fmla="*/ 339255 w 2647519"/>
                            <a:gd name="connsiteY1008" fmla="*/ 2022157 h 2612594"/>
                            <a:gd name="connsiteX1009" fmla="*/ 337780 w 2647519"/>
                            <a:gd name="connsiteY1009" fmla="*/ 2019844 h 2612594"/>
                            <a:gd name="connsiteX1010" fmla="*/ 323062 w 2647519"/>
                            <a:gd name="connsiteY1010" fmla="*/ 2009774 h 2612594"/>
                            <a:gd name="connsiteX1011" fmla="*/ 294487 w 2647519"/>
                            <a:gd name="connsiteY1011" fmla="*/ 1968817 h 2612594"/>
                            <a:gd name="connsiteX1012" fmla="*/ 278295 w 2647519"/>
                            <a:gd name="connsiteY1012" fmla="*/ 1930717 h 2612594"/>
                            <a:gd name="connsiteX1013" fmla="*/ 276390 w 2647519"/>
                            <a:gd name="connsiteY1013" fmla="*/ 1930717 h 2612594"/>
                            <a:gd name="connsiteX1014" fmla="*/ 254483 w 2647519"/>
                            <a:gd name="connsiteY1014" fmla="*/ 1888807 h 2612594"/>
                            <a:gd name="connsiteX1015" fmla="*/ 233528 w 2647519"/>
                            <a:gd name="connsiteY1015" fmla="*/ 1846897 h 2612594"/>
                            <a:gd name="connsiteX1016" fmla="*/ 211620 w 2647519"/>
                            <a:gd name="connsiteY1016" fmla="*/ 1798320 h 2612594"/>
                            <a:gd name="connsiteX1017" fmla="*/ 191618 w 2647519"/>
                            <a:gd name="connsiteY1017" fmla="*/ 1748790 h 2612594"/>
                            <a:gd name="connsiteX1018" fmla="*/ 211620 w 2647519"/>
                            <a:gd name="connsiteY1018" fmla="*/ 1782127 h 2612594"/>
                            <a:gd name="connsiteX1019" fmla="*/ 231623 w 2647519"/>
                            <a:gd name="connsiteY1019" fmla="*/ 1824037 h 2612594"/>
                            <a:gd name="connsiteX1020" fmla="*/ 238290 w 2647519"/>
                            <a:gd name="connsiteY1020" fmla="*/ 1846897 h 2612594"/>
                            <a:gd name="connsiteX1021" fmla="*/ 241046 w 2647519"/>
                            <a:gd name="connsiteY1021" fmla="*/ 1850938 h 2612594"/>
                            <a:gd name="connsiteX1022" fmla="*/ 237654 w 2647519"/>
                            <a:gd name="connsiteY1022" fmla="*/ 1833303 h 2612594"/>
                            <a:gd name="connsiteX1023" fmla="*/ 228809 w 2647519"/>
                            <a:gd name="connsiteY1023" fmla="*/ 1817250 h 2612594"/>
                            <a:gd name="connsiteX1024" fmla="*/ 214411 w 2647519"/>
                            <a:gd name="connsiteY1024" fmla="*/ 1784874 h 2612594"/>
                            <a:gd name="connsiteX1025" fmla="*/ 197332 w 2647519"/>
                            <a:gd name="connsiteY1025" fmla="*/ 1756409 h 2612594"/>
                            <a:gd name="connsiteX1026" fmla="*/ 176377 w 2647519"/>
                            <a:gd name="connsiteY1026" fmla="*/ 1699259 h 2612594"/>
                            <a:gd name="connsiteX1027" fmla="*/ 158424 w 2647519"/>
                            <a:gd name="connsiteY1027" fmla="*/ 1640674 h 2612594"/>
                            <a:gd name="connsiteX1028" fmla="*/ 152529 w 2647519"/>
                            <a:gd name="connsiteY1028" fmla="*/ 1623596 h 2612594"/>
                            <a:gd name="connsiteX1029" fmla="*/ 126853 w 2647519"/>
                            <a:gd name="connsiteY1029" fmla="*/ 1521108 h 2612594"/>
                            <a:gd name="connsiteX1030" fmla="*/ 115498 w 2647519"/>
                            <a:gd name="connsiteY1030" fmla="*/ 1446707 h 2612594"/>
                            <a:gd name="connsiteX1031" fmla="*/ 115417 w 2647519"/>
                            <a:gd name="connsiteY1031" fmla="*/ 1448752 h 2612594"/>
                            <a:gd name="connsiteX1032" fmla="*/ 116370 w 2647519"/>
                            <a:gd name="connsiteY1032" fmla="*/ 1463992 h 2612594"/>
                            <a:gd name="connsiteX1033" fmla="*/ 121132 w 2647519"/>
                            <a:gd name="connsiteY1033" fmla="*/ 1499235 h 2612594"/>
                            <a:gd name="connsiteX1034" fmla="*/ 126847 w 2647519"/>
                            <a:gd name="connsiteY1034" fmla="*/ 1535430 h 2612594"/>
                            <a:gd name="connsiteX1035" fmla="*/ 117322 w 2647519"/>
                            <a:gd name="connsiteY1035" fmla="*/ 1503997 h 2612594"/>
                            <a:gd name="connsiteX1036" fmla="*/ 110655 w 2647519"/>
                            <a:gd name="connsiteY1036" fmla="*/ 1463992 h 2612594"/>
                            <a:gd name="connsiteX1037" fmla="*/ 103035 w 2647519"/>
                            <a:gd name="connsiteY1037" fmla="*/ 1463992 h 2612594"/>
                            <a:gd name="connsiteX1038" fmla="*/ 98272 w 2647519"/>
                            <a:gd name="connsiteY1038" fmla="*/ 1427797 h 2612594"/>
                            <a:gd name="connsiteX1039" fmla="*/ 91605 w 2647519"/>
                            <a:gd name="connsiteY1039" fmla="*/ 1404937 h 2612594"/>
                            <a:gd name="connsiteX1040" fmla="*/ 85890 w 2647519"/>
                            <a:gd name="connsiteY1040" fmla="*/ 1383030 h 2612594"/>
                            <a:gd name="connsiteX1041" fmla="*/ 69697 w 2647519"/>
                            <a:gd name="connsiteY1041" fmla="*/ 1365885 h 2612594"/>
                            <a:gd name="connsiteX1042" fmla="*/ 64935 w 2647519"/>
                            <a:gd name="connsiteY1042" fmla="*/ 1365885 h 2612594"/>
                            <a:gd name="connsiteX1043" fmla="*/ 60172 w 2647519"/>
                            <a:gd name="connsiteY1043" fmla="*/ 1342072 h 2612594"/>
                            <a:gd name="connsiteX1044" fmla="*/ 58267 w 2647519"/>
                            <a:gd name="connsiteY1044" fmla="*/ 1311592 h 2612594"/>
                            <a:gd name="connsiteX1045" fmla="*/ 62077 w 2647519"/>
                            <a:gd name="connsiteY1045" fmla="*/ 1268730 h 2612594"/>
                            <a:gd name="connsiteX1046" fmla="*/ 63982 w 2647519"/>
                            <a:gd name="connsiteY1046" fmla="*/ 1253490 h 2612594"/>
                            <a:gd name="connsiteX1047" fmla="*/ 67226 w 2647519"/>
                            <a:gd name="connsiteY1047" fmla="*/ 1243037 h 2612594"/>
                            <a:gd name="connsiteX1048" fmla="*/ 65649 w 2647519"/>
                            <a:gd name="connsiteY1048" fmla="*/ 1219200 h 2612594"/>
                            <a:gd name="connsiteX1049" fmla="*/ 67792 w 2647519"/>
                            <a:gd name="connsiteY1049" fmla="*/ 1183957 h 2612594"/>
                            <a:gd name="connsiteX1050" fmla="*/ 71602 w 2647519"/>
                            <a:gd name="connsiteY1050" fmla="*/ 1176814 h 2612594"/>
                            <a:gd name="connsiteX1051" fmla="*/ 71602 w 2647519"/>
                            <a:gd name="connsiteY1051" fmla="*/ 1172527 h 2612594"/>
                            <a:gd name="connsiteX1052" fmla="*/ 63982 w 2647519"/>
                            <a:gd name="connsiteY1052" fmla="*/ 1186815 h 2612594"/>
                            <a:gd name="connsiteX1053" fmla="*/ 57315 w 2647519"/>
                            <a:gd name="connsiteY1053" fmla="*/ 1177290 h 2612594"/>
                            <a:gd name="connsiteX1054" fmla="*/ 44932 w 2647519"/>
                            <a:gd name="connsiteY1054" fmla="*/ 1160145 h 2612594"/>
                            <a:gd name="connsiteX1055" fmla="*/ 42670 w 2647519"/>
                            <a:gd name="connsiteY1055" fmla="*/ 1146572 h 2612594"/>
                            <a:gd name="connsiteX1056" fmla="*/ 42075 w 2647519"/>
                            <a:gd name="connsiteY1056" fmla="*/ 1147762 h 2612594"/>
                            <a:gd name="connsiteX1057" fmla="*/ 38265 w 2647519"/>
                            <a:gd name="connsiteY1057" fmla="*/ 1185862 h 2612594"/>
                            <a:gd name="connsiteX1058" fmla="*/ 35407 w 2647519"/>
                            <a:gd name="connsiteY1058" fmla="*/ 1223962 h 2612594"/>
                            <a:gd name="connsiteX1059" fmla="*/ 32550 w 2647519"/>
                            <a:gd name="connsiteY1059" fmla="*/ 1253490 h 2612594"/>
                            <a:gd name="connsiteX1060" fmla="*/ 32550 w 2647519"/>
                            <a:gd name="connsiteY1060" fmla="*/ 1314449 h 2612594"/>
                            <a:gd name="connsiteX1061" fmla="*/ 33502 w 2647519"/>
                            <a:gd name="connsiteY1061" fmla="*/ 1345882 h 2612594"/>
                            <a:gd name="connsiteX1062" fmla="*/ 35407 w 2647519"/>
                            <a:gd name="connsiteY1062" fmla="*/ 1377314 h 2612594"/>
                            <a:gd name="connsiteX1063" fmla="*/ 26835 w 2647519"/>
                            <a:gd name="connsiteY1063" fmla="*/ 1406842 h 2612594"/>
                            <a:gd name="connsiteX1064" fmla="*/ 24930 w 2647519"/>
                            <a:gd name="connsiteY1064" fmla="*/ 1406842 h 2612594"/>
                            <a:gd name="connsiteX1065" fmla="*/ 19215 w 2647519"/>
                            <a:gd name="connsiteY1065" fmla="*/ 1349692 h 2612594"/>
                            <a:gd name="connsiteX1066" fmla="*/ 19215 w 2647519"/>
                            <a:gd name="connsiteY1066" fmla="*/ 1290637 h 2612594"/>
                            <a:gd name="connsiteX1067" fmla="*/ 23977 w 2647519"/>
                            <a:gd name="connsiteY1067" fmla="*/ 1244917 h 2612594"/>
                            <a:gd name="connsiteX1068" fmla="*/ 32546 w 2647519"/>
                            <a:gd name="connsiteY1068" fmla="*/ 1253485 h 2612594"/>
                            <a:gd name="connsiteX1069" fmla="*/ 24930 w 2647519"/>
                            <a:gd name="connsiteY1069" fmla="*/ 1243965 h 2612594"/>
                            <a:gd name="connsiteX1070" fmla="*/ 23025 w 2647519"/>
                            <a:gd name="connsiteY1070" fmla="*/ 1209675 h 2612594"/>
                            <a:gd name="connsiteX1071" fmla="*/ 24930 w 2647519"/>
                            <a:gd name="connsiteY1071" fmla="*/ 1157287 h 2612594"/>
                            <a:gd name="connsiteX1072" fmla="*/ 25882 w 2647519"/>
                            <a:gd name="connsiteY1072" fmla="*/ 1143000 h 2612594"/>
                            <a:gd name="connsiteX1073" fmla="*/ 28740 w 2647519"/>
                            <a:gd name="connsiteY1073" fmla="*/ 1119187 h 2612594"/>
                            <a:gd name="connsiteX1074" fmla="*/ 40170 w 2647519"/>
                            <a:gd name="connsiteY1074" fmla="*/ 1076325 h 2612594"/>
                            <a:gd name="connsiteX1075" fmla="*/ 45865 w 2647519"/>
                            <a:gd name="connsiteY1075" fmla="*/ 1047851 h 2612594"/>
                            <a:gd name="connsiteX1076" fmla="*/ 43980 w 2647519"/>
                            <a:gd name="connsiteY1076" fmla="*/ 1041082 h 2612594"/>
                            <a:gd name="connsiteX1077" fmla="*/ 37312 w 2647519"/>
                            <a:gd name="connsiteY1077" fmla="*/ 1079182 h 2612594"/>
                            <a:gd name="connsiteX1078" fmla="*/ 25882 w 2647519"/>
                            <a:gd name="connsiteY1078" fmla="*/ 1122045 h 2612594"/>
                            <a:gd name="connsiteX1079" fmla="*/ 23025 w 2647519"/>
                            <a:gd name="connsiteY1079" fmla="*/ 1145857 h 2612594"/>
                            <a:gd name="connsiteX1080" fmla="*/ 22072 w 2647519"/>
                            <a:gd name="connsiteY1080" fmla="*/ 1160145 h 2612594"/>
                            <a:gd name="connsiteX1081" fmla="*/ 20167 w 2647519"/>
                            <a:gd name="connsiteY1081" fmla="*/ 1212532 h 2612594"/>
                            <a:gd name="connsiteX1082" fmla="*/ 22072 w 2647519"/>
                            <a:gd name="connsiteY1082" fmla="*/ 1246822 h 2612594"/>
                            <a:gd name="connsiteX1083" fmla="*/ 17310 w 2647519"/>
                            <a:gd name="connsiteY1083" fmla="*/ 1292542 h 2612594"/>
                            <a:gd name="connsiteX1084" fmla="*/ 17310 w 2647519"/>
                            <a:gd name="connsiteY1084" fmla="*/ 1351597 h 2612594"/>
                            <a:gd name="connsiteX1085" fmla="*/ 23025 w 2647519"/>
                            <a:gd name="connsiteY1085" fmla="*/ 1408747 h 2612594"/>
                            <a:gd name="connsiteX1086" fmla="*/ 24930 w 2647519"/>
                            <a:gd name="connsiteY1086" fmla="*/ 1408747 h 2612594"/>
                            <a:gd name="connsiteX1087" fmla="*/ 37312 w 2647519"/>
                            <a:gd name="connsiteY1087" fmla="*/ 1463040 h 2612594"/>
                            <a:gd name="connsiteX1088" fmla="*/ 43980 w 2647519"/>
                            <a:gd name="connsiteY1088" fmla="*/ 1507807 h 2612594"/>
                            <a:gd name="connsiteX1089" fmla="*/ 58267 w 2647519"/>
                            <a:gd name="connsiteY1089" fmla="*/ 1553527 h 2612594"/>
                            <a:gd name="connsiteX1090" fmla="*/ 80770 w 2647519"/>
                            <a:gd name="connsiteY1090" fmla="*/ 1651843 h 2612594"/>
                            <a:gd name="connsiteX1091" fmla="*/ 82734 w 2647519"/>
                            <a:gd name="connsiteY1091" fmla="*/ 1670685 h 2612594"/>
                            <a:gd name="connsiteX1092" fmla="*/ 86843 w 2647519"/>
                            <a:gd name="connsiteY1092" fmla="*/ 1670685 h 2612594"/>
                            <a:gd name="connsiteX1093" fmla="*/ 107798 w 2647519"/>
                            <a:gd name="connsiteY1093" fmla="*/ 1721167 h 2612594"/>
                            <a:gd name="connsiteX1094" fmla="*/ 115418 w 2647519"/>
                            <a:gd name="connsiteY1094" fmla="*/ 1746885 h 2612594"/>
                            <a:gd name="connsiteX1095" fmla="*/ 101130 w 2647519"/>
                            <a:gd name="connsiteY1095" fmla="*/ 1724977 h 2612594"/>
                            <a:gd name="connsiteX1096" fmla="*/ 85890 w 2647519"/>
                            <a:gd name="connsiteY1096" fmla="*/ 1690687 h 2612594"/>
                            <a:gd name="connsiteX1097" fmla="*/ 84938 w 2647519"/>
                            <a:gd name="connsiteY1097" fmla="*/ 1700212 h 2612594"/>
                            <a:gd name="connsiteX1098" fmla="*/ 76651 w 2647519"/>
                            <a:gd name="connsiteY1098" fmla="*/ 1674524 h 2612594"/>
                            <a:gd name="connsiteX1099" fmla="*/ 70650 w 2647519"/>
                            <a:gd name="connsiteY1099" fmla="*/ 1675447 h 2612594"/>
                            <a:gd name="connsiteX1100" fmla="*/ 63982 w 2647519"/>
                            <a:gd name="connsiteY1100" fmla="*/ 1653540 h 2612594"/>
                            <a:gd name="connsiteX1101" fmla="*/ 41122 w 2647519"/>
                            <a:gd name="connsiteY1101" fmla="*/ 1601152 h 2612594"/>
                            <a:gd name="connsiteX1102" fmla="*/ 26835 w 2647519"/>
                            <a:gd name="connsiteY1102" fmla="*/ 1554480 h 2612594"/>
                            <a:gd name="connsiteX1103" fmla="*/ 25882 w 2647519"/>
                            <a:gd name="connsiteY1103" fmla="*/ 1515427 h 2612594"/>
                            <a:gd name="connsiteX1104" fmla="*/ 19215 w 2647519"/>
                            <a:gd name="connsiteY1104" fmla="*/ 1469707 h 2612594"/>
                            <a:gd name="connsiteX1105" fmla="*/ 14452 w 2647519"/>
                            <a:gd name="connsiteY1105" fmla="*/ 1423987 h 2612594"/>
                            <a:gd name="connsiteX1106" fmla="*/ 3975 w 2647519"/>
                            <a:gd name="connsiteY1106" fmla="*/ 1390650 h 2612594"/>
                            <a:gd name="connsiteX1107" fmla="*/ 10642 w 2647519"/>
                            <a:gd name="connsiteY1107" fmla="*/ 1213485 h 2612594"/>
                            <a:gd name="connsiteX1108" fmla="*/ 17310 w 2647519"/>
                            <a:gd name="connsiteY1108" fmla="*/ 1167765 h 2612594"/>
                            <a:gd name="connsiteX1109" fmla="*/ 11595 w 2647519"/>
                            <a:gd name="connsiteY1109" fmla="*/ 1143000 h 2612594"/>
                            <a:gd name="connsiteX1110" fmla="*/ 23025 w 2647519"/>
                            <a:gd name="connsiteY1110" fmla="*/ 1074420 h 2612594"/>
                            <a:gd name="connsiteX1111" fmla="*/ 25882 w 2647519"/>
                            <a:gd name="connsiteY1111" fmla="*/ 1058227 h 2612594"/>
                            <a:gd name="connsiteX1112" fmla="*/ 33502 w 2647519"/>
                            <a:gd name="connsiteY1112" fmla="*/ 1002982 h 2612594"/>
                            <a:gd name="connsiteX1113" fmla="*/ 53505 w 2647519"/>
                            <a:gd name="connsiteY1113" fmla="*/ 962977 h 2612594"/>
                            <a:gd name="connsiteX1114" fmla="*/ 48742 w 2647519"/>
                            <a:gd name="connsiteY1114" fmla="*/ 1017270 h 2612594"/>
                            <a:gd name="connsiteX1115" fmla="*/ 53503 w 2647519"/>
                            <a:gd name="connsiteY1115" fmla="*/ 1007964 h 2612594"/>
                            <a:gd name="connsiteX1116" fmla="*/ 56362 w 2647519"/>
                            <a:gd name="connsiteY1116" fmla="*/ 985718 h 2612594"/>
                            <a:gd name="connsiteX1117" fmla="*/ 57315 w 2647519"/>
                            <a:gd name="connsiteY1117" fmla="*/ 961072 h 2612594"/>
                            <a:gd name="connsiteX1118" fmla="*/ 65887 w 2647519"/>
                            <a:gd name="connsiteY1118" fmla="*/ 929639 h 2612594"/>
                            <a:gd name="connsiteX1119" fmla="*/ 79222 w 2647519"/>
                            <a:gd name="connsiteY1119" fmla="*/ 882014 h 2612594"/>
                            <a:gd name="connsiteX1120" fmla="*/ 95415 w 2647519"/>
                            <a:gd name="connsiteY1120" fmla="*/ 833437 h 2612594"/>
                            <a:gd name="connsiteX1121" fmla="*/ 96628 w 2647519"/>
                            <a:gd name="connsiteY1121" fmla="*/ 832072 h 2612594"/>
                            <a:gd name="connsiteX1122" fmla="*/ 103988 w 2647519"/>
                            <a:gd name="connsiteY1122" fmla="*/ 793432 h 2612594"/>
                            <a:gd name="connsiteX1123" fmla="*/ 114465 w 2647519"/>
                            <a:gd name="connsiteY1123" fmla="*/ 765809 h 2612594"/>
                            <a:gd name="connsiteX1124" fmla="*/ 126848 w 2647519"/>
                            <a:gd name="connsiteY1124" fmla="*/ 742949 h 2612594"/>
                            <a:gd name="connsiteX1125" fmla="*/ 151613 w 2647519"/>
                            <a:gd name="connsiteY1125" fmla="*/ 695324 h 2612594"/>
                            <a:gd name="connsiteX1126" fmla="*/ 171615 w 2647519"/>
                            <a:gd name="connsiteY1126" fmla="*/ 652462 h 2612594"/>
                            <a:gd name="connsiteX1127" fmla="*/ 200190 w 2647519"/>
                            <a:gd name="connsiteY1127" fmla="*/ 597217 h 2612594"/>
                            <a:gd name="connsiteX1128" fmla="*/ 221145 w 2647519"/>
                            <a:gd name="connsiteY1128" fmla="*/ 573404 h 2612594"/>
                            <a:gd name="connsiteX1129" fmla="*/ 238290 w 2647519"/>
                            <a:gd name="connsiteY1129" fmla="*/ 540067 h 2612594"/>
                            <a:gd name="connsiteX1130" fmla="*/ 252578 w 2647519"/>
                            <a:gd name="connsiteY1130" fmla="*/ 519112 h 2612594"/>
                            <a:gd name="connsiteX1131" fmla="*/ 267818 w 2647519"/>
                            <a:gd name="connsiteY1131" fmla="*/ 511492 h 2612594"/>
                            <a:gd name="connsiteX1132" fmla="*/ 271628 w 2647519"/>
                            <a:gd name="connsiteY1132" fmla="*/ 505777 h 2612594"/>
                            <a:gd name="connsiteX1133" fmla="*/ 286868 w 2647519"/>
                            <a:gd name="connsiteY1133" fmla="*/ 475297 h 2612594"/>
                            <a:gd name="connsiteX1134" fmla="*/ 316395 w 2647519"/>
                            <a:gd name="connsiteY1134" fmla="*/ 441007 h 2612594"/>
                            <a:gd name="connsiteX1135" fmla="*/ 317199 w 2647519"/>
                            <a:gd name="connsiteY1135" fmla="*/ 455339 h 2612594"/>
                            <a:gd name="connsiteX1136" fmla="*/ 315045 w 2647519"/>
                            <a:gd name="connsiteY1136" fmla="*/ 461363 h 2612594"/>
                            <a:gd name="connsiteX1137" fmla="*/ 345922 w 2647519"/>
                            <a:gd name="connsiteY1137" fmla="*/ 429577 h 2612594"/>
                            <a:gd name="connsiteX1138" fmla="*/ 361162 w 2647519"/>
                            <a:gd name="connsiteY1138" fmla="*/ 409575 h 2612594"/>
                            <a:gd name="connsiteX1139" fmla="*/ 381165 w 2647519"/>
                            <a:gd name="connsiteY1139" fmla="*/ 390525 h 2612594"/>
                            <a:gd name="connsiteX1140" fmla="*/ 382889 w 2647519"/>
                            <a:gd name="connsiteY1140" fmla="*/ 392440 h 2612594"/>
                            <a:gd name="connsiteX1141" fmla="*/ 382118 w 2647519"/>
                            <a:gd name="connsiteY1141" fmla="*/ 391477 h 2612594"/>
                            <a:gd name="connsiteX1142" fmla="*/ 406883 w 2647519"/>
                            <a:gd name="connsiteY1142" fmla="*/ 366712 h 2612594"/>
                            <a:gd name="connsiteX1143" fmla="*/ 431648 w 2647519"/>
                            <a:gd name="connsiteY1143" fmla="*/ 343852 h 2612594"/>
                            <a:gd name="connsiteX1144" fmla="*/ 458318 w 2647519"/>
                            <a:gd name="connsiteY1144" fmla="*/ 315277 h 2612594"/>
                            <a:gd name="connsiteX1145" fmla="*/ 495465 w 2647519"/>
                            <a:gd name="connsiteY1145" fmla="*/ 287654 h 2612594"/>
                            <a:gd name="connsiteX1146" fmla="*/ 535470 w 2647519"/>
                            <a:gd name="connsiteY1146" fmla="*/ 258127 h 2612594"/>
                            <a:gd name="connsiteX1147" fmla="*/ 559389 w 2647519"/>
                            <a:gd name="connsiteY1147" fmla="*/ 241440 h 2612594"/>
                            <a:gd name="connsiteX1148" fmla="*/ 575475 w 2647519"/>
                            <a:gd name="connsiteY1148" fmla="*/ 226694 h 2612594"/>
                            <a:gd name="connsiteX1149" fmla="*/ 604050 w 2647519"/>
                            <a:gd name="connsiteY1149" fmla="*/ 209549 h 2612594"/>
                            <a:gd name="connsiteX1150" fmla="*/ 634530 w 2647519"/>
                            <a:gd name="connsiteY1150" fmla="*/ 193357 h 2612594"/>
                            <a:gd name="connsiteX1151" fmla="*/ 638565 w 2647519"/>
                            <a:gd name="connsiteY1151" fmla="*/ 191282 h 2612594"/>
                            <a:gd name="connsiteX1152" fmla="*/ 648937 w 2647519"/>
                            <a:gd name="connsiteY1152" fmla="*/ 181094 h 2612594"/>
                            <a:gd name="connsiteX1153" fmla="*/ 665963 w 2647519"/>
                            <a:gd name="connsiteY1153" fmla="*/ 168592 h 2612594"/>
                            <a:gd name="connsiteX1154" fmla="*/ 684656 w 2647519"/>
                            <a:gd name="connsiteY1154" fmla="*/ 159067 h 2612594"/>
                            <a:gd name="connsiteX1155" fmla="*/ 697880 w 2647519"/>
                            <a:gd name="connsiteY1155" fmla="*/ 156023 h 2612594"/>
                            <a:gd name="connsiteX1156" fmla="*/ 700252 w 2647519"/>
                            <a:gd name="connsiteY1156" fmla="*/ 154304 h 2612594"/>
                            <a:gd name="connsiteX1157" fmla="*/ 959332 w 2647519"/>
                            <a:gd name="connsiteY1157" fmla="*/ 49529 h 2612594"/>
                            <a:gd name="connsiteX1158" fmla="*/ 968945 w 2647519"/>
                            <a:gd name="connsiteY1158" fmla="*/ 47439 h 2612594"/>
                            <a:gd name="connsiteX1159" fmla="*/ 995527 w 2647519"/>
                            <a:gd name="connsiteY1159" fmla="*/ 38099 h 2612594"/>
                            <a:gd name="connsiteX1160" fmla="*/ 1013863 w 2647519"/>
                            <a:gd name="connsiteY1160" fmla="*/ 34408 h 2612594"/>
                            <a:gd name="connsiteX1161" fmla="*/ 1023424 w 2647519"/>
                            <a:gd name="connsiteY1161" fmla="*/ 34327 h 2612594"/>
                            <a:gd name="connsiteX1162" fmla="*/ 1026960 w 2647519"/>
                            <a:gd name="connsiteY1162" fmla="*/ 33337 h 2612594"/>
                            <a:gd name="connsiteX1163" fmla="*/ 1244130 w 2647519"/>
                            <a:gd name="connsiteY1163" fmla="*/ 4762 h 2612594"/>
                            <a:gd name="connsiteX1164" fmla="*/ 1305804 w 2647519"/>
                            <a:gd name="connsiteY1164" fmla="*/ 4524 h 2612594"/>
                            <a:gd name="connsiteX1165" fmla="*/ 1371765 w 2647519"/>
                            <a:gd name="connsiteY1165" fmla="*/ 5714 h 2612594"/>
                            <a:gd name="connsiteX1166" fmla="*/ 1372993 w 2647519"/>
                            <a:gd name="connsiteY1166" fmla="*/ 6635 h 2612594"/>
                            <a:gd name="connsiteX1167" fmla="*/ 1405103 w 2647519"/>
                            <a:gd name="connsiteY1167" fmla="*/ 2857 h 2612594"/>
                            <a:gd name="connsiteX1168" fmla="*/ 1434630 w 2647519"/>
                            <a:gd name="connsiteY1168" fmla="*/ 7619 h 2612594"/>
                            <a:gd name="connsiteX1169" fmla="*/ 1464158 w 2647519"/>
                            <a:gd name="connsiteY1169" fmla="*/ 13334 h 2612594"/>
                            <a:gd name="connsiteX1170" fmla="*/ 1479392 w 2647519"/>
                            <a:gd name="connsiteY1170" fmla="*/ 16797 h 2612594"/>
                            <a:gd name="connsiteX1171" fmla="*/ 1463205 w 2647519"/>
                            <a:gd name="connsiteY1171" fmla="*/ 12382 h 2612594"/>
                            <a:gd name="connsiteX1172" fmla="*/ 1433677 w 2647519"/>
                            <a:gd name="connsiteY1172" fmla="*/ 6667 h 2612594"/>
                            <a:gd name="connsiteX1173" fmla="*/ 1404150 w 2647519"/>
                            <a:gd name="connsiteY1173" fmla="*/ 1905 h 2612594"/>
                            <a:gd name="connsiteX1174" fmla="*/ 1404150 w 2647519"/>
                            <a:gd name="connsiteY1174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4" y="2520821"/>
                              </a:moveTo>
                              <a:lnTo>
                                <a:pt x="1643880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3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2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6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3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4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6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1" y="2265793"/>
                              </a:lnTo>
                              <a:close/>
                              <a:moveTo>
                                <a:pt x="2099802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80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61" y="2217358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6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5" y="2175510"/>
                                <a:pt x="2187820" y="2174974"/>
                              </a:cubicBezTo>
                              <a:close/>
                              <a:moveTo>
                                <a:pt x="475386" y="2153525"/>
                              </a:moveTo>
                              <a:lnTo>
                                <a:pt x="477272" y="2155822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4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2" y="2051897"/>
                              </a:lnTo>
                              <a:lnTo>
                                <a:pt x="2291272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1" y="1790989"/>
                                <a:pt x="2407787" y="1830865"/>
                                <a:pt x="2386218" y="1869449"/>
                              </a:cubicBezTo>
                              <a:lnTo>
                                <a:pt x="2377660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5"/>
                              </a:lnTo>
                              <a:lnTo>
                                <a:pt x="2141046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900"/>
                              </a:lnTo>
                              <a:lnTo>
                                <a:pt x="2038960" y="2261093"/>
                              </a:lnTo>
                              <a:lnTo>
                                <a:pt x="2036092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0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1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8" y="2365909"/>
                              </a:lnTo>
                              <a:lnTo>
                                <a:pt x="1809483" y="2392922"/>
                              </a:lnTo>
                              <a:cubicBezTo>
                                <a:pt x="1768715" y="2410756"/>
                                <a:pt x="1726785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10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3" y="1686218"/>
                              </a:lnTo>
                              <a:lnTo>
                                <a:pt x="2513218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1" y="1451152"/>
                              </a:lnTo>
                              <a:lnTo>
                                <a:pt x="2586542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599181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6" y="1369207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7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0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0" y="383325"/>
                              </a:lnTo>
                              <a:lnTo>
                                <a:pt x="456651" y="391477"/>
                              </a:lnTo>
                              <a:lnTo>
                                <a:pt x="454684" y="394338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52" y="590631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4" y="394338"/>
                              </a:lnTo>
                              <a:lnTo>
                                <a:pt x="464430" y="383325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6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50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4" y="364272"/>
                                <a:pt x="504752" y="361295"/>
                              </a:cubicBezTo>
                              <a:lnTo>
                                <a:pt x="512657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8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8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3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5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7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3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9" y="483516"/>
                                <a:pt x="2540483" y="854556"/>
                                <a:pt x="2540483" y="1275397"/>
                              </a:cubicBezTo>
                              <a:lnTo>
                                <a:pt x="2540081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9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cubicBezTo>
                                <a:pt x="2525242" y="1820227"/>
                                <a:pt x="2519527" y="1823085"/>
                                <a:pt x="2514765" y="1824990"/>
                              </a:cubicBez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6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6" y="2155031"/>
                                <a:pt x="2319383" y="2160389"/>
                              </a:cubicBezTo>
                              <a:lnTo>
                                <a:pt x="2303230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5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1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4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60" y="2417870"/>
                              </a:lnTo>
                              <a:lnTo>
                                <a:pt x="1997979" y="2418995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80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6" y="1850938"/>
                              </a:lnTo>
                              <a:lnTo>
                                <a:pt x="237654" y="1833303"/>
                              </a:lnTo>
                              <a:lnTo>
                                <a:pt x="228809" y="1817250"/>
                              </a:lnTo>
                              <a:lnTo>
                                <a:pt x="214411" y="1784874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4" y="1640674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9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6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2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9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5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2">
                            <a:alpha val="36000"/>
                          </a:schemeClr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17" name="Freeform: Shape 10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/>
                      <wps:spPr>
                        <a:xfrm rot="10800000" flipH="1" flipV="1">
                          <a:off x="6502400" y="2810934"/>
                          <a:ext cx="1135342" cy="1120865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4 w 2647519"/>
                            <a:gd name="connsiteY9" fmla="*/ 2520821 h 2612594"/>
                            <a:gd name="connsiteX10" fmla="*/ 1643880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3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2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3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4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6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1 w 2647519"/>
                            <a:gd name="connsiteY143" fmla="*/ 2265793 h 2612594"/>
                            <a:gd name="connsiteX144" fmla="*/ 2099802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80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61 w 2647519"/>
                            <a:gd name="connsiteY154" fmla="*/ 2217358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6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5 h 2612594"/>
                            <a:gd name="connsiteX166" fmla="*/ 477272 w 2647519"/>
                            <a:gd name="connsiteY166" fmla="*/ 2155822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78787 w 2647519"/>
                            <a:gd name="connsiteY180" fmla="*/ 2272865 h 2612594"/>
                            <a:gd name="connsiteX181" fmla="*/ 482130 w 2647519"/>
                            <a:gd name="connsiteY181" fmla="*/ 2274569 h 2612594"/>
                            <a:gd name="connsiteX182" fmla="*/ 492608 w 2647519"/>
                            <a:gd name="connsiteY182" fmla="*/ 2265997 h 2612594"/>
                            <a:gd name="connsiteX183" fmla="*/ 583095 w 2647519"/>
                            <a:gd name="connsiteY183" fmla="*/ 2337434 h 2612594"/>
                            <a:gd name="connsiteX184" fmla="*/ 564998 w 2647519"/>
                            <a:gd name="connsiteY184" fmla="*/ 2343149 h 2612594"/>
                            <a:gd name="connsiteX185" fmla="*/ 571665 w 2647519"/>
                            <a:gd name="connsiteY185" fmla="*/ 2347912 h 2612594"/>
                            <a:gd name="connsiteX186" fmla="*/ 544995 w 2647519"/>
                            <a:gd name="connsiteY186" fmla="*/ 2348864 h 2612594"/>
                            <a:gd name="connsiteX187" fmla="*/ 527850 w 2647519"/>
                            <a:gd name="connsiteY187" fmla="*/ 2337434 h 2612594"/>
                            <a:gd name="connsiteX188" fmla="*/ 511658 w 2647519"/>
                            <a:gd name="connsiteY188" fmla="*/ 2325052 h 2612594"/>
                            <a:gd name="connsiteX189" fmla="*/ 471653 w 2647519"/>
                            <a:gd name="connsiteY189" fmla="*/ 2291714 h 2612594"/>
                            <a:gd name="connsiteX190" fmla="*/ 434505 w 2647519"/>
                            <a:gd name="connsiteY190" fmla="*/ 2258377 h 2612594"/>
                            <a:gd name="connsiteX191" fmla="*/ 400215 w 2647519"/>
                            <a:gd name="connsiteY191" fmla="*/ 2225039 h 2612594"/>
                            <a:gd name="connsiteX192" fmla="*/ 384023 w 2647519"/>
                            <a:gd name="connsiteY192" fmla="*/ 2208847 h 2612594"/>
                            <a:gd name="connsiteX193" fmla="*/ 368783 w 2647519"/>
                            <a:gd name="connsiteY193" fmla="*/ 2191702 h 2612594"/>
                            <a:gd name="connsiteX194" fmla="*/ 374498 w 2647519"/>
                            <a:gd name="connsiteY194" fmla="*/ 2184082 h 2612594"/>
                            <a:gd name="connsiteX195" fmla="*/ 393548 w 2647519"/>
                            <a:gd name="connsiteY195" fmla="*/ 2201227 h 2612594"/>
                            <a:gd name="connsiteX196" fmla="*/ 414503 w 2647519"/>
                            <a:gd name="connsiteY196" fmla="*/ 2217419 h 2612594"/>
                            <a:gd name="connsiteX197" fmla="*/ 440220 w 2647519"/>
                            <a:gd name="connsiteY197" fmla="*/ 2245042 h 2612594"/>
                            <a:gd name="connsiteX198" fmla="*/ 442406 w 2647519"/>
                            <a:gd name="connsiteY198" fmla="*/ 2246917 h 2612594"/>
                            <a:gd name="connsiteX199" fmla="*/ 414503 w 2647519"/>
                            <a:gd name="connsiteY199" fmla="*/ 2217419 h 2612594"/>
                            <a:gd name="connsiteX200" fmla="*/ 394500 w 2647519"/>
                            <a:gd name="connsiteY200" fmla="*/ 2201227 h 2612594"/>
                            <a:gd name="connsiteX201" fmla="*/ 375450 w 2647519"/>
                            <a:gd name="connsiteY201" fmla="*/ 2184082 h 2612594"/>
                            <a:gd name="connsiteX202" fmla="*/ 354495 w 2647519"/>
                            <a:gd name="connsiteY202" fmla="*/ 2158364 h 2612594"/>
                            <a:gd name="connsiteX203" fmla="*/ 334493 w 2647519"/>
                            <a:gd name="connsiteY203" fmla="*/ 2131694 h 2612594"/>
                            <a:gd name="connsiteX204" fmla="*/ 2432850 w 2647519"/>
                            <a:gd name="connsiteY204" fmla="*/ 1980247 h 2612594"/>
                            <a:gd name="connsiteX205" fmla="*/ 2432367 w 2647519"/>
                            <a:gd name="connsiteY205" fmla="*/ 1980454 h 2612594"/>
                            <a:gd name="connsiteX206" fmla="*/ 2421964 w 2647519"/>
                            <a:gd name="connsiteY206" fmla="*/ 2005422 h 2612594"/>
                            <a:gd name="connsiteX207" fmla="*/ 2422850 w 2647519"/>
                            <a:gd name="connsiteY207" fmla="*/ 1860918 h 2612594"/>
                            <a:gd name="connsiteX208" fmla="*/ 2397608 w 2647519"/>
                            <a:gd name="connsiteY208" fmla="*/ 1897379 h 2612594"/>
                            <a:gd name="connsiteX209" fmla="*/ 2385225 w 2647519"/>
                            <a:gd name="connsiteY209" fmla="*/ 1920239 h 2612594"/>
                            <a:gd name="connsiteX210" fmla="*/ 2372843 w 2647519"/>
                            <a:gd name="connsiteY210" fmla="*/ 1941194 h 2612594"/>
                            <a:gd name="connsiteX211" fmla="*/ 2343315 w 2647519"/>
                            <a:gd name="connsiteY211" fmla="*/ 1980247 h 2612594"/>
                            <a:gd name="connsiteX212" fmla="*/ 2317598 w 2647519"/>
                            <a:gd name="connsiteY212" fmla="*/ 2019299 h 2612594"/>
                            <a:gd name="connsiteX213" fmla="*/ 2294738 w 2647519"/>
                            <a:gd name="connsiteY213" fmla="*/ 2050732 h 2612594"/>
                            <a:gd name="connsiteX214" fmla="*/ 2292832 w 2647519"/>
                            <a:gd name="connsiteY214" fmla="*/ 2051897 h 2612594"/>
                            <a:gd name="connsiteX215" fmla="*/ 2291272 w 2647519"/>
                            <a:gd name="connsiteY215" fmla="*/ 2054208 h 2612594"/>
                            <a:gd name="connsiteX216" fmla="*/ 2293785 w 2647519"/>
                            <a:gd name="connsiteY216" fmla="*/ 2052637 h 2612594"/>
                            <a:gd name="connsiteX217" fmla="*/ 2316645 w 2647519"/>
                            <a:gd name="connsiteY217" fmla="*/ 2021205 h 2612594"/>
                            <a:gd name="connsiteX218" fmla="*/ 2342363 w 2647519"/>
                            <a:gd name="connsiteY218" fmla="*/ 1982152 h 2612594"/>
                            <a:gd name="connsiteX219" fmla="*/ 2371890 w 2647519"/>
                            <a:gd name="connsiteY219" fmla="*/ 1943100 h 2612594"/>
                            <a:gd name="connsiteX220" fmla="*/ 2384273 w 2647519"/>
                            <a:gd name="connsiteY220" fmla="*/ 1922145 h 2612594"/>
                            <a:gd name="connsiteX221" fmla="*/ 2396655 w 2647519"/>
                            <a:gd name="connsiteY221" fmla="*/ 1899285 h 2612594"/>
                            <a:gd name="connsiteX222" fmla="*/ 2422373 w 2647519"/>
                            <a:gd name="connsiteY222" fmla="*/ 1862137 h 2612594"/>
                            <a:gd name="connsiteX223" fmla="*/ 2521433 w 2647519"/>
                            <a:gd name="connsiteY223" fmla="*/ 1847850 h 2612594"/>
                            <a:gd name="connsiteX224" fmla="*/ 2509050 w 2647519"/>
                            <a:gd name="connsiteY224" fmla="*/ 1884997 h 2612594"/>
                            <a:gd name="connsiteX225" fmla="*/ 2487143 w 2647519"/>
                            <a:gd name="connsiteY225" fmla="*/ 1925002 h 2612594"/>
                            <a:gd name="connsiteX226" fmla="*/ 2465235 w 2647519"/>
                            <a:gd name="connsiteY226" fmla="*/ 1965960 h 2612594"/>
                            <a:gd name="connsiteX227" fmla="*/ 2445233 w 2647519"/>
                            <a:gd name="connsiteY227" fmla="*/ 1991677 h 2612594"/>
                            <a:gd name="connsiteX228" fmla="*/ 2458568 w 2647519"/>
                            <a:gd name="connsiteY228" fmla="*/ 1965007 h 2612594"/>
                            <a:gd name="connsiteX229" fmla="*/ 2469998 w 2647519"/>
                            <a:gd name="connsiteY229" fmla="*/ 1938337 h 2612594"/>
                            <a:gd name="connsiteX230" fmla="*/ 2478570 w 2647519"/>
                            <a:gd name="connsiteY230" fmla="*/ 1924050 h 2612594"/>
                            <a:gd name="connsiteX231" fmla="*/ 2490000 w 2647519"/>
                            <a:gd name="connsiteY231" fmla="*/ 1905000 h 2612594"/>
                            <a:gd name="connsiteX232" fmla="*/ 2500478 w 2647519"/>
                            <a:gd name="connsiteY232" fmla="*/ 1885950 h 2612594"/>
                            <a:gd name="connsiteX233" fmla="*/ 2521433 w 2647519"/>
                            <a:gd name="connsiteY233" fmla="*/ 1847850 h 2612594"/>
                            <a:gd name="connsiteX234" fmla="*/ 2459780 w 2647519"/>
                            <a:gd name="connsiteY234" fmla="*/ 1766202 h 2612594"/>
                            <a:gd name="connsiteX235" fmla="*/ 2436660 w 2647519"/>
                            <a:gd name="connsiteY235" fmla="*/ 1806892 h 2612594"/>
                            <a:gd name="connsiteX236" fmla="*/ 2436235 w 2647519"/>
                            <a:gd name="connsiteY236" fmla="*/ 1807870 h 2612594"/>
                            <a:gd name="connsiteX237" fmla="*/ 2459520 w 2647519"/>
                            <a:gd name="connsiteY237" fmla="*/ 1766887 h 2612594"/>
                            <a:gd name="connsiteX238" fmla="*/ 2472460 w 2647519"/>
                            <a:gd name="connsiteY238" fmla="*/ 1674043 h 2612594"/>
                            <a:gd name="connsiteX239" fmla="*/ 2444672 w 2647519"/>
                            <a:gd name="connsiteY239" fmla="*/ 1749965 h 2612594"/>
                            <a:gd name="connsiteX240" fmla="*/ 2386218 w 2647519"/>
                            <a:gd name="connsiteY240" fmla="*/ 1869449 h 2612594"/>
                            <a:gd name="connsiteX241" fmla="*/ 2377660 w 2647519"/>
                            <a:gd name="connsiteY241" fmla="*/ 1882980 h 2612594"/>
                            <a:gd name="connsiteX242" fmla="*/ 2377605 w 2647519"/>
                            <a:gd name="connsiteY242" fmla="*/ 1883092 h 2612594"/>
                            <a:gd name="connsiteX243" fmla="*/ 2357602 w 2647519"/>
                            <a:gd name="connsiteY243" fmla="*/ 1917382 h 2612594"/>
                            <a:gd name="connsiteX244" fmla="*/ 2337600 w 2647519"/>
                            <a:gd name="connsiteY244" fmla="*/ 1954530 h 2612594"/>
                            <a:gd name="connsiteX245" fmla="*/ 2314740 w 2647519"/>
                            <a:gd name="connsiteY245" fmla="*/ 1983105 h 2612594"/>
                            <a:gd name="connsiteX246" fmla="*/ 2295690 w 2647519"/>
                            <a:gd name="connsiteY246" fmla="*/ 2015490 h 2612594"/>
                            <a:gd name="connsiteX247" fmla="*/ 2183295 w 2647519"/>
                            <a:gd name="connsiteY247" fmla="*/ 2142172 h 2612594"/>
                            <a:gd name="connsiteX248" fmla="*/ 2146147 w 2647519"/>
                            <a:gd name="connsiteY248" fmla="*/ 2173605 h 2612594"/>
                            <a:gd name="connsiteX249" fmla="*/ 2142583 w 2647519"/>
                            <a:gd name="connsiteY249" fmla="*/ 2176315 h 2612594"/>
                            <a:gd name="connsiteX250" fmla="*/ 2141046 w 2647519"/>
                            <a:gd name="connsiteY250" fmla="*/ 2177871 h 2612594"/>
                            <a:gd name="connsiteX251" fmla="*/ 2125512 w 2647519"/>
                            <a:gd name="connsiteY251" fmla="*/ 2190534 h 2612594"/>
                            <a:gd name="connsiteX252" fmla="*/ 2112810 w 2647519"/>
                            <a:gd name="connsiteY252" fmla="*/ 2205037 h 2612594"/>
                            <a:gd name="connsiteX253" fmla="*/ 2066137 w 2647519"/>
                            <a:gd name="connsiteY253" fmla="*/ 2240280 h 2612594"/>
                            <a:gd name="connsiteX254" fmla="*/ 2058824 w 2647519"/>
                            <a:gd name="connsiteY254" fmla="*/ 2244900 h 2612594"/>
                            <a:gd name="connsiteX255" fmla="*/ 2038960 w 2647519"/>
                            <a:gd name="connsiteY255" fmla="*/ 2261093 h 2612594"/>
                            <a:gd name="connsiteX256" fmla="*/ 2036092 w 2647519"/>
                            <a:gd name="connsiteY256" fmla="*/ 2262956 h 2612594"/>
                            <a:gd name="connsiteX257" fmla="*/ 2031847 w 2647519"/>
                            <a:gd name="connsiteY257" fmla="*/ 2266950 h 2612594"/>
                            <a:gd name="connsiteX258" fmla="*/ 1994700 w 2647519"/>
                            <a:gd name="connsiteY258" fmla="*/ 2291715 h 2612594"/>
                            <a:gd name="connsiteX259" fmla="*/ 1957552 w 2647519"/>
                            <a:gd name="connsiteY259" fmla="*/ 2314575 h 2612594"/>
                            <a:gd name="connsiteX260" fmla="*/ 1953300 w 2647519"/>
                            <a:gd name="connsiteY260" fmla="*/ 2316730 h 2612594"/>
                            <a:gd name="connsiteX261" fmla="*/ 1928148 w 2647519"/>
                            <a:gd name="connsiteY261" fmla="*/ 2333067 h 2612594"/>
                            <a:gd name="connsiteX262" fmla="*/ 1920351 w 2647519"/>
                            <a:gd name="connsiteY262" fmla="*/ 2337000 h 2612594"/>
                            <a:gd name="connsiteX263" fmla="*/ 1912785 w 2647519"/>
                            <a:gd name="connsiteY263" fmla="*/ 2342197 h 2612594"/>
                            <a:gd name="connsiteX264" fmla="*/ 1887067 w 2647519"/>
                            <a:gd name="connsiteY264" fmla="*/ 2356485 h 2612594"/>
                            <a:gd name="connsiteX265" fmla="*/ 1863038 w 2647519"/>
                            <a:gd name="connsiteY265" fmla="*/ 2365909 h 2612594"/>
                            <a:gd name="connsiteX266" fmla="*/ 1809483 w 2647519"/>
                            <a:gd name="connsiteY266" fmla="*/ 2392922 h 2612594"/>
                            <a:gd name="connsiteX267" fmla="*/ 1683836 w 2647519"/>
                            <a:gd name="connsiteY267" fmla="*/ 2439784 h 2612594"/>
                            <a:gd name="connsiteX268" fmla="*/ 1596280 w 2647519"/>
                            <a:gd name="connsiteY268" fmla="*/ 2462297 h 2612594"/>
                            <a:gd name="connsiteX269" fmla="*/ 1667040 w 2647519"/>
                            <a:gd name="connsiteY269" fmla="*/ 2448877 h 2612594"/>
                            <a:gd name="connsiteX270" fmla="*/ 1680375 w 2647519"/>
                            <a:gd name="connsiteY270" fmla="*/ 2446019 h 2612594"/>
                            <a:gd name="connsiteX271" fmla="*/ 1723237 w 2647519"/>
                            <a:gd name="connsiteY271" fmla="*/ 2430779 h 2612594"/>
                            <a:gd name="connsiteX272" fmla="*/ 1749907 w 2647519"/>
                            <a:gd name="connsiteY272" fmla="*/ 2422207 h 2612594"/>
                            <a:gd name="connsiteX273" fmla="*/ 1792770 w 2647519"/>
                            <a:gd name="connsiteY273" fmla="*/ 2400299 h 2612594"/>
                            <a:gd name="connsiteX274" fmla="*/ 1841347 w 2647519"/>
                            <a:gd name="connsiteY274" fmla="*/ 2383154 h 2612594"/>
                            <a:gd name="connsiteX275" fmla="*/ 1872470 w 2647519"/>
                            <a:gd name="connsiteY275" fmla="*/ 2370949 h 2612594"/>
                            <a:gd name="connsiteX276" fmla="*/ 1886115 w 2647519"/>
                            <a:gd name="connsiteY276" fmla="*/ 2363152 h 2612594"/>
                            <a:gd name="connsiteX277" fmla="*/ 1898496 w 2647519"/>
                            <a:gd name="connsiteY277" fmla="*/ 2359343 h 2612594"/>
                            <a:gd name="connsiteX278" fmla="*/ 1915642 w 2647519"/>
                            <a:gd name="connsiteY278" fmla="*/ 2349817 h 2612594"/>
                            <a:gd name="connsiteX279" fmla="*/ 1920147 w 2647519"/>
                            <a:gd name="connsiteY279" fmla="*/ 2346686 h 2612594"/>
                            <a:gd name="connsiteX280" fmla="*/ 1931835 w 2647519"/>
                            <a:gd name="connsiteY280" fmla="*/ 2335530 h 2612594"/>
                            <a:gd name="connsiteX281" fmla="*/ 1957552 w 2647519"/>
                            <a:gd name="connsiteY281" fmla="*/ 2320290 h 2612594"/>
                            <a:gd name="connsiteX282" fmla="*/ 1986810 w 2647519"/>
                            <a:gd name="connsiteY282" fmla="*/ 2305948 h 2612594"/>
                            <a:gd name="connsiteX283" fmla="*/ 1997557 w 2647519"/>
                            <a:gd name="connsiteY283" fmla="*/ 2299334 h 2612594"/>
                            <a:gd name="connsiteX284" fmla="*/ 2034705 w 2647519"/>
                            <a:gd name="connsiteY284" fmla="*/ 2274569 h 2612594"/>
                            <a:gd name="connsiteX285" fmla="*/ 2050897 w 2647519"/>
                            <a:gd name="connsiteY285" fmla="*/ 2259329 h 2612594"/>
                            <a:gd name="connsiteX286" fmla="*/ 2068995 w 2647519"/>
                            <a:gd name="connsiteY286" fmla="*/ 2247899 h 2612594"/>
                            <a:gd name="connsiteX287" fmla="*/ 2115667 w 2647519"/>
                            <a:gd name="connsiteY287" fmla="*/ 2212657 h 2612594"/>
                            <a:gd name="connsiteX288" fmla="*/ 2149005 w 2647519"/>
                            <a:gd name="connsiteY288" fmla="*/ 2181224 h 2612594"/>
                            <a:gd name="connsiteX289" fmla="*/ 2186152 w 2647519"/>
                            <a:gd name="connsiteY289" fmla="*/ 2149792 h 2612594"/>
                            <a:gd name="connsiteX290" fmla="*/ 2298547 w 2647519"/>
                            <a:gd name="connsiteY290" fmla="*/ 2023109 h 2612594"/>
                            <a:gd name="connsiteX291" fmla="*/ 2314015 w 2647519"/>
                            <a:gd name="connsiteY291" fmla="*/ 1996814 h 2612594"/>
                            <a:gd name="connsiteX292" fmla="*/ 2314740 w 2647519"/>
                            <a:gd name="connsiteY292" fmla="*/ 1994534 h 2612594"/>
                            <a:gd name="connsiteX293" fmla="*/ 2339505 w 2647519"/>
                            <a:gd name="connsiteY293" fmla="*/ 1956434 h 2612594"/>
                            <a:gd name="connsiteX294" fmla="*/ 2347125 w 2647519"/>
                            <a:gd name="connsiteY294" fmla="*/ 1945004 h 2612594"/>
                            <a:gd name="connsiteX295" fmla="*/ 2357257 w 2647519"/>
                            <a:gd name="connsiteY295" fmla="*/ 1930951 h 2612594"/>
                            <a:gd name="connsiteX296" fmla="*/ 2360460 w 2647519"/>
                            <a:gd name="connsiteY296" fmla="*/ 1925002 h 2612594"/>
                            <a:gd name="connsiteX297" fmla="*/ 2380462 w 2647519"/>
                            <a:gd name="connsiteY297" fmla="*/ 1890712 h 2612594"/>
                            <a:gd name="connsiteX298" fmla="*/ 2419515 w 2647519"/>
                            <a:gd name="connsiteY298" fmla="*/ 1809749 h 2612594"/>
                            <a:gd name="connsiteX299" fmla="*/ 2457615 w 2647519"/>
                            <a:gd name="connsiteY299" fmla="*/ 1723072 h 2612594"/>
                            <a:gd name="connsiteX300" fmla="*/ 2468807 w 2647519"/>
                            <a:gd name="connsiteY300" fmla="*/ 1687829 h 2612594"/>
                            <a:gd name="connsiteX301" fmla="*/ 2576677 w 2647519"/>
                            <a:gd name="connsiteY301" fmla="*/ 1589722 h 2612594"/>
                            <a:gd name="connsiteX302" fmla="*/ 2573820 w 2647519"/>
                            <a:gd name="connsiteY302" fmla="*/ 1591627 h 2612594"/>
                            <a:gd name="connsiteX303" fmla="*/ 2573820 w 2647519"/>
                            <a:gd name="connsiteY303" fmla="*/ 1591627 h 2612594"/>
                            <a:gd name="connsiteX304" fmla="*/ 2585674 w 2647519"/>
                            <a:gd name="connsiteY304" fmla="*/ 1533271 h 2612594"/>
                            <a:gd name="connsiteX305" fmla="*/ 2585332 w 2647519"/>
                            <a:gd name="connsiteY305" fmla="*/ 1534956 h 2612594"/>
                            <a:gd name="connsiteX306" fmla="*/ 2588107 w 2647519"/>
                            <a:gd name="connsiteY306" fmla="*/ 1538287 h 2612594"/>
                            <a:gd name="connsiteX307" fmla="*/ 2596680 w 2647519"/>
                            <a:gd name="connsiteY307" fmla="*/ 1547812 h 2612594"/>
                            <a:gd name="connsiteX308" fmla="*/ 2602395 w 2647519"/>
                            <a:gd name="connsiteY308" fmla="*/ 1544002 h 2612594"/>
                            <a:gd name="connsiteX309" fmla="*/ 2602539 w 2647519"/>
                            <a:gd name="connsiteY309" fmla="*/ 1543271 h 2612594"/>
                            <a:gd name="connsiteX310" fmla="*/ 2598585 w 2647519"/>
                            <a:gd name="connsiteY310" fmla="*/ 1545907 h 2612594"/>
                            <a:gd name="connsiteX311" fmla="*/ 2589060 w 2647519"/>
                            <a:gd name="connsiteY311" fmla="*/ 1537334 h 2612594"/>
                            <a:gd name="connsiteX312" fmla="*/ 2577184 w 2647519"/>
                            <a:gd name="connsiteY312" fmla="*/ 1425070 h 2612594"/>
                            <a:gd name="connsiteX313" fmla="*/ 2576519 w 2647519"/>
                            <a:gd name="connsiteY313" fmla="*/ 1425107 h 2612594"/>
                            <a:gd name="connsiteX314" fmla="*/ 2575314 w 2647519"/>
                            <a:gd name="connsiteY314" fmla="*/ 1425174 h 2612594"/>
                            <a:gd name="connsiteX315" fmla="*/ 2575725 w 2647519"/>
                            <a:gd name="connsiteY315" fmla="*/ 1429702 h 2612594"/>
                            <a:gd name="connsiteX316" fmla="*/ 2574773 w 2647519"/>
                            <a:gd name="connsiteY316" fmla="*/ 1453515 h 2612594"/>
                            <a:gd name="connsiteX317" fmla="*/ 2570963 w 2647519"/>
                            <a:gd name="connsiteY317" fmla="*/ 1467802 h 2612594"/>
                            <a:gd name="connsiteX318" fmla="*/ 2548103 w 2647519"/>
                            <a:gd name="connsiteY318" fmla="*/ 1503997 h 2612594"/>
                            <a:gd name="connsiteX319" fmla="*/ 2542388 w 2647519"/>
                            <a:gd name="connsiteY319" fmla="*/ 1535430 h 2612594"/>
                            <a:gd name="connsiteX320" fmla="*/ 2536673 w 2647519"/>
                            <a:gd name="connsiteY320" fmla="*/ 1545907 h 2612594"/>
                            <a:gd name="connsiteX321" fmla="*/ 2527148 w 2647519"/>
                            <a:gd name="connsiteY321" fmla="*/ 1591627 h 2612594"/>
                            <a:gd name="connsiteX322" fmla="*/ 2516670 w 2647519"/>
                            <a:gd name="connsiteY322" fmla="*/ 1627822 h 2612594"/>
                            <a:gd name="connsiteX323" fmla="*/ 2505240 w 2647519"/>
                            <a:gd name="connsiteY323" fmla="*/ 1663065 h 2612594"/>
                            <a:gd name="connsiteX324" fmla="*/ 2498573 w 2647519"/>
                            <a:gd name="connsiteY324" fmla="*/ 1690687 h 2612594"/>
                            <a:gd name="connsiteX325" fmla="*/ 2490953 w 2647519"/>
                            <a:gd name="connsiteY325" fmla="*/ 1719262 h 2612594"/>
                            <a:gd name="connsiteX326" fmla="*/ 2497030 w 2647519"/>
                            <a:gd name="connsiteY326" fmla="*/ 1709810 h 2612594"/>
                            <a:gd name="connsiteX327" fmla="*/ 2502383 w 2647519"/>
                            <a:gd name="connsiteY327" fmla="*/ 1689734 h 2612594"/>
                            <a:gd name="connsiteX328" fmla="*/ 2507145 w 2647519"/>
                            <a:gd name="connsiteY328" fmla="*/ 1661159 h 2612594"/>
                            <a:gd name="connsiteX329" fmla="*/ 2518575 w 2647519"/>
                            <a:gd name="connsiteY329" fmla="*/ 1625917 h 2612594"/>
                            <a:gd name="connsiteX330" fmla="*/ 2529053 w 2647519"/>
                            <a:gd name="connsiteY330" fmla="*/ 1589722 h 2612594"/>
                            <a:gd name="connsiteX331" fmla="*/ 2538578 w 2647519"/>
                            <a:gd name="connsiteY331" fmla="*/ 1544002 h 2612594"/>
                            <a:gd name="connsiteX332" fmla="*/ 2544293 w 2647519"/>
                            <a:gd name="connsiteY332" fmla="*/ 1533524 h 2612594"/>
                            <a:gd name="connsiteX333" fmla="*/ 2550008 w 2647519"/>
                            <a:gd name="connsiteY333" fmla="*/ 1502092 h 2612594"/>
                            <a:gd name="connsiteX334" fmla="*/ 2572868 w 2647519"/>
                            <a:gd name="connsiteY334" fmla="*/ 1465897 h 2612594"/>
                            <a:gd name="connsiteX335" fmla="*/ 2557628 w 2647519"/>
                            <a:gd name="connsiteY335" fmla="*/ 1539239 h 2612594"/>
                            <a:gd name="connsiteX336" fmla="*/ 2546198 w 2647519"/>
                            <a:gd name="connsiteY336" fmla="*/ 1600199 h 2612594"/>
                            <a:gd name="connsiteX337" fmla="*/ 2520480 w 2647519"/>
                            <a:gd name="connsiteY337" fmla="*/ 1678304 h 2612594"/>
                            <a:gd name="connsiteX338" fmla="*/ 2515393 w 2647519"/>
                            <a:gd name="connsiteY338" fmla="*/ 1686218 h 2612594"/>
                            <a:gd name="connsiteX339" fmla="*/ 2513218 w 2647519"/>
                            <a:gd name="connsiteY339" fmla="*/ 1698069 h 2612594"/>
                            <a:gd name="connsiteX340" fmla="*/ 2506193 w 2647519"/>
                            <a:gd name="connsiteY340" fmla="*/ 1718310 h 2612594"/>
                            <a:gd name="connsiteX341" fmla="*/ 2479523 w 2647519"/>
                            <a:gd name="connsiteY341" fmla="*/ 1776412 h 2612594"/>
                            <a:gd name="connsiteX342" fmla="*/ 2467140 w 2647519"/>
                            <a:gd name="connsiteY342" fmla="*/ 1806892 h 2612594"/>
                            <a:gd name="connsiteX343" fmla="*/ 2459520 w 2647519"/>
                            <a:gd name="connsiteY343" fmla="*/ 1823085 h 2612594"/>
                            <a:gd name="connsiteX344" fmla="*/ 2449995 w 2647519"/>
                            <a:gd name="connsiteY344" fmla="*/ 1840230 h 2612594"/>
                            <a:gd name="connsiteX345" fmla="*/ 2424278 w 2647519"/>
                            <a:gd name="connsiteY345" fmla="*/ 1885950 h 2612594"/>
                            <a:gd name="connsiteX346" fmla="*/ 2396655 w 2647519"/>
                            <a:gd name="connsiteY346" fmla="*/ 1930717 h 2612594"/>
                            <a:gd name="connsiteX347" fmla="*/ 2361413 w 2647519"/>
                            <a:gd name="connsiteY347" fmla="*/ 1990725 h 2612594"/>
                            <a:gd name="connsiteX348" fmla="*/ 2322360 w 2647519"/>
                            <a:gd name="connsiteY348" fmla="*/ 2049780 h 2612594"/>
                            <a:gd name="connsiteX349" fmla="*/ 2296643 w 2647519"/>
                            <a:gd name="connsiteY349" fmla="*/ 2083117 h 2612594"/>
                            <a:gd name="connsiteX350" fmla="*/ 2269020 w 2647519"/>
                            <a:gd name="connsiteY350" fmla="*/ 2115502 h 2612594"/>
                            <a:gd name="connsiteX351" fmla="*/ 2259495 w 2647519"/>
                            <a:gd name="connsiteY351" fmla="*/ 2128837 h 2612594"/>
                            <a:gd name="connsiteX352" fmla="*/ 2249018 w 2647519"/>
                            <a:gd name="connsiteY352" fmla="*/ 2142172 h 2612594"/>
                            <a:gd name="connsiteX353" fmla="*/ 2232825 w 2647519"/>
                            <a:gd name="connsiteY353" fmla="*/ 2155507 h 2612594"/>
                            <a:gd name="connsiteX354" fmla="*/ 2206342 w 2647519"/>
                            <a:gd name="connsiteY354" fmla="*/ 2184829 h 2612594"/>
                            <a:gd name="connsiteX355" fmla="*/ 2207107 w 2647519"/>
                            <a:gd name="connsiteY355" fmla="*/ 2187892 h 2612594"/>
                            <a:gd name="connsiteX356" fmla="*/ 2179485 w 2647519"/>
                            <a:gd name="connsiteY356" fmla="*/ 2216467 h 2612594"/>
                            <a:gd name="connsiteX357" fmla="*/ 2149957 w 2647519"/>
                            <a:gd name="connsiteY357" fmla="*/ 2237422 h 2612594"/>
                            <a:gd name="connsiteX358" fmla="*/ 2126145 w 2647519"/>
                            <a:gd name="connsiteY358" fmla="*/ 2256472 h 2612594"/>
                            <a:gd name="connsiteX359" fmla="*/ 2103587 w 2647519"/>
                            <a:gd name="connsiteY359" fmla="*/ 2272957 h 2612594"/>
                            <a:gd name="connsiteX360" fmla="*/ 2107095 w 2647519"/>
                            <a:gd name="connsiteY360" fmla="*/ 2272665 h 2612594"/>
                            <a:gd name="connsiteX361" fmla="*/ 2131860 w 2647519"/>
                            <a:gd name="connsiteY361" fmla="*/ 2254567 h 2612594"/>
                            <a:gd name="connsiteX362" fmla="*/ 2155673 w 2647519"/>
                            <a:gd name="connsiteY362" fmla="*/ 2235517 h 2612594"/>
                            <a:gd name="connsiteX363" fmla="*/ 2185200 w 2647519"/>
                            <a:gd name="connsiteY363" fmla="*/ 2214562 h 2612594"/>
                            <a:gd name="connsiteX364" fmla="*/ 2212823 w 2647519"/>
                            <a:gd name="connsiteY364" fmla="*/ 2185987 h 2612594"/>
                            <a:gd name="connsiteX365" fmla="*/ 2211870 w 2647519"/>
                            <a:gd name="connsiteY365" fmla="*/ 2182177 h 2612594"/>
                            <a:gd name="connsiteX366" fmla="*/ 2238540 w 2647519"/>
                            <a:gd name="connsiteY366" fmla="*/ 2152650 h 2612594"/>
                            <a:gd name="connsiteX367" fmla="*/ 2254733 w 2647519"/>
                            <a:gd name="connsiteY367" fmla="*/ 2139315 h 2612594"/>
                            <a:gd name="connsiteX368" fmla="*/ 2265210 w 2647519"/>
                            <a:gd name="connsiteY368" fmla="*/ 2125980 h 2612594"/>
                            <a:gd name="connsiteX369" fmla="*/ 2274735 w 2647519"/>
                            <a:gd name="connsiteY369" fmla="*/ 2112645 h 2612594"/>
                            <a:gd name="connsiteX370" fmla="*/ 2302358 w 2647519"/>
                            <a:gd name="connsiteY370" fmla="*/ 2080260 h 2612594"/>
                            <a:gd name="connsiteX371" fmla="*/ 2328075 w 2647519"/>
                            <a:gd name="connsiteY371" fmla="*/ 2046922 h 2612594"/>
                            <a:gd name="connsiteX372" fmla="*/ 2367128 w 2647519"/>
                            <a:gd name="connsiteY372" fmla="*/ 1987867 h 2612594"/>
                            <a:gd name="connsiteX373" fmla="*/ 2402370 w 2647519"/>
                            <a:gd name="connsiteY373" fmla="*/ 1927860 h 2612594"/>
                            <a:gd name="connsiteX374" fmla="*/ 2429993 w 2647519"/>
                            <a:gd name="connsiteY374" fmla="*/ 1883092 h 2612594"/>
                            <a:gd name="connsiteX375" fmla="*/ 2455710 w 2647519"/>
                            <a:gd name="connsiteY375" fmla="*/ 1837372 h 2612594"/>
                            <a:gd name="connsiteX376" fmla="*/ 2465235 w 2647519"/>
                            <a:gd name="connsiteY376" fmla="*/ 1820227 h 2612594"/>
                            <a:gd name="connsiteX377" fmla="*/ 2472855 w 2647519"/>
                            <a:gd name="connsiteY377" fmla="*/ 1804035 h 2612594"/>
                            <a:gd name="connsiteX378" fmla="*/ 2485238 w 2647519"/>
                            <a:gd name="connsiteY378" fmla="*/ 1773555 h 2612594"/>
                            <a:gd name="connsiteX379" fmla="*/ 2511908 w 2647519"/>
                            <a:gd name="connsiteY379" fmla="*/ 1715452 h 2612594"/>
                            <a:gd name="connsiteX380" fmla="*/ 2522385 w 2647519"/>
                            <a:gd name="connsiteY380" fmla="*/ 1676400 h 2612594"/>
                            <a:gd name="connsiteX381" fmla="*/ 2548103 w 2647519"/>
                            <a:gd name="connsiteY381" fmla="*/ 1598295 h 2612594"/>
                            <a:gd name="connsiteX382" fmla="*/ 2559533 w 2647519"/>
                            <a:gd name="connsiteY382" fmla="*/ 1537335 h 2612594"/>
                            <a:gd name="connsiteX383" fmla="*/ 2574773 w 2647519"/>
                            <a:gd name="connsiteY383" fmla="*/ 1463992 h 2612594"/>
                            <a:gd name="connsiteX384" fmla="*/ 2578209 w 2647519"/>
                            <a:gd name="connsiteY384" fmla="*/ 1451109 h 2612594"/>
                            <a:gd name="connsiteX385" fmla="*/ 2575725 w 2647519"/>
                            <a:gd name="connsiteY385" fmla="*/ 1450657 h 2612594"/>
                            <a:gd name="connsiteX386" fmla="*/ 2576677 w 2647519"/>
                            <a:gd name="connsiteY386" fmla="*/ 1426845 h 2612594"/>
                            <a:gd name="connsiteX387" fmla="*/ 2597632 w 2647519"/>
                            <a:gd name="connsiteY387" fmla="*/ 1404937 h 2612594"/>
                            <a:gd name="connsiteX388" fmla="*/ 2586541 w 2647519"/>
                            <a:gd name="connsiteY388" fmla="*/ 1451152 h 2612594"/>
                            <a:gd name="connsiteX389" fmla="*/ 2586542 w 2647519"/>
                            <a:gd name="connsiteY389" fmla="*/ 1451152 h 2612594"/>
                            <a:gd name="connsiteX390" fmla="*/ 2597633 w 2647519"/>
                            <a:gd name="connsiteY390" fmla="*/ 1404938 h 2612594"/>
                            <a:gd name="connsiteX391" fmla="*/ 2606205 w 2647519"/>
                            <a:gd name="connsiteY391" fmla="*/ 1395412 h 2612594"/>
                            <a:gd name="connsiteX392" fmla="*/ 2600490 w 2647519"/>
                            <a:gd name="connsiteY392" fmla="*/ 1407795 h 2612594"/>
                            <a:gd name="connsiteX393" fmla="*/ 2599181 w 2647519"/>
                            <a:gd name="connsiteY393" fmla="*/ 1433750 h 2612594"/>
                            <a:gd name="connsiteX394" fmla="*/ 2598585 w 2647519"/>
                            <a:gd name="connsiteY394" fmla="*/ 1458277 h 2612594"/>
                            <a:gd name="connsiteX395" fmla="*/ 2589060 w 2647519"/>
                            <a:gd name="connsiteY395" fmla="*/ 1487586 h 2612594"/>
                            <a:gd name="connsiteX396" fmla="*/ 2589060 w 2647519"/>
                            <a:gd name="connsiteY396" fmla="*/ 1490934 h 2612594"/>
                            <a:gd name="connsiteX397" fmla="*/ 2600490 w 2647519"/>
                            <a:gd name="connsiteY397" fmla="*/ 1458277 h 2612594"/>
                            <a:gd name="connsiteX398" fmla="*/ 2602395 w 2647519"/>
                            <a:gd name="connsiteY398" fmla="*/ 1407794 h 2612594"/>
                            <a:gd name="connsiteX399" fmla="*/ 2606836 w 2647519"/>
                            <a:gd name="connsiteY399" fmla="*/ 1398173 h 2612594"/>
                            <a:gd name="connsiteX400" fmla="*/ 2565247 w 2647519"/>
                            <a:gd name="connsiteY400" fmla="*/ 1354454 h 2612594"/>
                            <a:gd name="connsiteX401" fmla="*/ 2559006 w 2647519"/>
                            <a:gd name="connsiteY401" fmla="*/ 1369207 h 2612594"/>
                            <a:gd name="connsiteX402" fmla="*/ 2556675 w 2647519"/>
                            <a:gd name="connsiteY402" fmla="*/ 1390650 h 2612594"/>
                            <a:gd name="connsiteX403" fmla="*/ 2553670 w 2647519"/>
                            <a:gd name="connsiteY403" fmla="*/ 1380633 h 2612594"/>
                            <a:gd name="connsiteX404" fmla="*/ 2552571 w 2647519"/>
                            <a:gd name="connsiteY404" fmla="*/ 1382047 h 2612594"/>
                            <a:gd name="connsiteX405" fmla="*/ 2555723 w 2647519"/>
                            <a:gd name="connsiteY405" fmla="*/ 1392555 h 2612594"/>
                            <a:gd name="connsiteX406" fmla="*/ 2553818 w 2647519"/>
                            <a:gd name="connsiteY406" fmla="*/ 1407795 h 2612594"/>
                            <a:gd name="connsiteX407" fmla="*/ 2557628 w 2647519"/>
                            <a:gd name="connsiteY407" fmla="*/ 1420177 h 2612594"/>
                            <a:gd name="connsiteX408" fmla="*/ 2560581 w 2647519"/>
                            <a:gd name="connsiteY408" fmla="*/ 1420013 h 2612594"/>
                            <a:gd name="connsiteX409" fmla="*/ 2558580 w 2647519"/>
                            <a:gd name="connsiteY409" fmla="*/ 1413509 h 2612594"/>
                            <a:gd name="connsiteX410" fmla="*/ 2560485 w 2647519"/>
                            <a:gd name="connsiteY410" fmla="*/ 1398269 h 2612594"/>
                            <a:gd name="connsiteX411" fmla="*/ 2565247 w 2647519"/>
                            <a:gd name="connsiteY411" fmla="*/ 1354454 h 2612594"/>
                            <a:gd name="connsiteX412" fmla="*/ 2645258 w 2647519"/>
                            <a:gd name="connsiteY412" fmla="*/ 1328737 h 2612594"/>
                            <a:gd name="connsiteX413" fmla="*/ 2647163 w 2647519"/>
                            <a:gd name="connsiteY413" fmla="*/ 1329689 h 2612594"/>
                            <a:gd name="connsiteX414" fmla="*/ 2646210 w 2647519"/>
                            <a:gd name="connsiteY414" fmla="*/ 1369694 h 2612594"/>
                            <a:gd name="connsiteX415" fmla="*/ 2647163 w 2647519"/>
                            <a:gd name="connsiteY415" fmla="*/ 1397317 h 2612594"/>
                            <a:gd name="connsiteX416" fmla="*/ 2644305 w 2647519"/>
                            <a:gd name="connsiteY416" fmla="*/ 1447799 h 2612594"/>
                            <a:gd name="connsiteX417" fmla="*/ 2641448 w 2647519"/>
                            <a:gd name="connsiteY417" fmla="*/ 1476374 h 2612594"/>
                            <a:gd name="connsiteX418" fmla="*/ 2632875 w 2647519"/>
                            <a:gd name="connsiteY418" fmla="*/ 1518284 h 2612594"/>
                            <a:gd name="connsiteX419" fmla="*/ 2630018 w 2647519"/>
                            <a:gd name="connsiteY419" fmla="*/ 1553527 h 2612594"/>
                            <a:gd name="connsiteX420" fmla="*/ 2615730 w 2647519"/>
                            <a:gd name="connsiteY420" fmla="*/ 1618297 h 2612594"/>
                            <a:gd name="connsiteX421" fmla="*/ 2602395 w 2647519"/>
                            <a:gd name="connsiteY421" fmla="*/ 1674494 h 2612594"/>
                            <a:gd name="connsiteX422" fmla="*/ 2578583 w 2647519"/>
                            <a:gd name="connsiteY422" fmla="*/ 1684972 h 2612594"/>
                            <a:gd name="connsiteX423" fmla="*/ 2580488 w 2647519"/>
                            <a:gd name="connsiteY423" fmla="*/ 1679257 h 2612594"/>
                            <a:gd name="connsiteX424" fmla="*/ 2584298 w 2647519"/>
                            <a:gd name="connsiteY424" fmla="*/ 1639252 h 2612594"/>
                            <a:gd name="connsiteX425" fmla="*/ 2598585 w 2647519"/>
                            <a:gd name="connsiteY425" fmla="*/ 1597342 h 2612594"/>
                            <a:gd name="connsiteX426" fmla="*/ 2610015 w 2647519"/>
                            <a:gd name="connsiteY426" fmla="*/ 1590675 h 2612594"/>
                            <a:gd name="connsiteX427" fmla="*/ 2610015 w 2647519"/>
                            <a:gd name="connsiteY427" fmla="*/ 1590674 h 2612594"/>
                            <a:gd name="connsiteX428" fmla="*/ 2622398 w 2647519"/>
                            <a:gd name="connsiteY428" fmla="*/ 1518284 h 2612594"/>
                            <a:gd name="connsiteX429" fmla="*/ 2629065 w 2647519"/>
                            <a:gd name="connsiteY429" fmla="*/ 1483994 h 2612594"/>
                            <a:gd name="connsiteX430" fmla="*/ 2634780 w 2647519"/>
                            <a:gd name="connsiteY430" fmla="*/ 1448752 h 2612594"/>
                            <a:gd name="connsiteX431" fmla="*/ 2639543 w 2647519"/>
                            <a:gd name="connsiteY431" fmla="*/ 1415414 h 2612594"/>
                            <a:gd name="connsiteX432" fmla="*/ 2641448 w 2647519"/>
                            <a:gd name="connsiteY432" fmla="*/ 1383982 h 2612594"/>
                            <a:gd name="connsiteX433" fmla="*/ 2642400 w 2647519"/>
                            <a:gd name="connsiteY433" fmla="*/ 1357312 h 2612594"/>
                            <a:gd name="connsiteX434" fmla="*/ 2644305 w 2647519"/>
                            <a:gd name="connsiteY434" fmla="*/ 1343024 h 2612594"/>
                            <a:gd name="connsiteX435" fmla="*/ 2645258 w 2647519"/>
                            <a:gd name="connsiteY435" fmla="*/ 1328737 h 2612594"/>
                            <a:gd name="connsiteX436" fmla="*/ 134151 w 2647519"/>
                            <a:gd name="connsiteY436" fmla="*/ 887095 h 2612594"/>
                            <a:gd name="connsiteX437" fmla="*/ 134625 w 2647519"/>
                            <a:gd name="connsiteY437" fmla="*/ 887332 h 2612594"/>
                            <a:gd name="connsiteX438" fmla="*/ 134670 w 2647519"/>
                            <a:gd name="connsiteY438" fmla="*/ 887199 h 2612594"/>
                            <a:gd name="connsiteX439" fmla="*/ 191618 w 2647519"/>
                            <a:gd name="connsiteY439" fmla="*/ 750570 h 2612594"/>
                            <a:gd name="connsiteX440" fmla="*/ 170663 w 2647519"/>
                            <a:gd name="connsiteY440" fmla="*/ 789622 h 2612594"/>
                            <a:gd name="connsiteX441" fmla="*/ 153518 w 2647519"/>
                            <a:gd name="connsiteY441" fmla="*/ 803910 h 2612594"/>
                            <a:gd name="connsiteX442" fmla="*/ 153477 w 2647519"/>
                            <a:gd name="connsiteY442" fmla="*/ 804822 h 2612594"/>
                            <a:gd name="connsiteX443" fmla="*/ 151819 w 2647519"/>
                            <a:gd name="connsiteY443" fmla="*/ 841286 h 2612594"/>
                            <a:gd name="connsiteX444" fmla="*/ 151867 w 2647519"/>
                            <a:gd name="connsiteY444" fmla="*/ 841199 h 2612594"/>
                            <a:gd name="connsiteX445" fmla="*/ 153518 w 2647519"/>
                            <a:gd name="connsiteY445" fmla="*/ 804862 h 2612594"/>
                            <a:gd name="connsiteX446" fmla="*/ 170663 w 2647519"/>
                            <a:gd name="connsiteY446" fmla="*/ 790574 h 2612594"/>
                            <a:gd name="connsiteX447" fmla="*/ 191618 w 2647519"/>
                            <a:gd name="connsiteY447" fmla="*/ 751522 h 2612594"/>
                            <a:gd name="connsiteX448" fmla="*/ 192332 w 2647519"/>
                            <a:gd name="connsiteY448" fmla="*/ 751998 h 2612594"/>
                            <a:gd name="connsiteX449" fmla="*/ 192689 w 2647519"/>
                            <a:gd name="connsiteY449" fmla="*/ 751284 h 2612594"/>
                            <a:gd name="connsiteX450" fmla="*/ 203047 w 2647519"/>
                            <a:gd name="connsiteY450" fmla="*/ 667702 h 2612594"/>
                            <a:gd name="connsiteX451" fmla="*/ 189712 w 2647519"/>
                            <a:gd name="connsiteY451" fmla="*/ 677227 h 2612594"/>
                            <a:gd name="connsiteX452" fmla="*/ 169710 w 2647519"/>
                            <a:gd name="connsiteY452" fmla="*/ 719137 h 2612594"/>
                            <a:gd name="connsiteX453" fmla="*/ 174286 w 2647519"/>
                            <a:gd name="connsiteY453" fmla="*/ 722798 h 2612594"/>
                            <a:gd name="connsiteX454" fmla="*/ 174435 w 2647519"/>
                            <a:gd name="connsiteY454" fmla="*/ 722155 h 2612594"/>
                            <a:gd name="connsiteX455" fmla="*/ 170663 w 2647519"/>
                            <a:gd name="connsiteY455" fmla="*/ 719137 h 2612594"/>
                            <a:gd name="connsiteX456" fmla="*/ 190665 w 2647519"/>
                            <a:gd name="connsiteY456" fmla="*/ 677227 h 2612594"/>
                            <a:gd name="connsiteX457" fmla="*/ 202473 w 2647519"/>
                            <a:gd name="connsiteY457" fmla="*/ 668793 h 2612594"/>
                            <a:gd name="connsiteX458" fmla="*/ 276390 w 2647519"/>
                            <a:gd name="connsiteY458" fmla="*/ 613410 h 2612594"/>
                            <a:gd name="connsiteX459" fmla="*/ 275187 w 2647519"/>
                            <a:gd name="connsiteY459" fmla="*/ 614373 h 2612594"/>
                            <a:gd name="connsiteX460" fmla="*/ 270080 w 2647519"/>
                            <a:gd name="connsiteY460" fmla="*/ 634008 h 2612594"/>
                            <a:gd name="connsiteX461" fmla="*/ 266865 w 2647519"/>
                            <a:gd name="connsiteY461" fmla="*/ 643890 h 2612594"/>
                            <a:gd name="connsiteX462" fmla="*/ 179235 w 2647519"/>
                            <a:gd name="connsiteY462" fmla="*/ 803910 h 2612594"/>
                            <a:gd name="connsiteX463" fmla="*/ 166852 w 2647519"/>
                            <a:gd name="connsiteY463" fmla="*/ 842962 h 2612594"/>
                            <a:gd name="connsiteX464" fmla="*/ 155422 w 2647519"/>
                            <a:gd name="connsiteY464" fmla="*/ 882967 h 2612594"/>
                            <a:gd name="connsiteX465" fmla="*/ 130657 w 2647519"/>
                            <a:gd name="connsiteY465" fmla="*/ 966787 h 2612594"/>
                            <a:gd name="connsiteX466" fmla="*/ 114465 w 2647519"/>
                            <a:gd name="connsiteY466" fmla="*/ 1023937 h 2612594"/>
                            <a:gd name="connsiteX467" fmla="*/ 106845 w 2647519"/>
                            <a:gd name="connsiteY467" fmla="*/ 1066800 h 2612594"/>
                            <a:gd name="connsiteX468" fmla="*/ 103035 w 2647519"/>
                            <a:gd name="connsiteY468" fmla="*/ 1088707 h 2612594"/>
                            <a:gd name="connsiteX469" fmla="*/ 100177 w 2647519"/>
                            <a:gd name="connsiteY469" fmla="*/ 1110615 h 2612594"/>
                            <a:gd name="connsiteX470" fmla="*/ 91605 w 2647519"/>
                            <a:gd name="connsiteY470" fmla="*/ 1169670 h 2612594"/>
                            <a:gd name="connsiteX471" fmla="*/ 88747 w 2647519"/>
                            <a:gd name="connsiteY471" fmla="*/ 1205865 h 2612594"/>
                            <a:gd name="connsiteX472" fmla="*/ 93510 w 2647519"/>
                            <a:gd name="connsiteY472" fmla="*/ 1243965 h 2612594"/>
                            <a:gd name="connsiteX473" fmla="*/ 95742 w 2647519"/>
                            <a:gd name="connsiteY473" fmla="*/ 1223205 h 2612594"/>
                            <a:gd name="connsiteX474" fmla="*/ 95415 w 2647519"/>
                            <a:gd name="connsiteY474" fmla="*/ 1216342 h 2612594"/>
                            <a:gd name="connsiteX475" fmla="*/ 99225 w 2647519"/>
                            <a:gd name="connsiteY475" fmla="*/ 1176337 h 2612594"/>
                            <a:gd name="connsiteX476" fmla="*/ 107797 w 2647519"/>
                            <a:gd name="connsiteY476" fmla="*/ 1117282 h 2612594"/>
                            <a:gd name="connsiteX477" fmla="*/ 114596 w 2647519"/>
                            <a:gd name="connsiteY477" fmla="*/ 1109123 h 2612594"/>
                            <a:gd name="connsiteX478" fmla="*/ 124469 w 2647519"/>
                            <a:gd name="connsiteY478" fmla="*/ 1043051 h 2612594"/>
                            <a:gd name="connsiteX479" fmla="*/ 123990 w 2647519"/>
                            <a:gd name="connsiteY479" fmla="*/ 1031557 h 2612594"/>
                            <a:gd name="connsiteX480" fmla="*/ 133400 w 2647519"/>
                            <a:gd name="connsiteY480" fmla="*/ 1004580 h 2612594"/>
                            <a:gd name="connsiteX481" fmla="*/ 138999 w 2647519"/>
                            <a:gd name="connsiteY481" fmla="*/ 981931 h 2612594"/>
                            <a:gd name="connsiteX482" fmla="*/ 137325 w 2647519"/>
                            <a:gd name="connsiteY482" fmla="*/ 985837 h 2612594"/>
                            <a:gd name="connsiteX483" fmla="*/ 131610 w 2647519"/>
                            <a:gd name="connsiteY483" fmla="*/ 983932 h 2612594"/>
                            <a:gd name="connsiteX484" fmla="*/ 117322 w 2647519"/>
                            <a:gd name="connsiteY484" fmla="*/ 1024890 h 2612594"/>
                            <a:gd name="connsiteX485" fmla="*/ 118275 w 2647519"/>
                            <a:gd name="connsiteY485" fmla="*/ 1047750 h 2612594"/>
                            <a:gd name="connsiteX486" fmla="*/ 111607 w 2647519"/>
                            <a:gd name="connsiteY486" fmla="*/ 1091565 h 2612594"/>
                            <a:gd name="connsiteX487" fmla="*/ 110655 w 2647519"/>
                            <a:gd name="connsiteY487" fmla="*/ 1099185 h 2612594"/>
                            <a:gd name="connsiteX488" fmla="*/ 101130 w 2647519"/>
                            <a:gd name="connsiteY488" fmla="*/ 1110615 h 2612594"/>
                            <a:gd name="connsiteX489" fmla="*/ 103987 w 2647519"/>
                            <a:gd name="connsiteY489" fmla="*/ 1088707 h 2612594"/>
                            <a:gd name="connsiteX490" fmla="*/ 107797 w 2647519"/>
                            <a:gd name="connsiteY490" fmla="*/ 1066800 h 2612594"/>
                            <a:gd name="connsiteX491" fmla="*/ 115417 w 2647519"/>
                            <a:gd name="connsiteY491" fmla="*/ 1023937 h 2612594"/>
                            <a:gd name="connsiteX492" fmla="*/ 131610 w 2647519"/>
                            <a:gd name="connsiteY492" fmla="*/ 966787 h 2612594"/>
                            <a:gd name="connsiteX493" fmla="*/ 156375 w 2647519"/>
                            <a:gd name="connsiteY493" fmla="*/ 882967 h 2612594"/>
                            <a:gd name="connsiteX494" fmla="*/ 167805 w 2647519"/>
                            <a:gd name="connsiteY494" fmla="*/ 842962 h 2612594"/>
                            <a:gd name="connsiteX495" fmla="*/ 180187 w 2647519"/>
                            <a:gd name="connsiteY495" fmla="*/ 803910 h 2612594"/>
                            <a:gd name="connsiteX496" fmla="*/ 267817 w 2647519"/>
                            <a:gd name="connsiteY496" fmla="*/ 643890 h 2612594"/>
                            <a:gd name="connsiteX497" fmla="*/ 276390 w 2647519"/>
                            <a:gd name="connsiteY497" fmla="*/ 613410 h 2612594"/>
                            <a:gd name="connsiteX498" fmla="*/ 293536 w 2647519"/>
                            <a:gd name="connsiteY498" fmla="*/ 518160 h 2612594"/>
                            <a:gd name="connsiteX499" fmla="*/ 293535 w 2647519"/>
                            <a:gd name="connsiteY499" fmla="*/ 518160 h 2612594"/>
                            <a:gd name="connsiteX500" fmla="*/ 298297 w 2647519"/>
                            <a:gd name="connsiteY500" fmla="*/ 521970 h 2612594"/>
                            <a:gd name="connsiteX501" fmla="*/ 298297 w 2647519"/>
                            <a:gd name="connsiteY501" fmla="*/ 521969 h 2612594"/>
                            <a:gd name="connsiteX502" fmla="*/ 465169 w 2647519"/>
                            <a:gd name="connsiteY502" fmla="*/ 382550 h 2612594"/>
                            <a:gd name="connsiteX503" fmla="*/ 464986 w 2647519"/>
                            <a:gd name="connsiteY503" fmla="*/ 382696 h 2612594"/>
                            <a:gd name="connsiteX504" fmla="*/ 464430 w 2647519"/>
                            <a:gd name="connsiteY504" fmla="*/ 383325 h 2612594"/>
                            <a:gd name="connsiteX505" fmla="*/ 456651 w 2647519"/>
                            <a:gd name="connsiteY505" fmla="*/ 391477 h 2612594"/>
                            <a:gd name="connsiteX506" fmla="*/ 454684 w 2647519"/>
                            <a:gd name="connsiteY506" fmla="*/ 394338 h 2612594"/>
                            <a:gd name="connsiteX507" fmla="*/ 453399 w 2647519"/>
                            <a:gd name="connsiteY507" fmla="*/ 395790 h 2612594"/>
                            <a:gd name="connsiteX508" fmla="*/ 447840 w 2647519"/>
                            <a:gd name="connsiteY508" fmla="*/ 403860 h 2612594"/>
                            <a:gd name="connsiteX509" fmla="*/ 389738 w 2647519"/>
                            <a:gd name="connsiteY509" fmla="*/ 472440 h 2612594"/>
                            <a:gd name="connsiteX510" fmla="*/ 373545 w 2647519"/>
                            <a:gd name="connsiteY510" fmla="*/ 491490 h 2612594"/>
                            <a:gd name="connsiteX511" fmla="*/ 357353 w 2647519"/>
                            <a:gd name="connsiteY511" fmla="*/ 511492 h 2612594"/>
                            <a:gd name="connsiteX512" fmla="*/ 285752 w 2647519"/>
                            <a:gd name="connsiteY512" fmla="*/ 590631 h 2612594"/>
                            <a:gd name="connsiteX513" fmla="*/ 358305 w 2647519"/>
                            <a:gd name="connsiteY513" fmla="*/ 510540 h 2612594"/>
                            <a:gd name="connsiteX514" fmla="*/ 374497 w 2647519"/>
                            <a:gd name="connsiteY514" fmla="*/ 490537 h 2612594"/>
                            <a:gd name="connsiteX515" fmla="*/ 390690 w 2647519"/>
                            <a:gd name="connsiteY515" fmla="*/ 471487 h 2612594"/>
                            <a:gd name="connsiteX516" fmla="*/ 448792 w 2647519"/>
                            <a:gd name="connsiteY516" fmla="*/ 402907 h 2612594"/>
                            <a:gd name="connsiteX517" fmla="*/ 454684 w 2647519"/>
                            <a:gd name="connsiteY517" fmla="*/ 394338 h 2612594"/>
                            <a:gd name="connsiteX518" fmla="*/ 464430 w 2647519"/>
                            <a:gd name="connsiteY518" fmla="*/ 383325 h 2612594"/>
                            <a:gd name="connsiteX519" fmla="*/ 489348 w 2647519"/>
                            <a:gd name="connsiteY519" fmla="*/ 316869 h 2612594"/>
                            <a:gd name="connsiteX520" fmla="*/ 481127 w 2647519"/>
                            <a:gd name="connsiteY520" fmla="*/ 319733 h 2612594"/>
                            <a:gd name="connsiteX521" fmla="*/ 475013 w 2647519"/>
                            <a:gd name="connsiteY521" fmla="*/ 322003 h 2612594"/>
                            <a:gd name="connsiteX522" fmla="*/ 473558 w 2647519"/>
                            <a:gd name="connsiteY522" fmla="*/ 323849 h 2612594"/>
                            <a:gd name="connsiteX523" fmla="*/ 463080 w 2647519"/>
                            <a:gd name="connsiteY523" fmla="*/ 333374 h 2612594"/>
                            <a:gd name="connsiteX524" fmla="*/ 436410 w 2647519"/>
                            <a:gd name="connsiteY524" fmla="*/ 350519 h 2612594"/>
                            <a:gd name="connsiteX525" fmla="*/ 418313 w 2647519"/>
                            <a:gd name="connsiteY525" fmla="*/ 370522 h 2612594"/>
                            <a:gd name="connsiteX526" fmla="*/ 401168 w 2647519"/>
                            <a:gd name="connsiteY526" fmla="*/ 390524 h 2612594"/>
                            <a:gd name="connsiteX527" fmla="*/ 389738 w 2647519"/>
                            <a:gd name="connsiteY527" fmla="*/ 401002 h 2612594"/>
                            <a:gd name="connsiteX528" fmla="*/ 389350 w 2647519"/>
                            <a:gd name="connsiteY528" fmla="*/ 400516 h 2612594"/>
                            <a:gd name="connsiteX529" fmla="*/ 378546 w 2647519"/>
                            <a:gd name="connsiteY529" fmla="*/ 413504 h 2612594"/>
                            <a:gd name="connsiteX530" fmla="*/ 360210 w 2647519"/>
                            <a:gd name="connsiteY530" fmla="*/ 436245 h 2612594"/>
                            <a:gd name="connsiteX531" fmla="*/ 330683 w 2647519"/>
                            <a:gd name="connsiteY531" fmla="*/ 468630 h 2612594"/>
                            <a:gd name="connsiteX532" fmla="*/ 335445 w 2647519"/>
                            <a:gd name="connsiteY532" fmla="*/ 474344 h 2612594"/>
                            <a:gd name="connsiteX533" fmla="*/ 335536 w 2647519"/>
                            <a:gd name="connsiteY533" fmla="*/ 474264 h 2612594"/>
                            <a:gd name="connsiteX534" fmla="*/ 331635 w 2647519"/>
                            <a:gd name="connsiteY534" fmla="*/ 469582 h 2612594"/>
                            <a:gd name="connsiteX535" fmla="*/ 361162 w 2647519"/>
                            <a:gd name="connsiteY535" fmla="*/ 437197 h 2612594"/>
                            <a:gd name="connsiteX536" fmla="*/ 390690 w 2647519"/>
                            <a:gd name="connsiteY536" fmla="*/ 401002 h 2612594"/>
                            <a:gd name="connsiteX537" fmla="*/ 402120 w 2647519"/>
                            <a:gd name="connsiteY537" fmla="*/ 390525 h 2612594"/>
                            <a:gd name="connsiteX538" fmla="*/ 419265 w 2647519"/>
                            <a:gd name="connsiteY538" fmla="*/ 370522 h 2612594"/>
                            <a:gd name="connsiteX539" fmla="*/ 437362 w 2647519"/>
                            <a:gd name="connsiteY539" fmla="*/ 350520 h 2612594"/>
                            <a:gd name="connsiteX540" fmla="*/ 464032 w 2647519"/>
                            <a:gd name="connsiteY540" fmla="*/ 333375 h 2612594"/>
                            <a:gd name="connsiteX541" fmla="*/ 474510 w 2647519"/>
                            <a:gd name="connsiteY541" fmla="*/ 323850 h 2612594"/>
                            <a:gd name="connsiteX542" fmla="*/ 485940 w 2647519"/>
                            <a:gd name="connsiteY542" fmla="*/ 319564 h 2612594"/>
                            <a:gd name="connsiteX543" fmla="*/ 489548 w 2647519"/>
                            <a:gd name="connsiteY543" fmla="*/ 318444 h 2612594"/>
                            <a:gd name="connsiteX544" fmla="*/ 1868970 w 2647519"/>
                            <a:gd name="connsiteY544" fmla="*/ 144780 h 2612594"/>
                            <a:gd name="connsiteX545" fmla="*/ 1917547 w 2647519"/>
                            <a:gd name="connsiteY545" fmla="*/ 166687 h 2612594"/>
                            <a:gd name="connsiteX546" fmla="*/ 1938502 w 2647519"/>
                            <a:gd name="connsiteY546" fmla="*/ 183832 h 2612594"/>
                            <a:gd name="connsiteX547" fmla="*/ 1891830 w 2647519"/>
                            <a:gd name="connsiteY547" fmla="*/ 160972 h 2612594"/>
                            <a:gd name="connsiteX548" fmla="*/ 1868970 w 2647519"/>
                            <a:gd name="connsiteY548" fmla="*/ 144780 h 2612594"/>
                            <a:gd name="connsiteX549" fmla="*/ 1710855 w 2647519"/>
                            <a:gd name="connsiteY549" fmla="*/ 75247 h 2612594"/>
                            <a:gd name="connsiteX550" fmla="*/ 1748955 w 2647519"/>
                            <a:gd name="connsiteY550" fmla="*/ 83819 h 2612594"/>
                            <a:gd name="connsiteX551" fmla="*/ 1802295 w 2647519"/>
                            <a:gd name="connsiteY551" fmla="*/ 110489 h 2612594"/>
                            <a:gd name="connsiteX552" fmla="*/ 1710855 w 2647519"/>
                            <a:gd name="connsiteY552" fmla="*/ 75247 h 2612594"/>
                            <a:gd name="connsiteX553" fmla="*/ 1137451 w 2647519"/>
                            <a:gd name="connsiteY553" fmla="*/ 68937 h 2612594"/>
                            <a:gd name="connsiteX554" fmla="*/ 1117448 w 2647519"/>
                            <a:gd name="connsiteY554" fmla="*/ 71437 h 2612594"/>
                            <a:gd name="connsiteX555" fmla="*/ 1074585 w 2647519"/>
                            <a:gd name="connsiteY555" fmla="*/ 77152 h 2612594"/>
                            <a:gd name="connsiteX556" fmla="*/ 1032675 w 2647519"/>
                            <a:gd name="connsiteY556" fmla="*/ 86677 h 2612594"/>
                            <a:gd name="connsiteX557" fmla="*/ 1014578 w 2647519"/>
                            <a:gd name="connsiteY557" fmla="*/ 92392 h 2612594"/>
                            <a:gd name="connsiteX558" fmla="*/ 993623 w 2647519"/>
                            <a:gd name="connsiteY558" fmla="*/ 98107 h 2612594"/>
                            <a:gd name="connsiteX559" fmla="*/ 947769 w 2647519"/>
                            <a:gd name="connsiteY559" fmla="*/ 107115 h 2612594"/>
                            <a:gd name="connsiteX560" fmla="*/ 939330 w 2647519"/>
                            <a:gd name="connsiteY560" fmla="*/ 110490 h 2612594"/>
                            <a:gd name="connsiteX561" fmla="*/ 881228 w 2647519"/>
                            <a:gd name="connsiteY561" fmla="*/ 130492 h 2612594"/>
                            <a:gd name="connsiteX562" fmla="*/ 824078 w 2647519"/>
                            <a:gd name="connsiteY562" fmla="*/ 153352 h 2612594"/>
                            <a:gd name="connsiteX563" fmla="*/ 784073 w 2647519"/>
                            <a:gd name="connsiteY563" fmla="*/ 171450 h 2612594"/>
                            <a:gd name="connsiteX564" fmla="*/ 757403 w 2647519"/>
                            <a:gd name="connsiteY564" fmla="*/ 181927 h 2612594"/>
                            <a:gd name="connsiteX565" fmla="*/ 691680 w 2647519"/>
                            <a:gd name="connsiteY565" fmla="*/ 212407 h 2612594"/>
                            <a:gd name="connsiteX566" fmla="*/ 660248 w 2647519"/>
                            <a:gd name="connsiteY566" fmla="*/ 232410 h 2612594"/>
                            <a:gd name="connsiteX567" fmla="*/ 629768 w 2647519"/>
                            <a:gd name="connsiteY567" fmla="*/ 252412 h 2612594"/>
                            <a:gd name="connsiteX568" fmla="*/ 581190 w 2647519"/>
                            <a:gd name="connsiteY568" fmla="*/ 288607 h 2612594"/>
                            <a:gd name="connsiteX569" fmla="*/ 535470 w 2647519"/>
                            <a:gd name="connsiteY569" fmla="*/ 324802 h 2612594"/>
                            <a:gd name="connsiteX570" fmla="*/ 491713 w 2647519"/>
                            <a:gd name="connsiteY570" fmla="*/ 362974 h 2612594"/>
                            <a:gd name="connsiteX571" fmla="*/ 495465 w 2647519"/>
                            <a:gd name="connsiteY571" fmla="*/ 367665 h 2612594"/>
                            <a:gd name="connsiteX572" fmla="*/ 504752 w 2647519"/>
                            <a:gd name="connsiteY572" fmla="*/ 361295 h 2612594"/>
                            <a:gd name="connsiteX573" fmla="*/ 512657 w 2647519"/>
                            <a:gd name="connsiteY573" fmla="*/ 355403 h 2612594"/>
                            <a:gd name="connsiteX574" fmla="*/ 541185 w 2647519"/>
                            <a:gd name="connsiteY574" fmla="*/ 330517 h 2612594"/>
                            <a:gd name="connsiteX575" fmla="*/ 586905 w 2647519"/>
                            <a:gd name="connsiteY575" fmla="*/ 294322 h 2612594"/>
                            <a:gd name="connsiteX576" fmla="*/ 635482 w 2647519"/>
                            <a:gd name="connsiteY576" fmla="*/ 258127 h 2612594"/>
                            <a:gd name="connsiteX577" fmla="*/ 665962 w 2647519"/>
                            <a:gd name="connsiteY577" fmla="*/ 238124 h 2612594"/>
                            <a:gd name="connsiteX578" fmla="*/ 697395 w 2647519"/>
                            <a:gd name="connsiteY578" fmla="*/ 218122 h 2612594"/>
                            <a:gd name="connsiteX579" fmla="*/ 763117 w 2647519"/>
                            <a:gd name="connsiteY579" fmla="*/ 187642 h 2612594"/>
                            <a:gd name="connsiteX580" fmla="*/ 788835 w 2647519"/>
                            <a:gd name="connsiteY580" fmla="*/ 174307 h 2612594"/>
                            <a:gd name="connsiteX581" fmla="*/ 828840 w 2647519"/>
                            <a:gd name="connsiteY581" fmla="*/ 156209 h 2612594"/>
                            <a:gd name="connsiteX582" fmla="*/ 885990 w 2647519"/>
                            <a:gd name="connsiteY582" fmla="*/ 133349 h 2612594"/>
                            <a:gd name="connsiteX583" fmla="*/ 944092 w 2647519"/>
                            <a:gd name="connsiteY583" fmla="*/ 113347 h 2612594"/>
                            <a:gd name="connsiteX584" fmla="*/ 968499 w 2647519"/>
                            <a:gd name="connsiteY584" fmla="*/ 108553 h 2612594"/>
                            <a:gd name="connsiteX585" fmla="*/ 980289 w 2647519"/>
                            <a:gd name="connsiteY585" fmla="*/ 104524 h 2612594"/>
                            <a:gd name="connsiteX586" fmla="*/ 1140765 w 2647519"/>
                            <a:gd name="connsiteY586" fmla="*/ 69904 h 2612594"/>
                            <a:gd name="connsiteX587" fmla="*/ 1478088 w 2647519"/>
                            <a:gd name="connsiteY587" fmla="*/ 48458 h 2612594"/>
                            <a:gd name="connsiteX588" fmla="*/ 1498447 w 2647519"/>
                            <a:gd name="connsiteY588" fmla="*/ 50482 h 2612594"/>
                            <a:gd name="connsiteX589" fmla="*/ 1526070 w 2647519"/>
                            <a:gd name="connsiteY589" fmla="*/ 60007 h 2612594"/>
                            <a:gd name="connsiteX590" fmla="*/ 1505115 w 2647519"/>
                            <a:gd name="connsiteY590" fmla="*/ 57150 h 2612594"/>
                            <a:gd name="connsiteX591" fmla="*/ 1461300 w 2647519"/>
                            <a:gd name="connsiteY591" fmla="*/ 48577 h 2612594"/>
                            <a:gd name="connsiteX592" fmla="*/ 1478088 w 2647519"/>
                            <a:gd name="connsiteY592" fmla="*/ 48458 h 2612594"/>
                            <a:gd name="connsiteX593" fmla="*/ 1588935 w 2647519"/>
                            <a:gd name="connsiteY593" fmla="*/ 40957 h 2612594"/>
                            <a:gd name="connsiteX594" fmla="*/ 1627987 w 2647519"/>
                            <a:gd name="connsiteY594" fmla="*/ 43814 h 2612594"/>
                            <a:gd name="connsiteX595" fmla="*/ 1675612 w 2647519"/>
                            <a:gd name="connsiteY595" fmla="*/ 62864 h 2612594"/>
                            <a:gd name="connsiteX596" fmla="*/ 1616557 w 2647519"/>
                            <a:gd name="connsiteY596" fmla="*/ 52387 h 2612594"/>
                            <a:gd name="connsiteX597" fmla="*/ 1588935 w 2647519"/>
                            <a:gd name="connsiteY597" fmla="*/ 40957 h 2612594"/>
                            <a:gd name="connsiteX598" fmla="*/ 1270324 w 2647519"/>
                            <a:gd name="connsiteY598" fmla="*/ 40719 h 2612594"/>
                            <a:gd name="connsiteX599" fmla="*/ 1160310 w 2647519"/>
                            <a:gd name="connsiteY599" fmla="*/ 46672 h 2612594"/>
                            <a:gd name="connsiteX600" fmla="*/ 1084110 w 2647519"/>
                            <a:gd name="connsiteY600" fmla="*/ 57149 h 2612594"/>
                            <a:gd name="connsiteX601" fmla="*/ 1047915 w 2647519"/>
                            <a:gd name="connsiteY601" fmla="*/ 66674 h 2612594"/>
                            <a:gd name="connsiteX602" fmla="*/ 1016482 w 2647519"/>
                            <a:gd name="connsiteY602" fmla="*/ 78104 h 2612594"/>
                            <a:gd name="connsiteX603" fmla="*/ 972667 w 2647519"/>
                            <a:gd name="connsiteY603" fmla="*/ 83819 h 2612594"/>
                            <a:gd name="connsiteX604" fmla="*/ 806932 w 2647519"/>
                            <a:gd name="connsiteY604" fmla="*/ 147637 h 2612594"/>
                            <a:gd name="connsiteX605" fmla="*/ 746925 w 2647519"/>
                            <a:gd name="connsiteY605" fmla="*/ 174307 h 2612594"/>
                            <a:gd name="connsiteX606" fmla="*/ 728827 w 2647519"/>
                            <a:gd name="connsiteY606" fmla="*/ 180974 h 2612594"/>
                            <a:gd name="connsiteX607" fmla="*/ 712635 w 2647519"/>
                            <a:gd name="connsiteY607" fmla="*/ 189547 h 2612594"/>
                            <a:gd name="connsiteX608" fmla="*/ 682155 w 2647519"/>
                            <a:gd name="connsiteY608" fmla="*/ 205739 h 2612594"/>
                            <a:gd name="connsiteX609" fmla="*/ 634530 w 2647519"/>
                            <a:gd name="connsiteY609" fmla="*/ 230504 h 2612594"/>
                            <a:gd name="connsiteX610" fmla="*/ 598335 w 2647519"/>
                            <a:gd name="connsiteY610" fmla="*/ 259079 h 2612594"/>
                            <a:gd name="connsiteX611" fmla="*/ 493560 w 2647519"/>
                            <a:gd name="connsiteY611" fmla="*/ 340994 h 2612594"/>
                            <a:gd name="connsiteX612" fmla="*/ 471664 w 2647519"/>
                            <a:gd name="connsiteY612" fmla="*/ 360034 h 2612594"/>
                            <a:gd name="connsiteX613" fmla="*/ 450243 w 2647519"/>
                            <a:gd name="connsiteY613" fmla="*/ 379593 h 2612594"/>
                            <a:gd name="connsiteX614" fmla="*/ 450697 w 2647519"/>
                            <a:gd name="connsiteY614" fmla="*/ 380047 h 2612594"/>
                            <a:gd name="connsiteX615" fmla="*/ 285915 w 2647519"/>
                            <a:gd name="connsiteY615" fmla="*/ 573404 h 2612594"/>
                            <a:gd name="connsiteX616" fmla="*/ 252577 w 2647519"/>
                            <a:gd name="connsiteY616" fmla="*/ 619124 h 2612594"/>
                            <a:gd name="connsiteX617" fmla="*/ 237337 w 2647519"/>
                            <a:gd name="connsiteY617" fmla="*/ 646747 h 2612594"/>
                            <a:gd name="connsiteX618" fmla="*/ 222097 w 2647519"/>
                            <a:gd name="connsiteY618" fmla="*/ 672464 h 2612594"/>
                            <a:gd name="connsiteX619" fmla="*/ 193522 w 2647519"/>
                            <a:gd name="connsiteY619" fmla="*/ 725804 h 2612594"/>
                            <a:gd name="connsiteX620" fmla="*/ 162439 w 2647519"/>
                            <a:gd name="connsiteY620" fmla="*/ 774785 h 2612594"/>
                            <a:gd name="connsiteX621" fmla="*/ 162090 w 2647519"/>
                            <a:gd name="connsiteY621" fmla="*/ 776287 h 2612594"/>
                            <a:gd name="connsiteX622" fmla="*/ 151612 w 2647519"/>
                            <a:gd name="connsiteY622" fmla="*/ 804862 h 2612594"/>
                            <a:gd name="connsiteX623" fmla="*/ 143992 w 2647519"/>
                            <a:gd name="connsiteY623" fmla="*/ 818197 h 2612594"/>
                            <a:gd name="connsiteX624" fmla="*/ 142087 w 2647519"/>
                            <a:gd name="connsiteY624" fmla="*/ 820102 h 2612594"/>
                            <a:gd name="connsiteX625" fmla="*/ 133634 w 2647519"/>
                            <a:gd name="connsiteY625" fmla="*/ 848201 h 2612594"/>
                            <a:gd name="connsiteX626" fmla="*/ 131610 w 2647519"/>
                            <a:gd name="connsiteY626" fmla="*/ 864870 h 2612594"/>
                            <a:gd name="connsiteX627" fmla="*/ 129705 w 2647519"/>
                            <a:gd name="connsiteY627" fmla="*/ 888682 h 2612594"/>
                            <a:gd name="connsiteX628" fmla="*/ 116370 w 2647519"/>
                            <a:gd name="connsiteY628" fmla="*/ 927735 h 2612594"/>
                            <a:gd name="connsiteX629" fmla="*/ 103987 w 2647519"/>
                            <a:gd name="connsiteY629" fmla="*/ 966787 h 2612594"/>
                            <a:gd name="connsiteX630" fmla="*/ 90652 w 2647519"/>
                            <a:gd name="connsiteY630" fmla="*/ 1023937 h 2612594"/>
                            <a:gd name="connsiteX631" fmla="*/ 83032 w 2647519"/>
                            <a:gd name="connsiteY631" fmla="*/ 1076325 h 2612594"/>
                            <a:gd name="connsiteX632" fmla="*/ 78270 w 2647519"/>
                            <a:gd name="connsiteY632" fmla="*/ 1128712 h 2612594"/>
                            <a:gd name="connsiteX633" fmla="*/ 84937 w 2647519"/>
                            <a:gd name="connsiteY633" fmla="*/ 1092517 h 2612594"/>
                            <a:gd name="connsiteX634" fmla="*/ 85555 w 2647519"/>
                            <a:gd name="connsiteY634" fmla="*/ 1089530 h 2612594"/>
                            <a:gd name="connsiteX635" fmla="*/ 86842 w 2647519"/>
                            <a:gd name="connsiteY635" fmla="*/ 1075372 h 2612594"/>
                            <a:gd name="connsiteX636" fmla="*/ 94462 w 2647519"/>
                            <a:gd name="connsiteY636" fmla="*/ 1022985 h 2612594"/>
                            <a:gd name="connsiteX637" fmla="*/ 96848 w 2647519"/>
                            <a:gd name="connsiteY637" fmla="*/ 1023781 h 2612594"/>
                            <a:gd name="connsiteX638" fmla="*/ 97055 w 2647519"/>
                            <a:gd name="connsiteY638" fmla="*/ 1022896 h 2612594"/>
                            <a:gd name="connsiteX639" fmla="*/ 94463 w 2647519"/>
                            <a:gd name="connsiteY639" fmla="*/ 1022032 h 2612594"/>
                            <a:gd name="connsiteX640" fmla="*/ 107798 w 2647519"/>
                            <a:gd name="connsiteY640" fmla="*/ 964882 h 2612594"/>
                            <a:gd name="connsiteX641" fmla="*/ 120180 w 2647519"/>
                            <a:gd name="connsiteY641" fmla="*/ 925829 h 2612594"/>
                            <a:gd name="connsiteX642" fmla="*/ 133454 w 2647519"/>
                            <a:gd name="connsiteY642" fmla="*/ 886956 h 2612594"/>
                            <a:gd name="connsiteX643" fmla="*/ 132563 w 2647519"/>
                            <a:gd name="connsiteY643" fmla="*/ 886777 h 2612594"/>
                            <a:gd name="connsiteX644" fmla="*/ 134468 w 2647519"/>
                            <a:gd name="connsiteY644" fmla="*/ 862965 h 2612594"/>
                            <a:gd name="connsiteX645" fmla="*/ 144945 w 2647519"/>
                            <a:gd name="connsiteY645" fmla="*/ 818197 h 2612594"/>
                            <a:gd name="connsiteX646" fmla="*/ 152565 w 2647519"/>
                            <a:gd name="connsiteY646" fmla="*/ 804862 h 2612594"/>
                            <a:gd name="connsiteX647" fmla="*/ 152821 w 2647519"/>
                            <a:gd name="connsiteY647" fmla="*/ 804166 h 2612594"/>
                            <a:gd name="connsiteX648" fmla="*/ 163043 w 2647519"/>
                            <a:gd name="connsiteY648" fmla="*/ 776287 h 2612594"/>
                            <a:gd name="connsiteX649" fmla="*/ 194475 w 2647519"/>
                            <a:gd name="connsiteY649" fmla="*/ 726757 h 2612594"/>
                            <a:gd name="connsiteX650" fmla="*/ 223050 w 2647519"/>
                            <a:gd name="connsiteY650" fmla="*/ 673417 h 2612594"/>
                            <a:gd name="connsiteX651" fmla="*/ 238290 w 2647519"/>
                            <a:gd name="connsiteY651" fmla="*/ 647700 h 2612594"/>
                            <a:gd name="connsiteX652" fmla="*/ 253530 w 2647519"/>
                            <a:gd name="connsiteY652" fmla="*/ 620077 h 2612594"/>
                            <a:gd name="connsiteX653" fmla="*/ 286868 w 2647519"/>
                            <a:gd name="connsiteY653" fmla="*/ 574357 h 2612594"/>
                            <a:gd name="connsiteX654" fmla="*/ 451650 w 2647519"/>
                            <a:gd name="connsiteY654" fmla="*/ 381000 h 2612594"/>
                            <a:gd name="connsiteX655" fmla="*/ 495465 w 2647519"/>
                            <a:gd name="connsiteY655" fmla="*/ 340995 h 2612594"/>
                            <a:gd name="connsiteX656" fmla="*/ 600240 w 2647519"/>
                            <a:gd name="connsiteY656" fmla="*/ 259080 h 2612594"/>
                            <a:gd name="connsiteX657" fmla="*/ 636435 w 2647519"/>
                            <a:gd name="connsiteY657" fmla="*/ 230505 h 2612594"/>
                            <a:gd name="connsiteX658" fmla="*/ 684060 w 2647519"/>
                            <a:gd name="connsiteY658" fmla="*/ 205740 h 2612594"/>
                            <a:gd name="connsiteX659" fmla="*/ 714540 w 2647519"/>
                            <a:gd name="connsiteY659" fmla="*/ 189547 h 2612594"/>
                            <a:gd name="connsiteX660" fmla="*/ 730733 w 2647519"/>
                            <a:gd name="connsiteY660" fmla="*/ 180975 h 2612594"/>
                            <a:gd name="connsiteX661" fmla="*/ 748830 w 2647519"/>
                            <a:gd name="connsiteY661" fmla="*/ 174307 h 2612594"/>
                            <a:gd name="connsiteX662" fmla="*/ 808838 w 2647519"/>
                            <a:gd name="connsiteY662" fmla="*/ 147637 h 2612594"/>
                            <a:gd name="connsiteX663" fmla="*/ 974573 w 2647519"/>
                            <a:gd name="connsiteY663" fmla="*/ 83820 h 2612594"/>
                            <a:gd name="connsiteX664" fmla="*/ 1018388 w 2647519"/>
                            <a:gd name="connsiteY664" fmla="*/ 78105 h 2612594"/>
                            <a:gd name="connsiteX665" fmla="*/ 1049820 w 2647519"/>
                            <a:gd name="connsiteY665" fmla="*/ 66675 h 2612594"/>
                            <a:gd name="connsiteX666" fmla="*/ 1086015 w 2647519"/>
                            <a:gd name="connsiteY666" fmla="*/ 57150 h 2612594"/>
                            <a:gd name="connsiteX667" fmla="*/ 1162215 w 2647519"/>
                            <a:gd name="connsiteY667" fmla="*/ 46672 h 2612594"/>
                            <a:gd name="connsiteX668" fmla="*/ 1272229 w 2647519"/>
                            <a:gd name="connsiteY668" fmla="*/ 41076 h 2612594"/>
                            <a:gd name="connsiteX669" fmla="*/ 1360655 w 2647519"/>
                            <a:gd name="connsiteY669" fmla="*/ 44043 h 2612594"/>
                            <a:gd name="connsiteX670" fmla="*/ 1404150 w 2647519"/>
                            <a:gd name="connsiteY670" fmla="*/ 0 h 2612594"/>
                            <a:gd name="connsiteX671" fmla="*/ 1448917 w 2647519"/>
                            <a:gd name="connsiteY671" fmla="*/ 2857 h 2612594"/>
                            <a:gd name="connsiteX672" fmla="*/ 1494637 w 2647519"/>
                            <a:gd name="connsiteY672" fmla="*/ 7620 h 2612594"/>
                            <a:gd name="connsiteX673" fmla="*/ 1525117 w 2647519"/>
                            <a:gd name="connsiteY673" fmla="*/ 15240 h 2612594"/>
                            <a:gd name="connsiteX674" fmla="*/ 1545120 w 2647519"/>
                            <a:gd name="connsiteY674" fmla="*/ 24765 h 2612594"/>
                            <a:gd name="connsiteX675" fmla="*/ 1569885 w 2647519"/>
                            <a:gd name="connsiteY675" fmla="*/ 20002 h 2612594"/>
                            <a:gd name="connsiteX676" fmla="*/ 1607032 w 2647519"/>
                            <a:gd name="connsiteY676" fmla="*/ 28575 h 2612594"/>
                            <a:gd name="connsiteX677" fmla="*/ 1629892 w 2647519"/>
                            <a:gd name="connsiteY677" fmla="*/ 35242 h 2612594"/>
                            <a:gd name="connsiteX678" fmla="*/ 1628940 w 2647519"/>
                            <a:gd name="connsiteY678" fmla="*/ 36195 h 2612594"/>
                            <a:gd name="connsiteX679" fmla="*/ 1627987 w 2647519"/>
                            <a:gd name="connsiteY679" fmla="*/ 42862 h 2612594"/>
                            <a:gd name="connsiteX680" fmla="*/ 1588935 w 2647519"/>
                            <a:gd name="connsiteY680" fmla="*/ 40005 h 2612594"/>
                            <a:gd name="connsiteX681" fmla="*/ 1575600 w 2647519"/>
                            <a:gd name="connsiteY681" fmla="*/ 36195 h 2612594"/>
                            <a:gd name="connsiteX682" fmla="*/ 1562265 w 2647519"/>
                            <a:gd name="connsiteY682" fmla="*/ 33337 h 2612594"/>
                            <a:gd name="connsiteX683" fmla="*/ 1536547 w 2647519"/>
                            <a:gd name="connsiteY683" fmla="*/ 27622 h 2612594"/>
                            <a:gd name="connsiteX684" fmla="*/ 1510830 w 2647519"/>
                            <a:gd name="connsiteY684" fmla="*/ 21907 h 2612594"/>
                            <a:gd name="connsiteX685" fmla="*/ 1484160 w 2647519"/>
                            <a:gd name="connsiteY685" fmla="*/ 18097 h 2612594"/>
                            <a:gd name="connsiteX686" fmla="*/ 1454633 w 2647519"/>
                            <a:gd name="connsiteY686" fmla="*/ 18097 h 2612594"/>
                            <a:gd name="connsiteX687" fmla="*/ 1430820 w 2647519"/>
                            <a:gd name="connsiteY687" fmla="*/ 18097 h 2612594"/>
                            <a:gd name="connsiteX688" fmla="*/ 1393673 w 2647519"/>
                            <a:gd name="connsiteY688" fmla="*/ 18097 h 2612594"/>
                            <a:gd name="connsiteX689" fmla="*/ 1391928 w 2647519"/>
                            <a:gd name="connsiteY689" fmla="*/ 17540 h 2612594"/>
                            <a:gd name="connsiteX690" fmla="*/ 1375575 w 2647519"/>
                            <a:gd name="connsiteY690" fmla="*/ 25717 h 2612594"/>
                            <a:gd name="connsiteX691" fmla="*/ 1381290 w 2647519"/>
                            <a:gd name="connsiteY691" fmla="*/ 35242 h 2612594"/>
                            <a:gd name="connsiteX692" fmla="*/ 1438440 w 2647519"/>
                            <a:gd name="connsiteY692" fmla="*/ 46672 h 2612594"/>
                            <a:gd name="connsiteX693" fmla="*/ 1413008 w 2647519"/>
                            <a:gd name="connsiteY693" fmla="*/ 47116 h 2612594"/>
                            <a:gd name="connsiteX694" fmla="*/ 1413437 w 2647519"/>
                            <a:gd name="connsiteY694" fmla="*/ 47149 h 2612594"/>
                            <a:gd name="connsiteX695" fmla="*/ 1440345 w 2647519"/>
                            <a:gd name="connsiteY695" fmla="*/ 46672 h 2612594"/>
                            <a:gd name="connsiteX696" fmla="*/ 1463205 w 2647519"/>
                            <a:gd name="connsiteY696" fmla="*/ 49530 h 2612594"/>
                            <a:gd name="connsiteX697" fmla="*/ 1507020 w 2647519"/>
                            <a:gd name="connsiteY697" fmla="*/ 58102 h 2612594"/>
                            <a:gd name="connsiteX698" fmla="*/ 1527975 w 2647519"/>
                            <a:gd name="connsiteY698" fmla="*/ 60960 h 2612594"/>
                            <a:gd name="connsiteX699" fmla="*/ 1563218 w 2647519"/>
                            <a:gd name="connsiteY699" fmla="*/ 68580 h 2612594"/>
                            <a:gd name="connsiteX700" fmla="*/ 1599413 w 2647519"/>
                            <a:gd name="connsiteY700" fmla="*/ 76200 h 2612594"/>
                            <a:gd name="connsiteX701" fmla="*/ 1634655 w 2647519"/>
                            <a:gd name="connsiteY701" fmla="*/ 84772 h 2612594"/>
                            <a:gd name="connsiteX702" fmla="*/ 1669898 w 2647519"/>
                            <a:gd name="connsiteY702" fmla="*/ 95250 h 2612594"/>
                            <a:gd name="connsiteX703" fmla="*/ 1687043 w 2647519"/>
                            <a:gd name="connsiteY703" fmla="*/ 100012 h 2612594"/>
                            <a:gd name="connsiteX704" fmla="*/ 1704188 w 2647519"/>
                            <a:gd name="connsiteY704" fmla="*/ 105727 h 2612594"/>
                            <a:gd name="connsiteX705" fmla="*/ 1704409 w 2647519"/>
                            <a:gd name="connsiteY705" fmla="*/ 105929 h 2612594"/>
                            <a:gd name="connsiteX706" fmla="*/ 1716704 w 2647519"/>
                            <a:gd name="connsiteY706" fmla="*/ 108049 h 2612594"/>
                            <a:gd name="connsiteX707" fmla="*/ 1746499 w 2647519"/>
                            <a:gd name="connsiteY707" fmla="*/ 119121 h 2612594"/>
                            <a:gd name="connsiteX708" fmla="*/ 1750661 w 2647519"/>
                            <a:gd name="connsiteY708" fmla="*/ 125427 h 2612594"/>
                            <a:gd name="connsiteX709" fmla="*/ 1751813 w 2647519"/>
                            <a:gd name="connsiteY709" fmla="*/ 125730 h 2612594"/>
                            <a:gd name="connsiteX710" fmla="*/ 1778483 w 2647519"/>
                            <a:gd name="connsiteY710" fmla="*/ 136207 h 2612594"/>
                            <a:gd name="connsiteX711" fmla="*/ 1801343 w 2647519"/>
                            <a:gd name="connsiteY711" fmla="*/ 145732 h 2612594"/>
                            <a:gd name="connsiteX712" fmla="*/ 1824203 w 2647519"/>
                            <a:gd name="connsiteY712" fmla="*/ 156210 h 2612594"/>
                            <a:gd name="connsiteX713" fmla="*/ 1841348 w 2647519"/>
                            <a:gd name="connsiteY713" fmla="*/ 165735 h 2612594"/>
                            <a:gd name="connsiteX714" fmla="*/ 1852778 w 2647519"/>
                            <a:gd name="connsiteY714" fmla="*/ 171450 h 2612594"/>
                            <a:gd name="connsiteX715" fmla="*/ 1865160 w 2647519"/>
                            <a:gd name="connsiteY715" fmla="*/ 178117 h 2612594"/>
                            <a:gd name="connsiteX716" fmla="*/ 1907070 w 2647519"/>
                            <a:gd name="connsiteY716" fmla="*/ 201930 h 2612594"/>
                            <a:gd name="connsiteX717" fmla="*/ 1960410 w 2647519"/>
                            <a:gd name="connsiteY717" fmla="*/ 236220 h 2612594"/>
                            <a:gd name="connsiteX718" fmla="*/ 1988033 w 2647519"/>
                            <a:gd name="connsiteY718" fmla="*/ 255270 h 2612594"/>
                            <a:gd name="connsiteX719" fmla="*/ 1988833 w 2647519"/>
                            <a:gd name="connsiteY719" fmla="*/ 255841 h 2612594"/>
                            <a:gd name="connsiteX720" fmla="*/ 2002949 w 2647519"/>
                            <a:gd name="connsiteY720" fmla="*/ 264417 h 2612594"/>
                            <a:gd name="connsiteX721" fmla="*/ 2540483 w 2647519"/>
                            <a:gd name="connsiteY721" fmla="*/ 1275397 h 2612594"/>
                            <a:gd name="connsiteX722" fmla="*/ 2540081 w 2647519"/>
                            <a:gd name="connsiteY722" fmla="*/ 1283368 h 2612594"/>
                            <a:gd name="connsiteX723" fmla="*/ 2550960 w 2647519"/>
                            <a:gd name="connsiteY723" fmla="*/ 1284922 h 2612594"/>
                            <a:gd name="connsiteX724" fmla="*/ 2561437 w 2647519"/>
                            <a:gd name="connsiteY724" fmla="*/ 1292542 h 2612594"/>
                            <a:gd name="connsiteX725" fmla="*/ 2566200 w 2647519"/>
                            <a:gd name="connsiteY725" fmla="*/ 1318259 h 2612594"/>
                            <a:gd name="connsiteX726" fmla="*/ 2584297 w 2647519"/>
                            <a:gd name="connsiteY726" fmla="*/ 1348739 h 2612594"/>
                            <a:gd name="connsiteX727" fmla="*/ 2591918 w 2647519"/>
                            <a:gd name="connsiteY727" fmla="*/ 1349432 h 2612594"/>
                            <a:gd name="connsiteX728" fmla="*/ 2591918 w 2647519"/>
                            <a:gd name="connsiteY728" fmla="*/ 1342072 h 2612594"/>
                            <a:gd name="connsiteX729" fmla="*/ 2599661 w 2647519"/>
                            <a:gd name="connsiteY729" fmla="*/ 1320563 h 2612594"/>
                            <a:gd name="connsiteX730" fmla="*/ 2599537 w 2647519"/>
                            <a:gd name="connsiteY730" fmla="*/ 1316355 h 2612594"/>
                            <a:gd name="connsiteX731" fmla="*/ 2607157 w 2647519"/>
                            <a:gd name="connsiteY731" fmla="*/ 1290637 h 2612594"/>
                            <a:gd name="connsiteX732" fmla="*/ 2617635 w 2647519"/>
                            <a:gd name="connsiteY732" fmla="*/ 1290637 h 2612594"/>
                            <a:gd name="connsiteX733" fmla="*/ 2633827 w 2647519"/>
                            <a:gd name="connsiteY733" fmla="*/ 1280160 h 2612594"/>
                            <a:gd name="connsiteX734" fmla="*/ 2635732 w 2647519"/>
                            <a:gd name="connsiteY734" fmla="*/ 1322070 h 2612594"/>
                            <a:gd name="connsiteX735" fmla="*/ 2630970 w 2647519"/>
                            <a:gd name="connsiteY735" fmla="*/ 1342072 h 2612594"/>
                            <a:gd name="connsiteX736" fmla="*/ 2625255 w 2647519"/>
                            <a:gd name="connsiteY736" fmla="*/ 1361122 h 2612594"/>
                            <a:gd name="connsiteX737" fmla="*/ 2622397 w 2647519"/>
                            <a:gd name="connsiteY737" fmla="*/ 1392555 h 2612594"/>
                            <a:gd name="connsiteX738" fmla="*/ 2621445 w 2647519"/>
                            <a:gd name="connsiteY738" fmla="*/ 1408747 h 2612594"/>
                            <a:gd name="connsiteX739" fmla="*/ 2619540 w 2647519"/>
                            <a:gd name="connsiteY739" fmla="*/ 1424940 h 2612594"/>
                            <a:gd name="connsiteX740" fmla="*/ 2615479 w 2647519"/>
                            <a:gd name="connsiteY740" fmla="*/ 1427648 h 2612594"/>
                            <a:gd name="connsiteX741" fmla="*/ 2615730 w 2647519"/>
                            <a:gd name="connsiteY741" fmla="*/ 1428749 h 2612594"/>
                            <a:gd name="connsiteX742" fmla="*/ 2619621 w 2647519"/>
                            <a:gd name="connsiteY742" fmla="*/ 1426155 h 2612594"/>
                            <a:gd name="connsiteX743" fmla="*/ 2621445 w 2647519"/>
                            <a:gd name="connsiteY743" fmla="*/ 1410652 h 2612594"/>
                            <a:gd name="connsiteX744" fmla="*/ 2622397 w 2647519"/>
                            <a:gd name="connsiteY744" fmla="*/ 1394460 h 2612594"/>
                            <a:gd name="connsiteX745" fmla="*/ 2625255 w 2647519"/>
                            <a:gd name="connsiteY745" fmla="*/ 1363027 h 2612594"/>
                            <a:gd name="connsiteX746" fmla="*/ 2630970 w 2647519"/>
                            <a:gd name="connsiteY746" fmla="*/ 1343977 h 2612594"/>
                            <a:gd name="connsiteX747" fmla="*/ 2635732 w 2647519"/>
                            <a:gd name="connsiteY747" fmla="*/ 1323975 h 2612594"/>
                            <a:gd name="connsiteX748" fmla="*/ 2643352 w 2647519"/>
                            <a:gd name="connsiteY748" fmla="*/ 1329690 h 2612594"/>
                            <a:gd name="connsiteX749" fmla="*/ 2642400 w 2647519"/>
                            <a:gd name="connsiteY749" fmla="*/ 1343977 h 2612594"/>
                            <a:gd name="connsiteX750" fmla="*/ 2640495 w 2647519"/>
                            <a:gd name="connsiteY750" fmla="*/ 1358265 h 2612594"/>
                            <a:gd name="connsiteX751" fmla="*/ 2639542 w 2647519"/>
                            <a:gd name="connsiteY751" fmla="*/ 1384935 h 2612594"/>
                            <a:gd name="connsiteX752" fmla="*/ 2637637 w 2647519"/>
                            <a:gd name="connsiteY752" fmla="*/ 1416367 h 2612594"/>
                            <a:gd name="connsiteX753" fmla="*/ 2632875 w 2647519"/>
                            <a:gd name="connsiteY753" fmla="*/ 1449705 h 2612594"/>
                            <a:gd name="connsiteX754" fmla="*/ 2627160 w 2647519"/>
                            <a:gd name="connsiteY754" fmla="*/ 1484947 h 2612594"/>
                            <a:gd name="connsiteX755" fmla="*/ 2620492 w 2647519"/>
                            <a:gd name="connsiteY755" fmla="*/ 1519237 h 2612594"/>
                            <a:gd name="connsiteX756" fmla="*/ 2608110 w 2647519"/>
                            <a:gd name="connsiteY756" fmla="*/ 1591627 h 2612594"/>
                            <a:gd name="connsiteX757" fmla="*/ 2596680 w 2647519"/>
                            <a:gd name="connsiteY757" fmla="*/ 1598295 h 2612594"/>
                            <a:gd name="connsiteX758" fmla="*/ 2582392 w 2647519"/>
                            <a:gd name="connsiteY758" fmla="*/ 1640205 h 2612594"/>
                            <a:gd name="connsiteX759" fmla="*/ 2578582 w 2647519"/>
                            <a:gd name="connsiteY759" fmla="*/ 1680210 h 2612594"/>
                            <a:gd name="connsiteX760" fmla="*/ 2576677 w 2647519"/>
                            <a:gd name="connsiteY760" fmla="*/ 1685925 h 2612594"/>
                            <a:gd name="connsiteX761" fmla="*/ 2560485 w 2647519"/>
                            <a:gd name="connsiteY761" fmla="*/ 1729740 h 2612594"/>
                            <a:gd name="connsiteX762" fmla="*/ 2555722 w 2647519"/>
                            <a:gd name="connsiteY762" fmla="*/ 1733550 h 2612594"/>
                            <a:gd name="connsiteX763" fmla="*/ 2535720 w 2647519"/>
                            <a:gd name="connsiteY763" fmla="*/ 1780222 h 2612594"/>
                            <a:gd name="connsiteX764" fmla="*/ 2556675 w 2647519"/>
                            <a:gd name="connsiteY764" fmla="*/ 1733550 h 2612594"/>
                            <a:gd name="connsiteX765" fmla="*/ 2561437 w 2647519"/>
                            <a:gd name="connsiteY765" fmla="*/ 1729740 h 2612594"/>
                            <a:gd name="connsiteX766" fmla="*/ 2530957 w 2647519"/>
                            <a:gd name="connsiteY766" fmla="*/ 1816417 h 2612594"/>
                            <a:gd name="connsiteX767" fmla="*/ 2514765 w 2647519"/>
                            <a:gd name="connsiteY767" fmla="*/ 1824990 h 2612594"/>
                            <a:gd name="connsiteX768" fmla="*/ 2511407 w 2647519"/>
                            <a:gd name="connsiteY768" fmla="*/ 1831707 h 2612594"/>
                            <a:gd name="connsiteX769" fmla="*/ 2511908 w 2647519"/>
                            <a:gd name="connsiteY769" fmla="*/ 1832609 h 2612594"/>
                            <a:gd name="connsiteX770" fmla="*/ 2515718 w 2647519"/>
                            <a:gd name="connsiteY770" fmla="*/ 1824989 h 2612594"/>
                            <a:gd name="connsiteX771" fmla="*/ 2531910 w 2647519"/>
                            <a:gd name="connsiteY771" fmla="*/ 1816417 h 2612594"/>
                            <a:gd name="connsiteX772" fmla="*/ 2520480 w 2647519"/>
                            <a:gd name="connsiteY772" fmla="*/ 1848802 h 2612594"/>
                            <a:gd name="connsiteX773" fmla="*/ 2499525 w 2647519"/>
                            <a:gd name="connsiteY773" fmla="*/ 1886902 h 2612594"/>
                            <a:gd name="connsiteX774" fmla="*/ 2489048 w 2647519"/>
                            <a:gd name="connsiteY774" fmla="*/ 1905952 h 2612594"/>
                            <a:gd name="connsiteX775" fmla="*/ 2477618 w 2647519"/>
                            <a:gd name="connsiteY775" fmla="*/ 1925002 h 2612594"/>
                            <a:gd name="connsiteX776" fmla="*/ 2469045 w 2647519"/>
                            <a:gd name="connsiteY776" fmla="*/ 1939289 h 2612594"/>
                            <a:gd name="connsiteX777" fmla="*/ 2456663 w 2647519"/>
                            <a:gd name="connsiteY777" fmla="*/ 1966912 h 2612594"/>
                            <a:gd name="connsiteX778" fmla="*/ 2443328 w 2647519"/>
                            <a:gd name="connsiteY778" fmla="*/ 1993582 h 2612594"/>
                            <a:gd name="connsiteX779" fmla="*/ 2422373 w 2647519"/>
                            <a:gd name="connsiteY779" fmla="*/ 2022157 h 2612594"/>
                            <a:gd name="connsiteX780" fmla="*/ 2401418 w 2647519"/>
                            <a:gd name="connsiteY780" fmla="*/ 2048827 h 2612594"/>
                            <a:gd name="connsiteX781" fmla="*/ 2402291 w 2647519"/>
                            <a:gd name="connsiteY781" fmla="*/ 2047029 h 2612594"/>
                            <a:gd name="connsiteX782" fmla="*/ 2378557 w 2647519"/>
                            <a:gd name="connsiteY782" fmla="*/ 2079307 h 2612594"/>
                            <a:gd name="connsiteX783" fmla="*/ 2327122 w 2647519"/>
                            <a:gd name="connsiteY783" fmla="*/ 2135505 h 2612594"/>
                            <a:gd name="connsiteX784" fmla="*/ 2316996 w 2647519"/>
                            <a:gd name="connsiteY784" fmla="*/ 2151085 h 2612594"/>
                            <a:gd name="connsiteX785" fmla="*/ 2327122 w 2647519"/>
                            <a:gd name="connsiteY785" fmla="*/ 2136457 h 2612594"/>
                            <a:gd name="connsiteX786" fmla="*/ 2378557 w 2647519"/>
                            <a:gd name="connsiteY786" fmla="*/ 2080259 h 2612594"/>
                            <a:gd name="connsiteX787" fmla="*/ 2339505 w 2647519"/>
                            <a:gd name="connsiteY787" fmla="*/ 2139314 h 2612594"/>
                            <a:gd name="connsiteX788" fmla="*/ 2319383 w 2647519"/>
                            <a:gd name="connsiteY788" fmla="*/ 2160389 h 2612594"/>
                            <a:gd name="connsiteX789" fmla="*/ 2303230 w 2647519"/>
                            <a:gd name="connsiteY789" fmla="*/ 2172263 h 2612594"/>
                            <a:gd name="connsiteX790" fmla="*/ 2302357 w 2647519"/>
                            <a:gd name="connsiteY790" fmla="*/ 2173605 h 2612594"/>
                            <a:gd name="connsiteX791" fmla="*/ 2292258 w 2647519"/>
                            <a:gd name="connsiteY791" fmla="*/ 2181374 h 2612594"/>
                            <a:gd name="connsiteX792" fmla="*/ 2291880 w 2647519"/>
                            <a:gd name="connsiteY792" fmla="*/ 2184082 h 2612594"/>
                            <a:gd name="connsiteX793" fmla="*/ 2247112 w 2647519"/>
                            <a:gd name="connsiteY793" fmla="*/ 2229802 h 2612594"/>
                            <a:gd name="connsiteX794" fmla="*/ 2199487 w 2647519"/>
                            <a:gd name="connsiteY794" fmla="*/ 2273617 h 2612594"/>
                            <a:gd name="connsiteX795" fmla="*/ 2197285 w 2647519"/>
                            <a:gd name="connsiteY795" fmla="*/ 2275215 h 2612594"/>
                            <a:gd name="connsiteX796" fmla="*/ 2181390 w 2647519"/>
                            <a:gd name="connsiteY796" fmla="*/ 2295524 h 2612594"/>
                            <a:gd name="connsiteX797" fmla="*/ 2143290 w 2647519"/>
                            <a:gd name="connsiteY797" fmla="*/ 2324099 h 2612594"/>
                            <a:gd name="connsiteX798" fmla="*/ 2107681 w 2647519"/>
                            <a:gd name="connsiteY798" fmla="*/ 2350806 h 2612594"/>
                            <a:gd name="connsiteX799" fmla="*/ 2107553 w 2647519"/>
                            <a:gd name="connsiteY799" fmla="*/ 2350961 h 2612594"/>
                            <a:gd name="connsiteX800" fmla="*/ 2143290 w 2647519"/>
                            <a:gd name="connsiteY800" fmla="*/ 2325052 h 2612594"/>
                            <a:gd name="connsiteX801" fmla="*/ 2181390 w 2647519"/>
                            <a:gd name="connsiteY801" fmla="*/ 2296477 h 2612594"/>
                            <a:gd name="connsiteX802" fmla="*/ 2149957 w 2647519"/>
                            <a:gd name="connsiteY802" fmla="*/ 2327909 h 2612594"/>
                            <a:gd name="connsiteX803" fmla="*/ 2124359 w 2647519"/>
                            <a:gd name="connsiteY803" fmla="*/ 2344578 h 2612594"/>
                            <a:gd name="connsiteX804" fmla="*/ 2106651 w 2647519"/>
                            <a:gd name="connsiteY804" fmla="*/ 2352057 h 2612594"/>
                            <a:gd name="connsiteX805" fmla="*/ 2106142 w 2647519"/>
                            <a:gd name="connsiteY805" fmla="*/ 2352675 h 2612594"/>
                            <a:gd name="connsiteX806" fmla="*/ 2087092 w 2647519"/>
                            <a:gd name="connsiteY806" fmla="*/ 2365057 h 2612594"/>
                            <a:gd name="connsiteX807" fmla="*/ 2079914 w 2647519"/>
                            <a:gd name="connsiteY807" fmla="*/ 2368384 h 2612594"/>
                            <a:gd name="connsiteX808" fmla="*/ 2061852 w 2647519"/>
                            <a:gd name="connsiteY808" fmla="*/ 2383036 h 2612594"/>
                            <a:gd name="connsiteX809" fmla="*/ 2044230 w 2647519"/>
                            <a:gd name="connsiteY809" fmla="*/ 2395537 h 2612594"/>
                            <a:gd name="connsiteX810" fmla="*/ 2017560 w 2647519"/>
                            <a:gd name="connsiteY810" fmla="*/ 2412682 h 2612594"/>
                            <a:gd name="connsiteX811" fmla="*/ 2008988 w 2647519"/>
                            <a:gd name="connsiteY811" fmla="*/ 2413635 h 2612594"/>
                            <a:gd name="connsiteX812" fmla="*/ 1999460 w 2647519"/>
                            <a:gd name="connsiteY812" fmla="*/ 2417870 h 2612594"/>
                            <a:gd name="connsiteX813" fmla="*/ 1997979 w 2647519"/>
                            <a:gd name="connsiteY813" fmla="*/ 2418995 h 2612594"/>
                            <a:gd name="connsiteX814" fmla="*/ 2009940 w 2647519"/>
                            <a:gd name="connsiteY814" fmla="*/ 2414587 h 2612594"/>
                            <a:gd name="connsiteX815" fmla="*/ 2018513 w 2647519"/>
                            <a:gd name="connsiteY815" fmla="*/ 2413635 h 2612594"/>
                            <a:gd name="connsiteX816" fmla="*/ 1984223 w 2647519"/>
                            <a:gd name="connsiteY816" fmla="*/ 2439352 h 2612594"/>
                            <a:gd name="connsiteX817" fmla="*/ 1962315 w 2647519"/>
                            <a:gd name="connsiteY817" fmla="*/ 2450783 h 2612594"/>
                            <a:gd name="connsiteX818" fmla="*/ 1940408 w 2647519"/>
                            <a:gd name="connsiteY818" fmla="*/ 2461260 h 2612594"/>
                            <a:gd name="connsiteX819" fmla="*/ 1924934 w 2647519"/>
                            <a:gd name="connsiteY819" fmla="*/ 2463581 h 2612594"/>
                            <a:gd name="connsiteX820" fmla="*/ 1922310 w 2647519"/>
                            <a:gd name="connsiteY820" fmla="*/ 2465070 h 2612594"/>
                            <a:gd name="connsiteX821" fmla="*/ 1849920 w 2647519"/>
                            <a:gd name="connsiteY821" fmla="*/ 2496502 h 2612594"/>
                            <a:gd name="connsiteX822" fmla="*/ 1846229 w 2647519"/>
                            <a:gd name="connsiteY822" fmla="*/ 2497341 h 2612594"/>
                            <a:gd name="connsiteX823" fmla="*/ 1824203 w 2647519"/>
                            <a:gd name="connsiteY823" fmla="*/ 2511742 h 2612594"/>
                            <a:gd name="connsiteX824" fmla="*/ 1836585 w 2647519"/>
                            <a:gd name="connsiteY824" fmla="*/ 2515552 h 2612594"/>
                            <a:gd name="connsiteX825" fmla="*/ 1790865 w 2647519"/>
                            <a:gd name="connsiteY825" fmla="*/ 2535555 h 2612594"/>
                            <a:gd name="connsiteX826" fmla="*/ 1794675 w 2647519"/>
                            <a:gd name="connsiteY826" fmla="*/ 2522220 h 2612594"/>
                            <a:gd name="connsiteX827" fmla="*/ 1779435 w 2647519"/>
                            <a:gd name="connsiteY827" fmla="*/ 2527935 h 2612594"/>
                            <a:gd name="connsiteX828" fmla="*/ 1765148 w 2647519"/>
                            <a:gd name="connsiteY828" fmla="*/ 2532697 h 2612594"/>
                            <a:gd name="connsiteX829" fmla="*/ 1735620 w 2647519"/>
                            <a:gd name="connsiteY829" fmla="*/ 2542222 h 2612594"/>
                            <a:gd name="connsiteX830" fmla="*/ 1731675 w 2647519"/>
                            <a:gd name="connsiteY830" fmla="*/ 2537487 h 2612594"/>
                            <a:gd name="connsiteX831" fmla="*/ 1717522 w 2647519"/>
                            <a:gd name="connsiteY831" fmla="*/ 2540317 h 2612594"/>
                            <a:gd name="connsiteX832" fmla="*/ 1700377 w 2647519"/>
                            <a:gd name="connsiteY832" fmla="*/ 2544127 h 2612594"/>
                            <a:gd name="connsiteX833" fmla="*/ 1665135 w 2647519"/>
                            <a:gd name="connsiteY833" fmla="*/ 2552700 h 2612594"/>
                            <a:gd name="connsiteX834" fmla="*/ 1663973 w 2647519"/>
                            <a:gd name="connsiteY834" fmla="*/ 2553240 h 2612594"/>
                            <a:gd name="connsiteX835" fmla="*/ 1697520 w 2647519"/>
                            <a:gd name="connsiteY835" fmla="*/ 2545079 h 2612594"/>
                            <a:gd name="connsiteX836" fmla="*/ 1714665 w 2647519"/>
                            <a:gd name="connsiteY836" fmla="*/ 2541269 h 2612594"/>
                            <a:gd name="connsiteX837" fmla="*/ 1728952 w 2647519"/>
                            <a:gd name="connsiteY837" fmla="*/ 2538412 h 2612594"/>
                            <a:gd name="connsiteX838" fmla="*/ 1734667 w 2647519"/>
                            <a:gd name="connsiteY838" fmla="*/ 2543174 h 2612594"/>
                            <a:gd name="connsiteX839" fmla="*/ 1764195 w 2647519"/>
                            <a:gd name="connsiteY839" fmla="*/ 2533649 h 2612594"/>
                            <a:gd name="connsiteX840" fmla="*/ 1778482 w 2647519"/>
                            <a:gd name="connsiteY840" fmla="*/ 2528887 h 2612594"/>
                            <a:gd name="connsiteX841" fmla="*/ 1793722 w 2647519"/>
                            <a:gd name="connsiteY841" fmla="*/ 2523172 h 2612594"/>
                            <a:gd name="connsiteX842" fmla="*/ 1789912 w 2647519"/>
                            <a:gd name="connsiteY842" fmla="*/ 2536507 h 2612594"/>
                            <a:gd name="connsiteX843" fmla="*/ 1749907 w 2647519"/>
                            <a:gd name="connsiteY843" fmla="*/ 2555557 h 2612594"/>
                            <a:gd name="connsiteX844" fmla="*/ 1747946 w 2647519"/>
                            <a:gd name="connsiteY844" fmla="*/ 2555008 h 2612594"/>
                            <a:gd name="connsiteX845" fmla="*/ 1720380 w 2647519"/>
                            <a:gd name="connsiteY845" fmla="*/ 2566034 h 2612594"/>
                            <a:gd name="connsiteX846" fmla="*/ 1697520 w 2647519"/>
                            <a:gd name="connsiteY846" fmla="*/ 2572702 h 2612594"/>
                            <a:gd name="connsiteX847" fmla="*/ 1663230 w 2647519"/>
                            <a:gd name="connsiteY847" fmla="*/ 2581274 h 2612594"/>
                            <a:gd name="connsiteX848" fmla="*/ 1649062 w 2647519"/>
                            <a:gd name="connsiteY848" fmla="*/ 2580084 h 2612594"/>
                            <a:gd name="connsiteX849" fmla="*/ 1619428 w 2647519"/>
                            <a:gd name="connsiteY849" fmla="*/ 2585850 h 2612594"/>
                            <a:gd name="connsiteX850" fmla="*/ 1618462 w 2647519"/>
                            <a:gd name="connsiteY850" fmla="*/ 2587942 h 2612594"/>
                            <a:gd name="connsiteX851" fmla="*/ 1539405 w 2647519"/>
                            <a:gd name="connsiteY851" fmla="*/ 2603182 h 2612594"/>
                            <a:gd name="connsiteX852" fmla="*/ 1521307 w 2647519"/>
                            <a:gd name="connsiteY852" fmla="*/ 2598419 h 2612594"/>
                            <a:gd name="connsiteX853" fmla="*/ 1506067 w 2647519"/>
                            <a:gd name="connsiteY853" fmla="*/ 2598419 h 2612594"/>
                            <a:gd name="connsiteX854" fmla="*/ 1479397 w 2647519"/>
                            <a:gd name="connsiteY854" fmla="*/ 2606992 h 2612594"/>
                            <a:gd name="connsiteX855" fmla="*/ 1455585 w 2647519"/>
                            <a:gd name="connsiteY855" fmla="*/ 2608897 h 2612594"/>
                            <a:gd name="connsiteX856" fmla="*/ 1431772 w 2647519"/>
                            <a:gd name="connsiteY856" fmla="*/ 2609849 h 2612594"/>
                            <a:gd name="connsiteX857" fmla="*/ 1429185 w 2647519"/>
                            <a:gd name="connsiteY857" fmla="*/ 2608741 h 2612594"/>
                            <a:gd name="connsiteX858" fmla="*/ 1407484 w 2647519"/>
                            <a:gd name="connsiteY858" fmla="*/ 2612588 h 2612594"/>
                            <a:gd name="connsiteX859" fmla="*/ 1381290 w 2647519"/>
                            <a:gd name="connsiteY859" fmla="*/ 2607944 h 2612594"/>
                            <a:gd name="connsiteX860" fmla="*/ 1382243 w 2647519"/>
                            <a:gd name="connsiteY860" fmla="*/ 2606992 h 2612594"/>
                            <a:gd name="connsiteX861" fmla="*/ 1387005 w 2647519"/>
                            <a:gd name="connsiteY861" fmla="*/ 2600324 h 2612594"/>
                            <a:gd name="connsiteX862" fmla="*/ 1365098 w 2647519"/>
                            <a:gd name="connsiteY862" fmla="*/ 2597467 h 2612594"/>
                            <a:gd name="connsiteX863" fmla="*/ 1375575 w 2647519"/>
                            <a:gd name="connsiteY863" fmla="*/ 2591752 h 2612594"/>
                            <a:gd name="connsiteX864" fmla="*/ 1407008 w 2647519"/>
                            <a:gd name="connsiteY864" fmla="*/ 2590799 h 2612594"/>
                            <a:gd name="connsiteX865" fmla="*/ 1437488 w 2647519"/>
                            <a:gd name="connsiteY865" fmla="*/ 2589847 h 2612594"/>
                            <a:gd name="connsiteX866" fmla="*/ 1481302 w 2647519"/>
                            <a:gd name="connsiteY866" fmla="*/ 2590799 h 2612594"/>
                            <a:gd name="connsiteX867" fmla="*/ 1511782 w 2647519"/>
                            <a:gd name="connsiteY867" fmla="*/ 2587942 h 2612594"/>
                            <a:gd name="connsiteX868" fmla="*/ 1568932 w 2647519"/>
                            <a:gd name="connsiteY868" fmla="*/ 2575559 h 2612594"/>
                            <a:gd name="connsiteX869" fmla="*/ 1607032 w 2647519"/>
                            <a:gd name="connsiteY869" fmla="*/ 2566987 h 2612594"/>
                            <a:gd name="connsiteX870" fmla="*/ 1635607 w 2647519"/>
                            <a:gd name="connsiteY870" fmla="*/ 2566034 h 2612594"/>
                            <a:gd name="connsiteX871" fmla="*/ 1637595 w 2647519"/>
                            <a:gd name="connsiteY871" fmla="*/ 2565111 h 2612594"/>
                            <a:gd name="connsiteX872" fmla="*/ 1609890 w 2647519"/>
                            <a:gd name="connsiteY872" fmla="*/ 2566035 h 2612594"/>
                            <a:gd name="connsiteX873" fmla="*/ 1571790 w 2647519"/>
                            <a:gd name="connsiteY873" fmla="*/ 2574607 h 2612594"/>
                            <a:gd name="connsiteX874" fmla="*/ 1514640 w 2647519"/>
                            <a:gd name="connsiteY874" fmla="*/ 2586990 h 2612594"/>
                            <a:gd name="connsiteX875" fmla="*/ 1484160 w 2647519"/>
                            <a:gd name="connsiteY875" fmla="*/ 2589847 h 2612594"/>
                            <a:gd name="connsiteX876" fmla="*/ 1440345 w 2647519"/>
                            <a:gd name="connsiteY876" fmla="*/ 2588895 h 2612594"/>
                            <a:gd name="connsiteX877" fmla="*/ 1409865 w 2647519"/>
                            <a:gd name="connsiteY877" fmla="*/ 2589847 h 2612594"/>
                            <a:gd name="connsiteX878" fmla="*/ 1378432 w 2647519"/>
                            <a:gd name="connsiteY878" fmla="*/ 2590800 h 2612594"/>
                            <a:gd name="connsiteX879" fmla="*/ 1379385 w 2647519"/>
                            <a:gd name="connsiteY879" fmla="*/ 2586990 h 2612594"/>
                            <a:gd name="connsiteX880" fmla="*/ 1386052 w 2647519"/>
                            <a:gd name="connsiteY880" fmla="*/ 2577465 h 2612594"/>
                            <a:gd name="connsiteX881" fmla="*/ 1679422 w 2647519"/>
                            <a:gd name="connsiteY881" fmla="*/ 2528887 h 2612594"/>
                            <a:gd name="connsiteX882" fmla="*/ 1878495 w 2647519"/>
                            <a:gd name="connsiteY882" fmla="*/ 2453640 h 2612594"/>
                            <a:gd name="connsiteX883" fmla="*/ 1930882 w 2647519"/>
                            <a:gd name="connsiteY883" fmla="*/ 2426017 h 2612594"/>
                            <a:gd name="connsiteX884" fmla="*/ 1960410 w 2647519"/>
                            <a:gd name="connsiteY884" fmla="*/ 2410777 h 2612594"/>
                            <a:gd name="connsiteX885" fmla="*/ 1990890 w 2647519"/>
                            <a:gd name="connsiteY885" fmla="*/ 2394585 h 2612594"/>
                            <a:gd name="connsiteX886" fmla="*/ 2048040 w 2647519"/>
                            <a:gd name="connsiteY886" fmla="*/ 2360295 h 2612594"/>
                            <a:gd name="connsiteX887" fmla="*/ 2093760 w 2647519"/>
                            <a:gd name="connsiteY887" fmla="*/ 2325052 h 2612594"/>
                            <a:gd name="connsiteX888" fmla="*/ 2179485 w 2647519"/>
                            <a:gd name="connsiteY888" fmla="*/ 2258377 h 2612594"/>
                            <a:gd name="connsiteX889" fmla="*/ 2203297 w 2647519"/>
                            <a:gd name="connsiteY889" fmla="*/ 2239327 h 2612594"/>
                            <a:gd name="connsiteX890" fmla="*/ 2226157 w 2647519"/>
                            <a:gd name="connsiteY890" fmla="*/ 2219325 h 2612594"/>
                            <a:gd name="connsiteX891" fmla="*/ 2260447 w 2647519"/>
                            <a:gd name="connsiteY891" fmla="*/ 2187892 h 2612594"/>
                            <a:gd name="connsiteX892" fmla="*/ 2274735 w 2647519"/>
                            <a:gd name="connsiteY892" fmla="*/ 2164080 h 2612594"/>
                            <a:gd name="connsiteX893" fmla="*/ 2295258 w 2647519"/>
                            <a:gd name="connsiteY893" fmla="*/ 2145267 h 2612594"/>
                            <a:gd name="connsiteX894" fmla="*/ 2295423 w 2647519"/>
                            <a:gd name="connsiteY894" fmla="*/ 2144085 h 2612594"/>
                            <a:gd name="connsiteX895" fmla="*/ 2275688 w 2647519"/>
                            <a:gd name="connsiteY895" fmla="*/ 2162175 h 2612594"/>
                            <a:gd name="connsiteX896" fmla="*/ 2261400 w 2647519"/>
                            <a:gd name="connsiteY896" fmla="*/ 2185987 h 2612594"/>
                            <a:gd name="connsiteX897" fmla="*/ 2227110 w 2647519"/>
                            <a:gd name="connsiteY897" fmla="*/ 2217420 h 2612594"/>
                            <a:gd name="connsiteX898" fmla="*/ 2204250 w 2647519"/>
                            <a:gd name="connsiteY898" fmla="*/ 2237422 h 2612594"/>
                            <a:gd name="connsiteX899" fmla="*/ 2180438 w 2647519"/>
                            <a:gd name="connsiteY899" fmla="*/ 2256472 h 2612594"/>
                            <a:gd name="connsiteX900" fmla="*/ 2094713 w 2647519"/>
                            <a:gd name="connsiteY900" fmla="*/ 2323147 h 2612594"/>
                            <a:gd name="connsiteX901" fmla="*/ 2048993 w 2647519"/>
                            <a:gd name="connsiteY901" fmla="*/ 2358390 h 2612594"/>
                            <a:gd name="connsiteX902" fmla="*/ 1991843 w 2647519"/>
                            <a:gd name="connsiteY902" fmla="*/ 2392680 h 2612594"/>
                            <a:gd name="connsiteX903" fmla="*/ 1961363 w 2647519"/>
                            <a:gd name="connsiteY903" fmla="*/ 2408872 h 2612594"/>
                            <a:gd name="connsiteX904" fmla="*/ 1931835 w 2647519"/>
                            <a:gd name="connsiteY904" fmla="*/ 2424112 h 2612594"/>
                            <a:gd name="connsiteX905" fmla="*/ 1879448 w 2647519"/>
                            <a:gd name="connsiteY905" fmla="*/ 2451735 h 2612594"/>
                            <a:gd name="connsiteX906" fmla="*/ 1680375 w 2647519"/>
                            <a:gd name="connsiteY906" fmla="*/ 2526982 h 2612594"/>
                            <a:gd name="connsiteX907" fmla="*/ 1387005 w 2647519"/>
                            <a:gd name="connsiteY907" fmla="*/ 2575560 h 2612594"/>
                            <a:gd name="connsiteX908" fmla="*/ 1365098 w 2647519"/>
                            <a:gd name="connsiteY908" fmla="*/ 2575560 h 2612594"/>
                            <a:gd name="connsiteX909" fmla="*/ 1362240 w 2647519"/>
                            <a:gd name="connsiteY909" fmla="*/ 2567940 h 2612594"/>
                            <a:gd name="connsiteX910" fmla="*/ 1339380 w 2647519"/>
                            <a:gd name="connsiteY910" fmla="*/ 2566987 h 2612594"/>
                            <a:gd name="connsiteX911" fmla="*/ 1318425 w 2647519"/>
                            <a:gd name="connsiteY911" fmla="*/ 2575560 h 2612594"/>
                            <a:gd name="connsiteX912" fmla="*/ 1257465 w 2647519"/>
                            <a:gd name="connsiteY912" fmla="*/ 2576512 h 2612594"/>
                            <a:gd name="connsiteX913" fmla="*/ 1212698 w 2647519"/>
                            <a:gd name="connsiteY913" fmla="*/ 2574607 h 2612594"/>
                            <a:gd name="connsiteX914" fmla="*/ 1190790 w 2647519"/>
                            <a:gd name="connsiteY914" fmla="*/ 2572702 h 2612594"/>
                            <a:gd name="connsiteX915" fmla="*/ 1168883 w 2647519"/>
                            <a:gd name="connsiteY915" fmla="*/ 2568892 h 2612594"/>
                            <a:gd name="connsiteX916" fmla="*/ 1182080 w 2647519"/>
                            <a:gd name="connsiteY916" fmla="*/ 2554816 h 2612594"/>
                            <a:gd name="connsiteX917" fmla="*/ 1179360 w 2647519"/>
                            <a:gd name="connsiteY917" fmla="*/ 2555557 h 2612594"/>
                            <a:gd name="connsiteX918" fmla="*/ 1130192 w 2647519"/>
                            <a:gd name="connsiteY918" fmla="*/ 2546452 h 2612594"/>
                            <a:gd name="connsiteX919" fmla="*/ 1127925 w 2647519"/>
                            <a:gd name="connsiteY919" fmla="*/ 2546985 h 2612594"/>
                            <a:gd name="connsiteX920" fmla="*/ 1033628 w 2647519"/>
                            <a:gd name="connsiteY920" fmla="*/ 2529840 h 2612594"/>
                            <a:gd name="connsiteX921" fmla="*/ 996480 w 2647519"/>
                            <a:gd name="connsiteY921" fmla="*/ 2522220 h 2612594"/>
                            <a:gd name="connsiteX922" fmla="*/ 964095 w 2647519"/>
                            <a:gd name="connsiteY922" fmla="*/ 2516505 h 2612594"/>
                            <a:gd name="connsiteX923" fmla="*/ 925043 w 2647519"/>
                            <a:gd name="connsiteY923" fmla="*/ 2498407 h 2612594"/>
                            <a:gd name="connsiteX924" fmla="*/ 876465 w 2647519"/>
                            <a:gd name="connsiteY924" fmla="*/ 2480310 h 2612594"/>
                            <a:gd name="connsiteX925" fmla="*/ 825983 w 2647519"/>
                            <a:gd name="connsiteY925" fmla="*/ 2460307 h 2612594"/>
                            <a:gd name="connsiteX926" fmla="*/ 834555 w 2647519"/>
                            <a:gd name="connsiteY926" fmla="*/ 2453640 h 2612594"/>
                            <a:gd name="connsiteX927" fmla="*/ 869798 w 2647519"/>
                            <a:gd name="connsiteY927" fmla="*/ 2460307 h 2612594"/>
                            <a:gd name="connsiteX928" fmla="*/ 885038 w 2647519"/>
                            <a:gd name="connsiteY928" fmla="*/ 2473642 h 2612594"/>
                            <a:gd name="connsiteX929" fmla="*/ 937425 w 2647519"/>
                            <a:gd name="connsiteY929" fmla="*/ 2488882 h 2612594"/>
                            <a:gd name="connsiteX930" fmla="*/ 1041248 w 2647519"/>
                            <a:gd name="connsiteY930" fmla="*/ 2515552 h 2612594"/>
                            <a:gd name="connsiteX931" fmla="*/ 1066965 w 2647519"/>
                            <a:gd name="connsiteY931" fmla="*/ 2520315 h 2612594"/>
                            <a:gd name="connsiteX932" fmla="*/ 1094588 w 2647519"/>
                            <a:gd name="connsiteY932" fmla="*/ 2525077 h 2612594"/>
                            <a:gd name="connsiteX933" fmla="*/ 1125068 w 2647519"/>
                            <a:gd name="connsiteY933" fmla="*/ 2531745 h 2612594"/>
                            <a:gd name="connsiteX934" fmla="*/ 1158657 w 2647519"/>
                            <a:gd name="connsiteY934" fmla="*/ 2539008 h 2612594"/>
                            <a:gd name="connsiteX935" fmla="*/ 1161262 w 2647519"/>
                            <a:gd name="connsiteY935" fmla="*/ 2538412 h 2612594"/>
                            <a:gd name="connsiteX936" fmla="*/ 1192695 w 2647519"/>
                            <a:gd name="connsiteY936" fmla="*/ 2543175 h 2612594"/>
                            <a:gd name="connsiteX937" fmla="*/ 1193647 w 2647519"/>
                            <a:gd name="connsiteY937" fmla="*/ 2541270 h 2612594"/>
                            <a:gd name="connsiteX938" fmla="*/ 1239367 w 2647519"/>
                            <a:gd name="connsiteY938" fmla="*/ 2543175 h 2612594"/>
                            <a:gd name="connsiteX939" fmla="*/ 1246987 w 2647519"/>
                            <a:gd name="connsiteY939" fmla="*/ 2544127 h 2612594"/>
                            <a:gd name="connsiteX940" fmla="*/ 1317472 w 2647519"/>
                            <a:gd name="connsiteY940" fmla="*/ 2544127 h 2612594"/>
                            <a:gd name="connsiteX941" fmla="*/ 1368907 w 2647519"/>
                            <a:gd name="connsiteY941" fmla="*/ 2546032 h 2612594"/>
                            <a:gd name="connsiteX942" fmla="*/ 1429867 w 2647519"/>
                            <a:gd name="connsiteY942" fmla="*/ 2541270 h 2612594"/>
                            <a:gd name="connsiteX943" fmla="*/ 1437487 w 2647519"/>
                            <a:gd name="connsiteY943" fmla="*/ 2541270 h 2612594"/>
                            <a:gd name="connsiteX944" fmla="*/ 1440345 w 2647519"/>
                            <a:gd name="connsiteY944" fmla="*/ 2548890 h 2612594"/>
                            <a:gd name="connsiteX945" fmla="*/ 1500352 w 2647519"/>
                            <a:gd name="connsiteY945" fmla="*/ 2541270 h 2612594"/>
                            <a:gd name="connsiteX946" fmla="*/ 1540357 w 2647519"/>
                            <a:gd name="connsiteY946" fmla="*/ 2531745 h 2612594"/>
                            <a:gd name="connsiteX947" fmla="*/ 1563217 w 2647519"/>
                            <a:gd name="connsiteY947" fmla="*/ 2527935 h 2612594"/>
                            <a:gd name="connsiteX948" fmla="*/ 1577505 w 2647519"/>
                            <a:gd name="connsiteY948" fmla="*/ 2526030 h 2612594"/>
                            <a:gd name="connsiteX949" fmla="*/ 1608937 w 2647519"/>
                            <a:gd name="connsiteY949" fmla="*/ 2518410 h 2612594"/>
                            <a:gd name="connsiteX950" fmla="*/ 1634655 w 2647519"/>
                            <a:gd name="connsiteY950" fmla="*/ 2512695 h 2612594"/>
                            <a:gd name="connsiteX951" fmla="*/ 1660372 w 2647519"/>
                            <a:gd name="connsiteY951" fmla="*/ 2506027 h 2612594"/>
                            <a:gd name="connsiteX952" fmla="*/ 1707545 w 2647519"/>
                            <a:gd name="connsiteY952" fmla="*/ 2497863 h 2612594"/>
                            <a:gd name="connsiteX953" fmla="*/ 1713713 w 2647519"/>
                            <a:gd name="connsiteY953" fmla="*/ 2495550 h 2612594"/>
                            <a:gd name="connsiteX954" fmla="*/ 1664183 w 2647519"/>
                            <a:gd name="connsiteY954" fmla="*/ 2504122 h 2612594"/>
                            <a:gd name="connsiteX955" fmla="*/ 1638465 w 2647519"/>
                            <a:gd name="connsiteY955" fmla="*/ 2510790 h 2612594"/>
                            <a:gd name="connsiteX956" fmla="*/ 1612748 w 2647519"/>
                            <a:gd name="connsiteY956" fmla="*/ 2516505 h 2612594"/>
                            <a:gd name="connsiteX957" fmla="*/ 1581315 w 2647519"/>
                            <a:gd name="connsiteY957" fmla="*/ 2524125 h 2612594"/>
                            <a:gd name="connsiteX958" fmla="*/ 1567028 w 2647519"/>
                            <a:gd name="connsiteY958" fmla="*/ 2526030 h 2612594"/>
                            <a:gd name="connsiteX959" fmla="*/ 1544168 w 2647519"/>
                            <a:gd name="connsiteY959" fmla="*/ 2529840 h 2612594"/>
                            <a:gd name="connsiteX960" fmla="*/ 1482255 w 2647519"/>
                            <a:gd name="connsiteY960" fmla="*/ 2535555 h 2612594"/>
                            <a:gd name="connsiteX961" fmla="*/ 1440345 w 2647519"/>
                            <a:gd name="connsiteY961" fmla="*/ 2539365 h 2612594"/>
                            <a:gd name="connsiteX962" fmla="*/ 1432725 w 2647519"/>
                            <a:gd name="connsiteY962" fmla="*/ 2539365 h 2612594"/>
                            <a:gd name="connsiteX963" fmla="*/ 1371765 w 2647519"/>
                            <a:gd name="connsiteY963" fmla="*/ 2544127 h 2612594"/>
                            <a:gd name="connsiteX964" fmla="*/ 1320330 w 2647519"/>
                            <a:gd name="connsiteY964" fmla="*/ 2542222 h 2612594"/>
                            <a:gd name="connsiteX965" fmla="*/ 1249845 w 2647519"/>
                            <a:gd name="connsiteY965" fmla="*/ 2542222 h 2612594"/>
                            <a:gd name="connsiteX966" fmla="*/ 1242225 w 2647519"/>
                            <a:gd name="connsiteY966" fmla="*/ 2541270 h 2612594"/>
                            <a:gd name="connsiteX967" fmla="*/ 1212698 w 2647519"/>
                            <a:gd name="connsiteY967" fmla="*/ 2528887 h 2612594"/>
                            <a:gd name="connsiteX968" fmla="*/ 1196505 w 2647519"/>
                            <a:gd name="connsiteY968" fmla="*/ 2539365 h 2612594"/>
                            <a:gd name="connsiteX969" fmla="*/ 1196464 w 2647519"/>
                            <a:gd name="connsiteY969" fmla="*/ 2539447 h 2612594"/>
                            <a:gd name="connsiteX970" fmla="*/ 1209840 w 2647519"/>
                            <a:gd name="connsiteY970" fmla="*/ 2530792 h 2612594"/>
                            <a:gd name="connsiteX971" fmla="*/ 1239368 w 2647519"/>
                            <a:gd name="connsiteY971" fmla="*/ 2543174 h 2612594"/>
                            <a:gd name="connsiteX972" fmla="*/ 1193648 w 2647519"/>
                            <a:gd name="connsiteY972" fmla="*/ 2541269 h 2612594"/>
                            <a:gd name="connsiteX973" fmla="*/ 1194008 w 2647519"/>
                            <a:gd name="connsiteY973" fmla="*/ 2541036 h 2612594"/>
                            <a:gd name="connsiteX974" fmla="*/ 1164120 w 2647519"/>
                            <a:gd name="connsiteY974" fmla="*/ 2536507 h 2612594"/>
                            <a:gd name="connsiteX975" fmla="*/ 1128878 w 2647519"/>
                            <a:gd name="connsiteY975" fmla="*/ 2528887 h 2612594"/>
                            <a:gd name="connsiteX976" fmla="*/ 1098398 w 2647519"/>
                            <a:gd name="connsiteY976" fmla="*/ 2522220 h 2612594"/>
                            <a:gd name="connsiteX977" fmla="*/ 1070775 w 2647519"/>
                            <a:gd name="connsiteY977" fmla="*/ 2517457 h 2612594"/>
                            <a:gd name="connsiteX978" fmla="*/ 1045058 w 2647519"/>
                            <a:gd name="connsiteY978" fmla="*/ 2512695 h 2612594"/>
                            <a:gd name="connsiteX979" fmla="*/ 941235 w 2647519"/>
                            <a:gd name="connsiteY979" fmla="*/ 2486025 h 2612594"/>
                            <a:gd name="connsiteX980" fmla="*/ 888848 w 2647519"/>
                            <a:gd name="connsiteY980" fmla="*/ 2470785 h 2612594"/>
                            <a:gd name="connsiteX981" fmla="*/ 873608 w 2647519"/>
                            <a:gd name="connsiteY981" fmla="*/ 2457450 h 2612594"/>
                            <a:gd name="connsiteX982" fmla="*/ 838365 w 2647519"/>
                            <a:gd name="connsiteY982" fmla="*/ 2450782 h 2612594"/>
                            <a:gd name="connsiteX983" fmla="*/ 785978 w 2647519"/>
                            <a:gd name="connsiteY983" fmla="*/ 2424112 h 2612594"/>
                            <a:gd name="connsiteX984" fmla="*/ 770738 w 2647519"/>
                            <a:gd name="connsiteY984" fmla="*/ 2425065 h 2612594"/>
                            <a:gd name="connsiteX985" fmla="*/ 716445 w 2647519"/>
                            <a:gd name="connsiteY985" fmla="*/ 2397442 h 2612594"/>
                            <a:gd name="connsiteX986" fmla="*/ 706920 w 2647519"/>
                            <a:gd name="connsiteY986" fmla="*/ 2380297 h 2612594"/>
                            <a:gd name="connsiteX987" fmla="*/ 708825 w 2647519"/>
                            <a:gd name="connsiteY987" fmla="*/ 2379345 h 2612594"/>
                            <a:gd name="connsiteX988" fmla="*/ 742163 w 2647519"/>
                            <a:gd name="connsiteY988" fmla="*/ 2397442 h 2612594"/>
                            <a:gd name="connsiteX989" fmla="*/ 775500 w 2647519"/>
                            <a:gd name="connsiteY989" fmla="*/ 2415540 h 2612594"/>
                            <a:gd name="connsiteX990" fmla="*/ 785025 w 2647519"/>
                            <a:gd name="connsiteY990" fmla="*/ 2409825 h 2612594"/>
                            <a:gd name="connsiteX991" fmla="*/ 745973 w 2647519"/>
                            <a:gd name="connsiteY991" fmla="*/ 2384107 h 2612594"/>
                            <a:gd name="connsiteX992" fmla="*/ 713588 w 2647519"/>
                            <a:gd name="connsiteY992" fmla="*/ 2369820 h 2612594"/>
                            <a:gd name="connsiteX993" fmla="*/ 668820 w 2647519"/>
                            <a:gd name="connsiteY993" fmla="*/ 2344102 h 2612594"/>
                            <a:gd name="connsiteX994" fmla="*/ 630720 w 2647519"/>
                            <a:gd name="connsiteY994" fmla="*/ 2319337 h 2612594"/>
                            <a:gd name="connsiteX995" fmla="*/ 570713 w 2647519"/>
                            <a:gd name="connsiteY995" fmla="*/ 2293620 h 2612594"/>
                            <a:gd name="connsiteX996" fmla="*/ 547853 w 2647519"/>
                            <a:gd name="connsiteY996" fmla="*/ 2274570 h 2612594"/>
                            <a:gd name="connsiteX997" fmla="*/ 552615 w 2647519"/>
                            <a:gd name="connsiteY997" fmla="*/ 2272665 h 2612594"/>
                            <a:gd name="connsiteX998" fmla="*/ 575475 w 2647519"/>
                            <a:gd name="connsiteY998" fmla="*/ 2279332 h 2612594"/>
                            <a:gd name="connsiteX999" fmla="*/ 527850 w 2647519"/>
                            <a:gd name="connsiteY999" fmla="*/ 2229802 h 2612594"/>
                            <a:gd name="connsiteX1000" fmla="*/ 501180 w 2647519"/>
                            <a:gd name="connsiteY1000" fmla="*/ 2207895 h 2612594"/>
                            <a:gd name="connsiteX1001" fmla="*/ 476415 w 2647519"/>
                            <a:gd name="connsiteY1001" fmla="*/ 2185987 h 2612594"/>
                            <a:gd name="connsiteX1002" fmla="*/ 444983 w 2647519"/>
                            <a:gd name="connsiteY1002" fmla="*/ 2160270 h 2612594"/>
                            <a:gd name="connsiteX1003" fmla="*/ 399263 w 2647519"/>
                            <a:gd name="connsiteY1003" fmla="*/ 2109787 h 2612594"/>
                            <a:gd name="connsiteX1004" fmla="*/ 396126 w 2647519"/>
                            <a:gd name="connsiteY1004" fmla="*/ 2099983 h 2612594"/>
                            <a:gd name="connsiteX1005" fmla="*/ 386880 w 2647519"/>
                            <a:gd name="connsiteY1005" fmla="*/ 2090737 h 2612594"/>
                            <a:gd name="connsiteX1006" fmla="*/ 355448 w 2647519"/>
                            <a:gd name="connsiteY1006" fmla="*/ 2056447 h 2612594"/>
                            <a:gd name="connsiteX1007" fmla="*/ 351638 w 2647519"/>
                            <a:gd name="connsiteY1007" fmla="*/ 2039302 h 2612594"/>
                            <a:gd name="connsiteX1008" fmla="*/ 339255 w 2647519"/>
                            <a:gd name="connsiteY1008" fmla="*/ 2022157 h 2612594"/>
                            <a:gd name="connsiteX1009" fmla="*/ 337780 w 2647519"/>
                            <a:gd name="connsiteY1009" fmla="*/ 2019844 h 2612594"/>
                            <a:gd name="connsiteX1010" fmla="*/ 323062 w 2647519"/>
                            <a:gd name="connsiteY1010" fmla="*/ 2009774 h 2612594"/>
                            <a:gd name="connsiteX1011" fmla="*/ 294487 w 2647519"/>
                            <a:gd name="connsiteY1011" fmla="*/ 1968817 h 2612594"/>
                            <a:gd name="connsiteX1012" fmla="*/ 278295 w 2647519"/>
                            <a:gd name="connsiteY1012" fmla="*/ 1930717 h 2612594"/>
                            <a:gd name="connsiteX1013" fmla="*/ 276390 w 2647519"/>
                            <a:gd name="connsiteY1013" fmla="*/ 1930717 h 2612594"/>
                            <a:gd name="connsiteX1014" fmla="*/ 254483 w 2647519"/>
                            <a:gd name="connsiteY1014" fmla="*/ 1888807 h 2612594"/>
                            <a:gd name="connsiteX1015" fmla="*/ 233528 w 2647519"/>
                            <a:gd name="connsiteY1015" fmla="*/ 1846897 h 2612594"/>
                            <a:gd name="connsiteX1016" fmla="*/ 211620 w 2647519"/>
                            <a:gd name="connsiteY1016" fmla="*/ 1798320 h 2612594"/>
                            <a:gd name="connsiteX1017" fmla="*/ 191618 w 2647519"/>
                            <a:gd name="connsiteY1017" fmla="*/ 1748790 h 2612594"/>
                            <a:gd name="connsiteX1018" fmla="*/ 211620 w 2647519"/>
                            <a:gd name="connsiteY1018" fmla="*/ 1782127 h 2612594"/>
                            <a:gd name="connsiteX1019" fmla="*/ 231623 w 2647519"/>
                            <a:gd name="connsiteY1019" fmla="*/ 1824037 h 2612594"/>
                            <a:gd name="connsiteX1020" fmla="*/ 238290 w 2647519"/>
                            <a:gd name="connsiteY1020" fmla="*/ 1846897 h 2612594"/>
                            <a:gd name="connsiteX1021" fmla="*/ 241046 w 2647519"/>
                            <a:gd name="connsiteY1021" fmla="*/ 1850938 h 2612594"/>
                            <a:gd name="connsiteX1022" fmla="*/ 237654 w 2647519"/>
                            <a:gd name="connsiteY1022" fmla="*/ 1833303 h 2612594"/>
                            <a:gd name="connsiteX1023" fmla="*/ 228809 w 2647519"/>
                            <a:gd name="connsiteY1023" fmla="*/ 1817250 h 2612594"/>
                            <a:gd name="connsiteX1024" fmla="*/ 214411 w 2647519"/>
                            <a:gd name="connsiteY1024" fmla="*/ 1784874 h 2612594"/>
                            <a:gd name="connsiteX1025" fmla="*/ 197332 w 2647519"/>
                            <a:gd name="connsiteY1025" fmla="*/ 1756409 h 2612594"/>
                            <a:gd name="connsiteX1026" fmla="*/ 176377 w 2647519"/>
                            <a:gd name="connsiteY1026" fmla="*/ 1699259 h 2612594"/>
                            <a:gd name="connsiteX1027" fmla="*/ 158424 w 2647519"/>
                            <a:gd name="connsiteY1027" fmla="*/ 1640674 h 2612594"/>
                            <a:gd name="connsiteX1028" fmla="*/ 152529 w 2647519"/>
                            <a:gd name="connsiteY1028" fmla="*/ 1623596 h 2612594"/>
                            <a:gd name="connsiteX1029" fmla="*/ 126853 w 2647519"/>
                            <a:gd name="connsiteY1029" fmla="*/ 1521108 h 2612594"/>
                            <a:gd name="connsiteX1030" fmla="*/ 115498 w 2647519"/>
                            <a:gd name="connsiteY1030" fmla="*/ 1446707 h 2612594"/>
                            <a:gd name="connsiteX1031" fmla="*/ 115417 w 2647519"/>
                            <a:gd name="connsiteY1031" fmla="*/ 1448752 h 2612594"/>
                            <a:gd name="connsiteX1032" fmla="*/ 116370 w 2647519"/>
                            <a:gd name="connsiteY1032" fmla="*/ 1463992 h 2612594"/>
                            <a:gd name="connsiteX1033" fmla="*/ 121132 w 2647519"/>
                            <a:gd name="connsiteY1033" fmla="*/ 1499235 h 2612594"/>
                            <a:gd name="connsiteX1034" fmla="*/ 126847 w 2647519"/>
                            <a:gd name="connsiteY1034" fmla="*/ 1535430 h 2612594"/>
                            <a:gd name="connsiteX1035" fmla="*/ 117322 w 2647519"/>
                            <a:gd name="connsiteY1035" fmla="*/ 1503997 h 2612594"/>
                            <a:gd name="connsiteX1036" fmla="*/ 110655 w 2647519"/>
                            <a:gd name="connsiteY1036" fmla="*/ 1463992 h 2612594"/>
                            <a:gd name="connsiteX1037" fmla="*/ 103035 w 2647519"/>
                            <a:gd name="connsiteY1037" fmla="*/ 1463992 h 2612594"/>
                            <a:gd name="connsiteX1038" fmla="*/ 98272 w 2647519"/>
                            <a:gd name="connsiteY1038" fmla="*/ 1427797 h 2612594"/>
                            <a:gd name="connsiteX1039" fmla="*/ 91605 w 2647519"/>
                            <a:gd name="connsiteY1039" fmla="*/ 1404937 h 2612594"/>
                            <a:gd name="connsiteX1040" fmla="*/ 85890 w 2647519"/>
                            <a:gd name="connsiteY1040" fmla="*/ 1383030 h 2612594"/>
                            <a:gd name="connsiteX1041" fmla="*/ 69697 w 2647519"/>
                            <a:gd name="connsiteY1041" fmla="*/ 1365885 h 2612594"/>
                            <a:gd name="connsiteX1042" fmla="*/ 64935 w 2647519"/>
                            <a:gd name="connsiteY1042" fmla="*/ 1365885 h 2612594"/>
                            <a:gd name="connsiteX1043" fmla="*/ 60172 w 2647519"/>
                            <a:gd name="connsiteY1043" fmla="*/ 1342072 h 2612594"/>
                            <a:gd name="connsiteX1044" fmla="*/ 58267 w 2647519"/>
                            <a:gd name="connsiteY1044" fmla="*/ 1311592 h 2612594"/>
                            <a:gd name="connsiteX1045" fmla="*/ 62077 w 2647519"/>
                            <a:gd name="connsiteY1045" fmla="*/ 1268730 h 2612594"/>
                            <a:gd name="connsiteX1046" fmla="*/ 63982 w 2647519"/>
                            <a:gd name="connsiteY1046" fmla="*/ 1253490 h 2612594"/>
                            <a:gd name="connsiteX1047" fmla="*/ 67226 w 2647519"/>
                            <a:gd name="connsiteY1047" fmla="*/ 1243037 h 2612594"/>
                            <a:gd name="connsiteX1048" fmla="*/ 65649 w 2647519"/>
                            <a:gd name="connsiteY1048" fmla="*/ 1219200 h 2612594"/>
                            <a:gd name="connsiteX1049" fmla="*/ 67792 w 2647519"/>
                            <a:gd name="connsiteY1049" fmla="*/ 1183957 h 2612594"/>
                            <a:gd name="connsiteX1050" fmla="*/ 71602 w 2647519"/>
                            <a:gd name="connsiteY1050" fmla="*/ 1176814 h 2612594"/>
                            <a:gd name="connsiteX1051" fmla="*/ 71602 w 2647519"/>
                            <a:gd name="connsiteY1051" fmla="*/ 1172527 h 2612594"/>
                            <a:gd name="connsiteX1052" fmla="*/ 63982 w 2647519"/>
                            <a:gd name="connsiteY1052" fmla="*/ 1186815 h 2612594"/>
                            <a:gd name="connsiteX1053" fmla="*/ 57315 w 2647519"/>
                            <a:gd name="connsiteY1053" fmla="*/ 1177290 h 2612594"/>
                            <a:gd name="connsiteX1054" fmla="*/ 44932 w 2647519"/>
                            <a:gd name="connsiteY1054" fmla="*/ 1160145 h 2612594"/>
                            <a:gd name="connsiteX1055" fmla="*/ 42670 w 2647519"/>
                            <a:gd name="connsiteY1055" fmla="*/ 1146572 h 2612594"/>
                            <a:gd name="connsiteX1056" fmla="*/ 42075 w 2647519"/>
                            <a:gd name="connsiteY1056" fmla="*/ 1147762 h 2612594"/>
                            <a:gd name="connsiteX1057" fmla="*/ 38265 w 2647519"/>
                            <a:gd name="connsiteY1057" fmla="*/ 1185862 h 2612594"/>
                            <a:gd name="connsiteX1058" fmla="*/ 35407 w 2647519"/>
                            <a:gd name="connsiteY1058" fmla="*/ 1223962 h 2612594"/>
                            <a:gd name="connsiteX1059" fmla="*/ 32550 w 2647519"/>
                            <a:gd name="connsiteY1059" fmla="*/ 1253490 h 2612594"/>
                            <a:gd name="connsiteX1060" fmla="*/ 32550 w 2647519"/>
                            <a:gd name="connsiteY1060" fmla="*/ 1314449 h 2612594"/>
                            <a:gd name="connsiteX1061" fmla="*/ 33502 w 2647519"/>
                            <a:gd name="connsiteY1061" fmla="*/ 1345882 h 2612594"/>
                            <a:gd name="connsiteX1062" fmla="*/ 35407 w 2647519"/>
                            <a:gd name="connsiteY1062" fmla="*/ 1377314 h 2612594"/>
                            <a:gd name="connsiteX1063" fmla="*/ 26835 w 2647519"/>
                            <a:gd name="connsiteY1063" fmla="*/ 1406842 h 2612594"/>
                            <a:gd name="connsiteX1064" fmla="*/ 24930 w 2647519"/>
                            <a:gd name="connsiteY1064" fmla="*/ 1406842 h 2612594"/>
                            <a:gd name="connsiteX1065" fmla="*/ 19215 w 2647519"/>
                            <a:gd name="connsiteY1065" fmla="*/ 1349692 h 2612594"/>
                            <a:gd name="connsiteX1066" fmla="*/ 19215 w 2647519"/>
                            <a:gd name="connsiteY1066" fmla="*/ 1290637 h 2612594"/>
                            <a:gd name="connsiteX1067" fmla="*/ 23977 w 2647519"/>
                            <a:gd name="connsiteY1067" fmla="*/ 1244917 h 2612594"/>
                            <a:gd name="connsiteX1068" fmla="*/ 32546 w 2647519"/>
                            <a:gd name="connsiteY1068" fmla="*/ 1253485 h 2612594"/>
                            <a:gd name="connsiteX1069" fmla="*/ 24930 w 2647519"/>
                            <a:gd name="connsiteY1069" fmla="*/ 1243965 h 2612594"/>
                            <a:gd name="connsiteX1070" fmla="*/ 23025 w 2647519"/>
                            <a:gd name="connsiteY1070" fmla="*/ 1209675 h 2612594"/>
                            <a:gd name="connsiteX1071" fmla="*/ 24930 w 2647519"/>
                            <a:gd name="connsiteY1071" fmla="*/ 1157287 h 2612594"/>
                            <a:gd name="connsiteX1072" fmla="*/ 25882 w 2647519"/>
                            <a:gd name="connsiteY1072" fmla="*/ 1143000 h 2612594"/>
                            <a:gd name="connsiteX1073" fmla="*/ 28740 w 2647519"/>
                            <a:gd name="connsiteY1073" fmla="*/ 1119187 h 2612594"/>
                            <a:gd name="connsiteX1074" fmla="*/ 40170 w 2647519"/>
                            <a:gd name="connsiteY1074" fmla="*/ 1076325 h 2612594"/>
                            <a:gd name="connsiteX1075" fmla="*/ 45865 w 2647519"/>
                            <a:gd name="connsiteY1075" fmla="*/ 1047851 h 2612594"/>
                            <a:gd name="connsiteX1076" fmla="*/ 43980 w 2647519"/>
                            <a:gd name="connsiteY1076" fmla="*/ 1041082 h 2612594"/>
                            <a:gd name="connsiteX1077" fmla="*/ 37312 w 2647519"/>
                            <a:gd name="connsiteY1077" fmla="*/ 1079182 h 2612594"/>
                            <a:gd name="connsiteX1078" fmla="*/ 25882 w 2647519"/>
                            <a:gd name="connsiteY1078" fmla="*/ 1122045 h 2612594"/>
                            <a:gd name="connsiteX1079" fmla="*/ 23025 w 2647519"/>
                            <a:gd name="connsiteY1079" fmla="*/ 1145857 h 2612594"/>
                            <a:gd name="connsiteX1080" fmla="*/ 22072 w 2647519"/>
                            <a:gd name="connsiteY1080" fmla="*/ 1160145 h 2612594"/>
                            <a:gd name="connsiteX1081" fmla="*/ 20167 w 2647519"/>
                            <a:gd name="connsiteY1081" fmla="*/ 1212532 h 2612594"/>
                            <a:gd name="connsiteX1082" fmla="*/ 22072 w 2647519"/>
                            <a:gd name="connsiteY1082" fmla="*/ 1246822 h 2612594"/>
                            <a:gd name="connsiteX1083" fmla="*/ 17310 w 2647519"/>
                            <a:gd name="connsiteY1083" fmla="*/ 1292542 h 2612594"/>
                            <a:gd name="connsiteX1084" fmla="*/ 17310 w 2647519"/>
                            <a:gd name="connsiteY1084" fmla="*/ 1351597 h 2612594"/>
                            <a:gd name="connsiteX1085" fmla="*/ 23025 w 2647519"/>
                            <a:gd name="connsiteY1085" fmla="*/ 1408747 h 2612594"/>
                            <a:gd name="connsiteX1086" fmla="*/ 24930 w 2647519"/>
                            <a:gd name="connsiteY1086" fmla="*/ 1408747 h 2612594"/>
                            <a:gd name="connsiteX1087" fmla="*/ 37312 w 2647519"/>
                            <a:gd name="connsiteY1087" fmla="*/ 1463040 h 2612594"/>
                            <a:gd name="connsiteX1088" fmla="*/ 43980 w 2647519"/>
                            <a:gd name="connsiteY1088" fmla="*/ 1507807 h 2612594"/>
                            <a:gd name="connsiteX1089" fmla="*/ 58267 w 2647519"/>
                            <a:gd name="connsiteY1089" fmla="*/ 1553527 h 2612594"/>
                            <a:gd name="connsiteX1090" fmla="*/ 80770 w 2647519"/>
                            <a:gd name="connsiteY1090" fmla="*/ 1651843 h 2612594"/>
                            <a:gd name="connsiteX1091" fmla="*/ 82734 w 2647519"/>
                            <a:gd name="connsiteY1091" fmla="*/ 1670685 h 2612594"/>
                            <a:gd name="connsiteX1092" fmla="*/ 86843 w 2647519"/>
                            <a:gd name="connsiteY1092" fmla="*/ 1670685 h 2612594"/>
                            <a:gd name="connsiteX1093" fmla="*/ 107798 w 2647519"/>
                            <a:gd name="connsiteY1093" fmla="*/ 1721167 h 2612594"/>
                            <a:gd name="connsiteX1094" fmla="*/ 115418 w 2647519"/>
                            <a:gd name="connsiteY1094" fmla="*/ 1746885 h 2612594"/>
                            <a:gd name="connsiteX1095" fmla="*/ 101130 w 2647519"/>
                            <a:gd name="connsiteY1095" fmla="*/ 1724977 h 2612594"/>
                            <a:gd name="connsiteX1096" fmla="*/ 85890 w 2647519"/>
                            <a:gd name="connsiteY1096" fmla="*/ 1690687 h 2612594"/>
                            <a:gd name="connsiteX1097" fmla="*/ 84938 w 2647519"/>
                            <a:gd name="connsiteY1097" fmla="*/ 1700212 h 2612594"/>
                            <a:gd name="connsiteX1098" fmla="*/ 76651 w 2647519"/>
                            <a:gd name="connsiteY1098" fmla="*/ 1674524 h 2612594"/>
                            <a:gd name="connsiteX1099" fmla="*/ 70650 w 2647519"/>
                            <a:gd name="connsiteY1099" fmla="*/ 1675447 h 2612594"/>
                            <a:gd name="connsiteX1100" fmla="*/ 63982 w 2647519"/>
                            <a:gd name="connsiteY1100" fmla="*/ 1653540 h 2612594"/>
                            <a:gd name="connsiteX1101" fmla="*/ 41122 w 2647519"/>
                            <a:gd name="connsiteY1101" fmla="*/ 1601152 h 2612594"/>
                            <a:gd name="connsiteX1102" fmla="*/ 26835 w 2647519"/>
                            <a:gd name="connsiteY1102" fmla="*/ 1554480 h 2612594"/>
                            <a:gd name="connsiteX1103" fmla="*/ 25882 w 2647519"/>
                            <a:gd name="connsiteY1103" fmla="*/ 1515427 h 2612594"/>
                            <a:gd name="connsiteX1104" fmla="*/ 19215 w 2647519"/>
                            <a:gd name="connsiteY1104" fmla="*/ 1469707 h 2612594"/>
                            <a:gd name="connsiteX1105" fmla="*/ 14452 w 2647519"/>
                            <a:gd name="connsiteY1105" fmla="*/ 1423987 h 2612594"/>
                            <a:gd name="connsiteX1106" fmla="*/ 3975 w 2647519"/>
                            <a:gd name="connsiteY1106" fmla="*/ 1390650 h 2612594"/>
                            <a:gd name="connsiteX1107" fmla="*/ 10642 w 2647519"/>
                            <a:gd name="connsiteY1107" fmla="*/ 1213485 h 2612594"/>
                            <a:gd name="connsiteX1108" fmla="*/ 17310 w 2647519"/>
                            <a:gd name="connsiteY1108" fmla="*/ 1167765 h 2612594"/>
                            <a:gd name="connsiteX1109" fmla="*/ 11595 w 2647519"/>
                            <a:gd name="connsiteY1109" fmla="*/ 1143000 h 2612594"/>
                            <a:gd name="connsiteX1110" fmla="*/ 23025 w 2647519"/>
                            <a:gd name="connsiteY1110" fmla="*/ 1074420 h 2612594"/>
                            <a:gd name="connsiteX1111" fmla="*/ 25882 w 2647519"/>
                            <a:gd name="connsiteY1111" fmla="*/ 1058227 h 2612594"/>
                            <a:gd name="connsiteX1112" fmla="*/ 33502 w 2647519"/>
                            <a:gd name="connsiteY1112" fmla="*/ 1002982 h 2612594"/>
                            <a:gd name="connsiteX1113" fmla="*/ 53505 w 2647519"/>
                            <a:gd name="connsiteY1113" fmla="*/ 962977 h 2612594"/>
                            <a:gd name="connsiteX1114" fmla="*/ 48742 w 2647519"/>
                            <a:gd name="connsiteY1114" fmla="*/ 1017270 h 2612594"/>
                            <a:gd name="connsiteX1115" fmla="*/ 53503 w 2647519"/>
                            <a:gd name="connsiteY1115" fmla="*/ 1007964 h 2612594"/>
                            <a:gd name="connsiteX1116" fmla="*/ 56362 w 2647519"/>
                            <a:gd name="connsiteY1116" fmla="*/ 985718 h 2612594"/>
                            <a:gd name="connsiteX1117" fmla="*/ 57315 w 2647519"/>
                            <a:gd name="connsiteY1117" fmla="*/ 961072 h 2612594"/>
                            <a:gd name="connsiteX1118" fmla="*/ 65887 w 2647519"/>
                            <a:gd name="connsiteY1118" fmla="*/ 929639 h 2612594"/>
                            <a:gd name="connsiteX1119" fmla="*/ 79222 w 2647519"/>
                            <a:gd name="connsiteY1119" fmla="*/ 882014 h 2612594"/>
                            <a:gd name="connsiteX1120" fmla="*/ 95415 w 2647519"/>
                            <a:gd name="connsiteY1120" fmla="*/ 833437 h 2612594"/>
                            <a:gd name="connsiteX1121" fmla="*/ 96628 w 2647519"/>
                            <a:gd name="connsiteY1121" fmla="*/ 832072 h 2612594"/>
                            <a:gd name="connsiteX1122" fmla="*/ 103988 w 2647519"/>
                            <a:gd name="connsiteY1122" fmla="*/ 793432 h 2612594"/>
                            <a:gd name="connsiteX1123" fmla="*/ 114465 w 2647519"/>
                            <a:gd name="connsiteY1123" fmla="*/ 765809 h 2612594"/>
                            <a:gd name="connsiteX1124" fmla="*/ 126848 w 2647519"/>
                            <a:gd name="connsiteY1124" fmla="*/ 742949 h 2612594"/>
                            <a:gd name="connsiteX1125" fmla="*/ 151613 w 2647519"/>
                            <a:gd name="connsiteY1125" fmla="*/ 695324 h 2612594"/>
                            <a:gd name="connsiteX1126" fmla="*/ 171615 w 2647519"/>
                            <a:gd name="connsiteY1126" fmla="*/ 652462 h 2612594"/>
                            <a:gd name="connsiteX1127" fmla="*/ 200190 w 2647519"/>
                            <a:gd name="connsiteY1127" fmla="*/ 597217 h 2612594"/>
                            <a:gd name="connsiteX1128" fmla="*/ 221145 w 2647519"/>
                            <a:gd name="connsiteY1128" fmla="*/ 573404 h 2612594"/>
                            <a:gd name="connsiteX1129" fmla="*/ 238290 w 2647519"/>
                            <a:gd name="connsiteY1129" fmla="*/ 540067 h 2612594"/>
                            <a:gd name="connsiteX1130" fmla="*/ 252578 w 2647519"/>
                            <a:gd name="connsiteY1130" fmla="*/ 519112 h 2612594"/>
                            <a:gd name="connsiteX1131" fmla="*/ 267818 w 2647519"/>
                            <a:gd name="connsiteY1131" fmla="*/ 511492 h 2612594"/>
                            <a:gd name="connsiteX1132" fmla="*/ 271628 w 2647519"/>
                            <a:gd name="connsiteY1132" fmla="*/ 505777 h 2612594"/>
                            <a:gd name="connsiteX1133" fmla="*/ 286868 w 2647519"/>
                            <a:gd name="connsiteY1133" fmla="*/ 475297 h 2612594"/>
                            <a:gd name="connsiteX1134" fmla="*/ 316395 w 2647519"/>
                            <a:gd name="connsiteY1134" fmla="*/ 441007 h 2612594"/>
                            <a:gd name="connsiteX1135" fmla="*/ 317199 w 2647519"/>
                            <a:gd name="connsiteY1135" fmla="*/ 455339 h 2612594"/>
                            <a:gd name="connsiteX1136" fmla="*/ 315045 w 2647519"/>
                            <a:gd name="connsiteY1136" fmla="*/ 461363 h 2612594"/>
                            <a:gd name="connsiteX1137" fmla="*/ 345922 w 2647519"/>
                            <a:gd name="connsiteY1137" fmla="*/ 429577 h 2612594"/>
                            <a:gd name="connsiteX1138" fmla="*/ 361162 w 2647519"/>
                            <a:gd name="connsiteY1138" fmla="*/ 409575 h 2612594"/>
                            <a:gd name="connsiteX1139" fmla="*/ 381165 w 2647519"/>
                            <a:gd name="connsiteY1139" fmla="*/ 390525 h 2612594"/>
                            <a:gd name="connsiteX1140" fmla="*/ 382889 w 2647519"/>
                            <a:gd name="connsiteY1140" fmla="*/ 392440 h 2612594"/>
                            <a:gd name="connsiteX1141" fmla="*/ 382118 w 2647519"/>
                            <a:gd name="connsiteY1141" fmla="*/ 391477 h 2612594"/>
                            <a:gd name="connsiteX1142" fmla="*/ 406883 w 2647519"/>
                            <a:gd name="connsiteY1142" fmla="*/ 366712 h 2612594"/>
                            <a:gd name="connsiteX1143" fmla="*/ 431648 w 2647519"/>
                            <a:gd name="connsiteY1143" fmla="*/ 343852 h 2612594"/>
                            <a:gd name="connsiteX1144" fmla="*/ 458318 w 2647519"/>
                            <a:gd name="connsiteY1144" fmla="*/ 315277 h 2612594"/>
                            <a:gd name="connsiteX1145" fmla="*/ 495465 w 2647519"/>
                            <a:gd name="connsiteY1145" fmla="*/ 287654 h 2612594"/>
                            <a:gd name="connsiteX1146" fmla="*/ 535470 w 2647519"/>
                            <a:gd name="connsiteY1146" fmla="*/ 258127 h 2612594"/>
                            <a:gd name="connsiteX1147" fmla="*/ 559389 w 2647519"/>
                            <a:gd name="connsiteY1147" fmla="*/ 241440 h 2612594"/>
                            <a:gd name="connsiteX1148" fmla="*/ 575475 w 2647519"/>
                            <a:gd name="connsiteY1148" fmla="*/ 226694 h 2612594"/>
                            <a:gd name="connsiteX1149" fmla="*/ 604050 w 2647519"/>
                            <a:gd name="connsiteY1149" fmla="*/ 209549 h 2612594"/>
                            <a:gd name="connsiteX1150" fmla="*/ 634530 w 2647519"/>
                            <a:gd name="connsiteY1150" fmla="*/ 193357 h 2612594"/>
                            <a:gd name="connsiteX1151" fmla="*/ 638565 w 2647519"/>
                            <a:gd name="connsiteY1151" fmla="*/ 191282 h 2612594"/>
                            <a:gd name="connsiteX1152" fmla="*/ 648937 w 2647519"/>
                            <a:gd name="connsiteY1152" fmla="*/ 181094 h 2612594"/>
                            <a:gd name="connsiteX1153" fmla="*/ 665963 w 2647519"/>
                            <a:gd name="connsiteY1153" fmla="*/ 168592 h 2612594"/>
                            <a:gd name="connsiteX1154" fmla="*/ 684656 w 2647519"/>
                            <a:gd name="connsiteY1154" fmla="*/ 159067 h 2612594"/>
                            <a:gd name="connsiteX1155" fmla="*/ 697880 w 2647519"/>
                            <a:gd name="connsiteY1155" fmla="*/ 156023 h 2612594"/>
                            <a:gd name="connsiteX1156" fmla="*/ 700252 w 2647519"/>
                            <a:gd name="connsiteY1156" fmla="*/ 154304 h 2612594"/>
                            <a:gd name="connsiteX1157" fmla="*/ 959332 w 2647519"/>
                            <a:gd name="connsiteY1157" fmla="*/ 49529 h 2612594"/>
                            <a:gd name="connsiteX1158" fmla="*/ 968945 w 2647519"/>
                            <a:gd name="connsiteY1158" fmla="*/ 47439 h 2612594"/>
                            <a:gd name="connsiteX1159" fmla="*/ 995527 w 2647519"/>
                            <a:gd name="connsiteY1159" fmla="*/ 38099 h 2612594"/>
                            <a:gd name="connsiteX1160" fmla="*/ 1013863 w 2647519"/>
                            <a:gd name="connsiteY1160" fmla="*/ 34408 h 2612594"/>
                            <a:gd name="connsiteX1161" fmla="*/ 1023424 w 2647519"/>
                            <a:gd name="connsiteY1161" fmla="*/ 34327 h 2612594"/>
                            <a:gd name="connsiteX1162" fmla="*/ 1026960 w 2647519"/>
                            <a:gd name="connsiteY1162" fmla="*/ 33337 h 2612594"/>
                            <a:gd name="connsiteX1163" fmla="*/ 1244130 w 2647519"/>
                            <a:gd name="connsiteY1163" fmla="*/ 4762 h 2612594"/>
                            <a:gd name="connsiteX1164" fmla="*/ 1305804 w 2647519"/>
                            <a:gd name="connsiteY1164" fmla="*/ 4524 h 2612594"/>
                            <a:gd name="connsiteX1165" fmla="*/ 1371765 w 2647519"/>
                            <a:gd name="connsiteY1165" fmla="*/ 5714 h 2612594"/>
                            <a:gd name="connsiteX1166" fmla="*/ 1372993 w 2647519"/>
                            <a:gd name="connsiteY1166" fmla="*/ 6635 h 2612594"/>
                            <a:gd name="connsiteX1167" fmla="*/ 1405103 w 2647519"/>
                            <a:gd name="connsiteY1167" fmla="*/ 2857 h 2612594"/>
                            <a:gd name="connsiteX1168" fmla="*/ 1434630 w 2647519"/>
                            <a:gd name="connsiteY1168" fmla="*/ 7619 h 2612594"/>
                            <a:gd name="connsiteX1169" fmla="*/ 1464158 w 2647519"/>
                            <a:gd name="connsiteY1169" fmla="*/ 13334 h 2612594"/>
                            <a:gd name="connsiteX1170" fmla="*/ 1479392 w 2647519"/>
                            <a:gd name="connsiteY1170" fmla="*/ 16797 h 2612594"/>
                            <a:gd name="connsiteX1171" fmla="*/ 1463205 w 2647519"/>
                            <a:gd name="connsiteY1171" fmla="*/ 12382 h 2612594"/>
                            <a:gd name="connsiteX1172" fmla="*/ 1433677 w 2647519"/>
                            <a:gd name="connsiteY1172" fmla="*/ 6667 h 2612594"/>
                            <a:gd name="connsiteX1173" fmla="*/ 1404150 w 2647519"/>
                            <a:gd name="connsiteY1173" fmla="*/ 1905 h 2612594"/>
                            <a:gd name="connsiteX1174" fmla="*/ 1404150 w 2647519"/>
                            <a:gd name="connsiteY1174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4" y="2520821"/>
                              </a:moveTo>
                              <a:lnTo>
                                <a:pt x="1643880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3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2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6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3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4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6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1" y="2265793"/>
                              </a:lnTo>
                              <a:close/>
                              <a:moveTo>
                                <a:pt x="2099802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80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61" y="2217358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6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5" y="2175510"/>
                                <a:pt x="2187820" y="2174974"/>
                              </a:cubicBezTo>
                              <a:close/>
                              <a:moveTo>
                                <a:pt x="475386" y="2153525"/>
                              </a:moveTo>
                              <a:lnTo>
                                <a:pt x="477272" y="2155822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4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2" y="2051897"/>
                              </a:lnTo>
                              <a:lnTo>
                                <a:pt x="2291272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1" y="1790989"/>
                                <a:pt x="2407787" y="1830865"/>
                                <a:pt x="2386218" y="1869449"/>
                              </a:cubicBezTo>
                              <a:lnTo>
                                <a:pt x="2377660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5"/>
                              </a:lnTo>
                              <a:lnTo>
                                <a:pt x="2141046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900"/>
                              </a:lnTo>
                              <a:lnTo>
                                <a:pt x="2038960" y="2261093"/>
                              </a:lnTo>
                              <a:lnTo>
                                <a:pt x="2036092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0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1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8" y="2365909"/>
                              </a:lnTo>
                              <a:lnTo>
                                <a:pt x="1809483" y="2392922"/>
                              </a:lnTo>
                              <a:cubicBezTo>
                                <a:pt x="1768715" y="2410756"/>
                                <a:pt x="1726785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10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3" y="1686218"/>
                              </a:lnTo>
                              <a:lnTo>
                                <a:pt x="2513218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1" y="1451152"/>
                              </a:lnTo>
                              <a:lnTo>
                                <a:pt x="2586542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599181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6" y="1369207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7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0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0" y="383325"/>
                              </a:lnTo>
                              <a:lnTo>
                                <a:pt x="456651" y="391477"/>
                              </a:lnTo>
                              <a:lnTo>
                                <a:pt x="454684" y="394338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52" y="590631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4" y="394338"/>
                              </a:lnTo>
                              <a:lnTo>
                                <a:pt x="464430" y="383325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6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50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4" y="364272"/>
                                <a:pt x="504752" y="361295"/>
                              </a:cubicBezTo>
                              <a:lnTo>
                                <a:pt x="512657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8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8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3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5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7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3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9" y="483516"/>
                                <a:pt x="2540483" y="854556"/>
                                <a:pt x="2540483" y="1275397"/>
                              </a:cubicBezTo>
                              <a:lnTo>
                                <a:pt x="2540081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9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cubicBezTo>
                                <a:pt x="2525242" y="1820227"/>
                                <a:pt x="2519527" y="1823085"/>
                                <a:pt x="2514765" y="1824990"/>
                              </a:cubicBez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6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6" y="2155031"/>
                                <a:pt x="2319383" y="2160389"/>
                              </a:cubicBezTo>
                              <a:lnTo>
                                <a:pt x="2303230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5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1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4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60" y="2417870"/>
                              </a:lnTo>
                              <a:lnTo>
                                <a:pt x="1997979" y="2418995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80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6" y="1850938"/>
                              </a:lnTo>
                              <a:lnTo>
                                <a:pt x="237654" y="1833303"/>
                              </a:lnTo>
                              <a:lnTo>
                                <a:pt x="228809" y="1817250"/>
                              </a:lnTo>
                              <a:lnTo>
                                <a:pt x="214411" y="1784874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4" y="1640674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9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6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2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9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5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2">
                            <a:alpha val="25000"/>
                          </a:schemeClr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txbx>
                        <w:txbxContent>
                          <w:p w:rsidR="00E24FD6" w:rsidRDefault="00E24FD6" w:rsidP="00E24FD6">
                            <w:pPr>
                              <w:jc w:val="center"/>
                            </w:pPr>
                          </w:p>
                        </w:txbxContent>
                      </wps:txbx>
                      <wps:bodyPr rtlCol="0" anchor="ctr"/>
                    </wps:wsp>
                    <wps:wsp>
                      <wps:cNvPr id="22" name="Freeform: Shape 10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/>
                      <wps:spPr>
                        <a:xfrm rot="10800000" flipH="1">
                          <a:off x="5401734" y="9482667"/>
                          <a:ext cx="2783836" cy="2747453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4 w 2647519"/>
                            <a:gd name="connsiteY9" fmla="*/ 2520821 h 2612594"/>
                            <a:gd name="connsiteX10" fmla="*/ 1643880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3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2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3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4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6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1 w 2647519"/>
                            <a:gd name="connsiteY143" fmla="*/ 2265793 h 2612594"/>
                            <a:gd name="connsiteX144" fmla="*/ 2099802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80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61 w 2647519"/>
                            <a:gd name="connsiteY154" fmla="*/ 2217358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6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5 h 2612594"/>
                            <a:gd name="connsiteX166" fmla="*/ 477272 w 2647519"/>
                            <a:gd name="connsiteY166" fmla="*/ 2155822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78787 w 2647519"/>
                            <a:gd name="connsiteY180" fmla="*/ 2272865 h 2612594"/>
                            <a:gd name="connsiteX181" fmla="*/ 482130 w 2647519"/>
                            <a:gd name="connsiteY181" fmla="*/ 2274569 h 2612594"/>
                            <a:gd name="connsiteX182" fmla="*/ 492608 w 2647519"/>
                            <a:gd name="connsiteY182" fmla="*/ 2265997 h 2612594"/>
                            <a:gd name="connsiteX183" fmla="*/ 583095 w 2647519"/>
                            <a:gd name="connsiteY183" fmla="*/ 2337434 h 2612594"/>
                            <a:gd name="connsiteX184" fmla="*/ 564998 w 2647519"/>
                            <a:gd name="connsiteY184" fmla="*/ 2343149 h 2612594"/>
                            <a:gd name="connsiteX185" fmla="*/ 571665 w 2647519"/>
                            <a:gd name="connsiteY185" fmla="*/ 2347912 h 2612594"/>
                            <a:gd name="connsiteX186" fmla="*/ 544995 w 2647519"/>
                            <a:gd name="connsiteY186" fmla="*/ 2348864 h 2612594"/>
                            <a:gd name="connsiteX187" fmla="*/ 527850 w 2647519"/>
                            <a:gd name="connsiteY187" fmla="*/ 2337434 h 2612594"/>
                            <a:gd name="connsiteX188" fmla="*/ 511658 w 2647519"/>
                            <a:gd name="connsiteY188" fmla="*/ 2325052 h 2612594"/>
                            <a:gd name="connsiteX189" fmla="*/ 471653 w 2647519"/>
                            <a:gd name="connsiteY189" fmla="*/ 2291714 h 2612594"/>
                            <a:gd name="connsiteX190" fmla="*/ 434505 w 2647519"/>
                            <a:gd name="connsiteY190" fmla="*/ 2258377 h 2612594"/>
                            <a:gd name="connsiteX191" fmla="*/ 400215 w 2647519"/>
                            <a:gd name="connsiteY191" fmla="*/ 2225039 h 2612594"/>
                            <a:gd name="connsiteX192" fmla="*/ 384023 w 2647519"/>
                            <a:gd name="connsiteY192" fmla="*/ 2208847 h 2612594"/>
                            <a:gd name="connsiteX193" fmla="*/ 368783 w 2647519"/>
                            <a:gd name="connsiteY193" fmla="*/ 2191702 h 2612594"/>
                            <a:gd name="connsiteX194" fmla="*/ 374498 w 2647519"/>
                            <a:gd name="connsiteY194" fmla="*/ 2184082 h 2612594"/>
                            <a:gd name="connsiteX195" fmla="*/ 393548 w 2647519"/>
                            <a:gd name="connsiteY195" fmla="*/ 2201227 h 2612594"/>
                            <a:gd name="connsiteX196" fmla="*/ 414503 w 2647519"/>
                            <a:gd name="connsiteY196" fmla="*/ 2217419 h 2612594"/>
                            <a:gd name="connsiteX197" fmla="*/ 440220 w 2647519"/>
                            <a:gd name="connsiteY197" fmla="*/ 2245042 h 2612594"/>
                            <a:gd name="connsiteX198" fmla="*/ 442406 w 2647519"/>
                            <a:gd name="connsiteY198" fmla="*/ 2246917 h 2612594"/>
                            <a:gd name="connsiteX199" fmla="*/ 414503 w 2647519"/>
                            <a:gd name="connsiteY199" fmla="*/ 2217419 h 2612594"/>
                            <a:gd name="connsiteX200" fmla="*/ 394500 w 2647519"/>
                            <a:gd name="connsiteY200" fmla="*/ 2201227 h 2612594"/>
                            <a:gd name="connsiteX201" fmla="*/ 375450 w 2647519"/>
                            <a:gd name="connsiteY201" fmla="*/ 2184082 h 2612594"/>
                            <a:gd name="connsiteX202" fmla="*/ 354495 w 2647519"/>
                            <a:gd name="connsiteY202" fmla="*/ 2158364 h 2612594"/>
                            <a:gd name="connsiteX203" fmla="*/ 334493 w 2647519"/>
                            <a:gd name="connsiteY203" fmla="*/ 2131694 h 2612594"/>
                            <a:gd name="connsiteX204" fmla="*/ 2432850 w 2647519"/>
                            <a:gd name="connsiteY204" fmla="*/ 1980247 h 2612594"/>
                            <a:gd name="connsiteX205" fmla="*/ 2432367 w 2647519"/>
                            <a:gd name="connsiteY205" fmla="*/ 1980454 h 2612594"/>
                            <a:gd name="connsiteX206" fmla="*/ 2421964 w 2647519"/>
                            <a:gd name="connsiteY206" fmla="*/ 2005422 h 2612594"/>
                            <a:gd name="connsiteX207" fmla="*/ 2422850 w 2647519"/>
                            <a:gd name="connsiteY207" fmla="*/ 1860918 h 2612594"/>
                            <a:gd name="connsiteX208" fmla="*/ 2397608 w 2647519"/>
                            <a:gd name="connsiteY208" fmla="*/ 1897379 h 2612594"/>
                            <a:gd name="connsiteX209" fmla="*/ 2385225 w 2647519"/>
                            <a:gd name="connsiteY209" fmla="*/ 1920239 h 2612594"/>
                            <a:gd name="connsiteX210" fmla="*/ 2372843 w 2647519"/>
                            <a:gd name="connsiteY210" fmla="*/ 1941194 h 2612594"/>
                            <a:gd name="connsiteX211" fmla="*/ 2343315 w 2647519"/>
                            <a:gd name="connsiteY211" fmla="*/ 1980247 h 2612594"/>
                            <a:gd name="connsiteX212" fmla="*/ 2317598 w 2647519"/>
                            <a:gd name="connsiteY212" fmla="*/ 2019299 h 2612594"/>
                            <a:gd name="connsiteX213" fmla="*/ 2294738 w 2647519"/>
                            <a:gd name="connsiteY213" fmla="*/ 2050732 h 2612594"/>
                            <a:gd name="connsiteX214" fmla="*/ 2292832 w 2647519"/>
                            <a:gd name="connsiteY214" fmla="*/ 2051897 h 2612594"/>
                            <a:gd name="connsiteX215" fmla="*/ 2291272 w 2647519"/>
                            <a:gd name="connsiteY215" fmla="*/ 2054208 h 2612594"/>
                            <a:gd name="connsiteX216" fmla="*/ 2293785 w 2647519"/>
                            <a:gd name="connsiteY216" fmla="*/ 2052637 h 2612594"/>
                            <a:gd name="connsiteX217" fmla="*/ 2316645 w 2647519"/>
                            <a:gd name="connsiteY217" fmla="*/ 2021205 h 2612594"/>
                            <a:gd name="connsiteX218" fmla="*/ 2342363 w 2647519"/>
                            <a:gd name="connsiteY218" fmla="*/ 1982152 h 2612594"/>
                            <a:gd name="connsiteX219" fmla="*/ 2371890 w 2647519"/>
                            <a:gd name="connsiteY219" fmla="*/ 1943100 h 2612594"/>
                            <a:gd name="connsiteX220" fmla="*/ 2384273 w 2647519"/>
                            <a:gd name="connsiteY220" fmla="*/ 1922145 h 2612594"/>
                            <a:gd name="connsiteX221" fmla="*/ 2396655 w 2647519"/>
                            <a:gd name="connsiteY221" fmla="*/ 1899285 h 2612594"/>
                            <a:gd name="connsiteX222" fmla="*/ 2422373 w 2647519"/>
                            <a:gd name="connsiteY222" fmla="*/ 1862137 h 2612594"/>
                            <a:gd name="connsiteX223" fmla="*/ 2521433 w 2647519"/>
                            <a:gd name="connsiteY223" fmla="*/ 1847850 h 2612594"/>
                            <a:gd name="connsiteX224" fmla="*/ 2509050 w 2647519"/>
                            <a:gd name="connsiteY224" fmla="*/ 1884997 h 2612594"/>
                            <a:gd name="connsiteX225" fmla="*/ 2487143 w 2647519"/>
                            <a:gd name="connsiteY225" fmla="*/ 1925002 h 2612594"/>
                            <a:gd name="connsiteX226" fmla="*/ 2465235 w 2647519"/>
                            <a:gd name="connsiteY226" fmla="*/ 1965960 h 2612594"/>
                            <a:gd name="connsiteX227" fmla="*/ 2445233 w 2647519"/>
                            <a:gd name="connsiteY227" fmla="*/ 1991677 h 2612594"/>
                            <a:gd name="connsiteX228" fmla="*/ 2458568 w 2647519"/>
                            <a:gd name="connsiteY228" fmla="*/ 1965007 h 2612594"/>
                            <a:gd name="connsiteX229" fmla="*/ 2469998 w 2647519"/>
                            <a:gd name="connsiteY229" fmla="*/ 1938337 h 2612594"/>
                            <a:gd name="connsiteX230" fmla="*/ 2478570 w 2647519"/>
                            <a:gd name="connsiteY230" fmla="*/ 1924050 h 2612594"/>
                            <a:gd name="connsiteX231" fmla="*/ 2490000 w 2647519"/>
                            <a:gd name="connsiteY231" fmla="*/ 1905000 h 2612594"/>
                            <a:gd name="connsiteX232" fmla="*/ 2500478 w 2647519"/>
                            <a:gd name="connsiteY232" fmla="*/ 1885950 h 2612594"/>
                            <a:gd name="connsiteX233" fmla="*/ 2521433 w 2647519"/>
                            <a:gd name="connsiteY233" fmla="*/ 1847850 h 2612594"/>
                            <a:gd name="connsiteX234" fmla="*/ 2459780 w 2647519"/>
                            <a:gd name="connsiteY234" fmla="*/ 1766202 h 2612594"/>
                            <a:gd name="connsiteX235" fmla="*/ 2436660 w 2647519"/>
                            <a:gd name="connsiteY235" fmla="*/ 1806892 h 2612594"/>
                            <a:gd name="connsiteX236" fmla="*/ 2436235 w 2647519"/>
                            <a:gd name="connsiteY236" fmla="*/ 1807870 h 2612594"/>
                            <a:gd name="connsiteX237" fmla="*/ 2459520 w 2647519"/>
                            <a:gd name="connsiteY237" fmla="*/ 1766887 h 2612594"/>
                            <a:gd name="connsiteX238" fmla="*/ 2472460 w 2647519"/>
                            <a:gd name="connsiteY238" fmla="*/ 1674043 h 2612594"/>
                            <a:gd name="connsiteX239" fmla="*/ 2444672 w 2647519"/>
                            <a:gd name="connsiteY239" fmla="*/ 1749965 h 2612594"/>
                            <a:gd name="connsiteX240" fmla="*/ 2386218 w 2647519"/>
                            <a:gd name="connsiteY240" fmla="*/ 1869449 h 2612594"/>
                            <a:gd name="connsiteX241" fmla="*/ 2377660 w 2647519"/>
                            <a:gd name="connsiteY241" fmla="*/ 1882980 h 2612594"/>
                            <a:gd name="connsiteX242" fmla="*/ 2377605 w 2647519"/>
                            <a:gd name="connsiteY242" fmla="*/ 1883092 h 2612594"/>
                            <a:gd name="connsiteX243" fmla="*/ 2357602 w 2647519"/>
                            <a:gd name="connsiteY243" fmla="*/ 1917382 h 2612594"/>
                            <a:gd name="connsiteX244" fmla="*/ 2337600 w 2647519"/>
                            <a:gd name="connsiteY244" fmla="*/ 1954530 h 2612594"/>
                            <a:gd name="connsiteX245" fmla="*/ 2314740 w 2647519"/>
                            <a:gd name="connsiteY245" fmla="*/ 1983105 h 2612594"/>
                            <a:gd name="connsiteX246" fmla="*/ 2295690 w 2647519"/>
                            <a:gd name="connsiteY246" fmla="*/ 2015490 h 2612594"/>
                            <a:gd name="connsiteX247" fmla="*/ 2183295 w 2647519"/>
                            <a:gd name="connsiteY247" fmla="*/ 2142172 h 2612594"/>
                            <a:gd name="connsiteX248" fmla="*/ 2146147 w 2647519"/>
                            <a:gd name="connsiteY248" fmla="*/ 2173605 h 2612594"/>
                            <a:gd name="connsiteX249" fmla="*/ 2142583 w 2647519"/>
                            <a:gd name="connsiteY249" fmla="*/ 2176315 h 2612594"/>
                            <a:gd name="connsiteX250" fmla="*/ 2141046 w 2647519"/>
                            <a:gd name="connsiteY250" fmla="*/ 2177871 h 2612594"/>
                            <a:gd name="connsiteX251" fmla="*/ 2125512 w 2647519"/>
                            <a:gd name="connsiteY251" fmla="*/ 2190534 h 2612594"/>
                            <a:gd name="connsiteX252" fmla="*/ 2112810 w 2647519"/>
                            <a:gd name="connsiteY252" fmla="*/ 2205037 h 2612594"/>
                            <a:gd name="connsiteX253" fmla="*/ 2066137 w 2647519"/>
                            <a:gd name="connsiteY253" fmla="*/ 2240280 h 2612594"/>
                            <a:gd name="connsiteX254" fmla="*/ 2058824 w 2647519"/>
                            <a:gd name="connsiteY254" fmla="*/ 2244900 h 2612594"/>
                            <a:gd name="connsiteX255" fmla="*/ 2038960 w 2647519"/>
                            <a:gd name="connsiteY255" fmla="*/ 2261093 h 2612594"/>
                            <a:gd name="connsiteX256" fmla="*/ 2036092 w 2647519"/>
                            <a:gd name="connsiteY256" fmla="*/ 2262956 h 2612594"/>
                            <a:gd name="connsiteX257" fmla="*/ 2031847 w 2647519"/>
                            <a:gd name="connsiteY257" fmla="*/ 2266950 h 2612594"/>
                            <a:gd name="connsiteX258" fmla="*/ 1994700 w 2647519"/>
                            <a:gd name="connsiteY258" fmla="*/ 2291715 h 2612594"/>
                            <a:gd name="connsiteX259" fmla="*/ 1957552 w 2647519"/>
                            <a:gd name="connsiteY259" fmla="*/ 2314575 h 2612594"/>
                            <a:gd name="connsiteX260" fmla="*/ 1953300 w 2647519"/>
                            <a:gd name="connsiteY260" fmla="*/ 2316730 h 2612594"/>
                            <a:gd name="connsiteX261" fmla="*/ 1928148 w 2647519"/>
                            <a:gd name="connsiteY261" fmla="*/ 2333067 h 2612594"/>
                            <a:gd name="connsiteX262" fmla="*/ 1920351 w 2647519"/>
                            <a:gd name="connsiteY262" fmla="*/ 2337000 h 2612594"/>
                            <a:gd name="connsiteX263" fmla="*/ 1912785 w 2647519"/>
                            <a:gd name="connsiteY263" fmla="*/ 2342197 h 2612594"/>
                            <a:gd name="connsiteX264" fmla="*/ 1887067 w 2647519"/>
                            <a:gd name="connsiteY264" fmla="*/ 2356485 h 2612594"/>
                            <a:gd name="connsiteX265" fmla="*/ 1863038 w 2647519"/>
                            <a:gd name="connsiteY265" fmla="*/ 2365909 h 2612594"/>
                            <a:gd name="connsiteX266" fmla="*/ 1809483 w 2647519"/>
                            <a:gd name="connsiteY266" fmla="*/ 2392922 h 2612594"/>
                            <a:gd name="connsiteX267" fmla="*/ 1683836 w 2647519"/>
                            <a:gd name="connsiteY267" fmla="*/ 2439784 h 2612594"/>
                            <a:gd name="connsiteX268" fmla="*/ 1596280 w 2647519"/>
                            <a:gd name="connsiteY268" fmla="*/ 2462297 h 2612594"/>
                            <a:gd name="connsiteX269" fmla="*/ 1667040 w 2647519"/>
                            <a:gd name="connsiteY269" fmla="*/ 2448877 h 2612594"/>
                            <a:gd name="connsiteX270" fmla="*/ 1680375 w 2647519"/>
                            <a:gd name="connsiteY270" fmla="*/ 2446019 h 2612594"/>
                            <a:gd name="connsiteX271" fmla="*/ 1723237 w 2647519"/>
                            <a:gd name="connsiteY271" fmla="*/ 2430779 h 2612594"/>
                            <a:gd name="connsiteX272" fmla="*/ 1749907 w 2647519"/>
                            <a:gd name="connsiteY272" fmla="*/ 2422207 h 2612594"/>
                            <a:gd name="connsiteX273" fmla="*/ 1792770 w 2647519"/>
                            <a:gd name="connsiteY273" fmla="*/ 2400299 h 2612594"/>
                            <a:gd name="connsiteX274" fmla="*/ 1841347 w 2647519"/>
                            <a:gd name="connsiteY274" fmla="*/ 2383154 h 2612594"/>
                            <a:gd name="connsiteX275" fmla="*/ 1872470 w 2647519"/>
                            <a:gd name="connsiteY275" fmla="*/ 2370949 h 2612594"/>
                            <a:gd name="connsiteX276" fmla="*/ 1886115 w 2647519"/>
                            <a:gd name="connsiteY276" fmla="*/ 2363152 h 2612594"/>
                            <a:gd name="connsiteX277" fmla="*/ 1898496 w 2647519"/>
                            <a:gd name="connsiteY277" fmla="*/ 2359343 h 2612594"/>
                            <a:gd name="connsiteX278" fmla="*/ 1915642 w 2647519"/>
                            <a:gd name="connsiteY278" fmla="*/ 2349817 h 2612594"/>
                            <a:gd name="connsiteX279" fmla="*/ 1920147 w 2647519"/>
                            <a:gd name="connsiteY279" fmla="*/ 2346686 h 2612594"/>
                            <a:gd name="connsiteX280" fmla="*/ 1931835 w 2647519"/>
                            <a:gd name="connsiteY280" fmla="*/ 2335530 h 2612594"/>
                            <a:gd name="connsiteX281" fmla="*/ 1957552 w 2647519"/>
                            <a:gd name="connsiteY281" fmla="*/ 2320290 h 2612594"/>
                            <a:gd name="connsiteX282" fmla="*/ 1986810 w 2647519"/>
                            <a:gd name="connsiteY282" fmla="*/ 2305948 h 2612594"/>
                            <a:gd name="connsiteX283" fmla="*/ 1997557 w 2647519"/>
                            <a:gd name="connsiteY283" fmla="*/ 2299334 h 2612594"/>
                            <a:gd name="connsiteX284" fmla="*/ 2034705 w 2647519"/>
                            <a:gd name="connsiteY284" fmla="*/ 2274569 h 2612594"/>
                            <a:gd name="connsiteX285" fmla="*/ 2050897 w 2647519"/>
                            <a:gd name="connsiteY285" fmla="*/ 2259329 h 2612594"/>
                            <a:gd name="connsiteX286" fmla="*/ 2068995 w 2647519"/>
                            <a:gd name="connsiteY286" fmla="*/ 2247899 h 2612594"/>
                            <a:gd name="connsiteX287" fmla="*/ 2115667 w 2647519"/>
                            <a:gd name="connsiteY287" fmla="*/ 2212657 h 2612594"/>
                            <a:gd name="connsiteX288" fmla="*/ 2149005 w 2647519"/>
                            <a:gd name="connsiteY288" fmla="*/ 2181224 h 2612594"/>
                            <a:gd name="connsiteX289" fmla="*/ 2186152 w 2647519"/>
                            <a:gd name="connsiteY289" fmla="*/ 2149792 h 2612594"/>
                            <a:gd name="connsiteX290" fmla="*/ 2298547 w 2647519"/>
                            <a:gd name="connsiteY290" fmla="*/ 2023109 h 2612594"/>
                            <a:gd name="connsiteX291" fmla="*/ 2314015 w 2647519"/>
                            <a:gd name="connsiteY291" fmla="*/ 1996814 h 2612594"/>
                            <a:gd name="connsiteX292" fmla="*/ 2314740 w 2647519"/>
                            <a:gd name="connsiteY292" fmla="*/ 1994534 h 2612594"/>
                            <a:gd name="connsiteX293" fmla="*/ 2339505 w 2647519"/>
                            <a:gd name="connsiteY293" fmla="*/ 1956434 h 2612594"/>
                            <a:gd name="connsiteX294" fmla="*/ 2347125 w 2647519"/>
                            <a:gd name="connsiteY294" fmla="*/ 1945004 h 2612594"/>
                            <a:gd name="connsiteX295" fmla="*/ 2357257 w 2647519"/>
                            <a:gd name="connsiteY295" fmla="*/ 1930951 h 2612594"/>
                            <a:gd name="connsiteX296" fmla="*/ 2360460 w 2647519"/>
                            <a:gd name="connsiteY296" fmla="*/ 1925002 h 2612594"/>
                            <a:gd name="connsiteX297" fmla="*/ 2380462 w 2647519"/>
                            <a:gd name="connsiteY297" fmla="*/ 1890712 h 2612594"/>
                            <a:gd name="connsiteX298" fmla="*/ 2419515 w 2647519"/>
                            <a:gd name="connsiteY298" fmla="*/ 1809749 h 2612594"/>
                            <a:gd name="connsiteX299" fmla="*/ 2457615 w 2647519"/>
                            <a:gd name="connsiteY299" fmla="*/ 1723072 h 2612594"/>
                            <a:gd name="connsiteX300" fmla="*/ 2468807 w 2647519"/>
                            <a:gd name="connsiteY300" fmla="*/ 1687829 h 2612594"/>
                            <a:gd name="connsiteX301" fmla="*/ 2576677 w 2647519"/>
                            <a:gd name="connsiteY301" fmla="*/ 1589722 h 2612594"/>
                            <a:gd name="connsiteX302" fmla="*/ 2573820 w 2647519"/>
                            <a:gd name="connsiteY302" fmla="*/ 1591627 h 2612594"/>
                            <a:gd name="connsiteX303" fmla="*/ 2573820 w 2647519"/>
                            <a:gd name="connsiteY303" fmla="*/ 1591627 h 2612594"/>
                            <a:gd name="connsiteX304" fmla="*/ 2585674 w 2647519"/>
                            <a:gd name="connsiteY304" fmla="*/ 1533271 h 2612594"/>
                            <a:gd name="connsiteX305" fmla="*/ 2585332 w 2647519"/>
                            <a:gd name="connsiteY305" fmla="*/ 1534956 h 2612594"/>
                            <a:gd name="connsiteX306" fmla="*/ 2588107 w 2647519"/>
                            <a:gd name="connsiteY306" fmla="*/ 1538287 h 2612594"/>
                            <a:gd name="connsiteX307" fmla="*/ 2596680 w 2647519"/>
                            <a:gd name="connsiteY307" fmla="*/ 1547812 h 2612594"/>
                            <a:gd name="connsiteX308" fmla="*/ 2602395 w 2647519"/>
                            <a:gd name="connsiteY308" fmla="*/ 1544002 h 2612594"/>
                            <a:gd name="connsiteX309" fmla="*/ 2602539 w 2647519"/>
                            <a:gd name="connsiteY309" fmla="*/ 1543271 h 2612594"/>
                            <a:gd name="connsiteX310" fmla="*/ 2598585 w 2647519"/>
                            <a:gd name="connsiteY310" fmla="*/ 1545907 h 2612594"/>
                            <a:gd name="connsiteX311" fmla="*/ 2589060 w 2647519"/>
                            <a:gd name="connsiteY311" fmla="*/ 1537334 h 2612594"/>
                            <a:gd name="connsiteX312" fmla="*/ 2577184 w 2647519"/>
                            <a:gd name="connsiteY312" fmla="*/ 1425070 h 2612594"/>
                            <a:gd name="connsiteX313" fmla="*/ 2576519 w 2647519"/>
                            <a:gd name="connsiteY313" fmla="*/ 1425107 h 2612594"/>
                            <a:gd name="connsiteX314" fmla="*/ 2575314 w 2647519"/>
                            <a:gd name="connsiteY314" fmla="*/ 1425174 h 2612594"/>
                            <a:gd name="connsiteX315" fmla="*/ 2575725 w 2647519"/>
                            <a:gd name="connsiteY315" fmla="*/ 1429702 h 2612594"/>
                            <a:gd name="connsiteX316" fmla="*/ 2574773 w 2647519"/>
                            <a:gd name="connsiteY316" fmla="*/ 1453515 h 2612594"/>
                            <a:gd name="connsiteX317" fmla="*/ 2570963 w 2647519"/>
                            <a:gd name="connsiteY317" fmla="*/ 1467802 h 2612594"/>
                            <a:gd name="connsiteX318" fmla="*/ 2548103 w 2647519"/>
                            <a:gd name="connsiteY318" fmla="*/ 1503997 h 2612594"/>
                            <a:gd name="connsiteX319" fmla="*/ 2542388 w 2647519"/>
                            <a:gd name="connsiteY319" fmla="*/ 1535430 h 2612594"/>
                            <a:gd name="connsiteX320" fmla="*/ 2536673 w 2647519"/>
                            <a:gd name="connsiteY320" fmla="*/ 1545907 h 2612594"/>
                            <a:gd name="connsiteX321" fmla="*/ 2527148 w 2647519"/>
                            <a:gd name="connsiteY321" fmla="*/ 1591627 h 2612594"/>
                            <a:gd name="connsiteX322" fmla="*/ 2516670 w 2647519"/>
                            <a:gd name="connsiteY322" fmla="*/ 1627822 h 2612594"/>
                            <a:gd name="connsiteX323" fmla="*/ 2505240 w 2647519"/>
                            <a:gd name="connsiteY323" fmla="*/ 1663065 h 2612594"/>
                            <a:gd name="connsiteX324" fmla="*/ 2498573 w 2647519"/>
                            <a:gd name="connsiteY324" fmla="*/ 1690687 h 2612594"/>
                            <a:gd name="connsiteX325" fmla="*/ 2490953 w 2647519"/>
                            <a:gd name="connsiteY325" fmla="*/ 1719262 h 2612594"/>
                            <a:gd name="connsiteX326" fmla="*/ 2497030 w 2647519"/>
                            <a:gd name="connsiteY326" fmla="*/ 1709810 h 2612594"/>
                            <a:gd name="connsiteX327" fmla="*/ 2502383 w 2647519"/>
                            <a:gd name="connsiteY327" fmla="*/ 1689734 h 2612594"/>
                            <a:gd name="connsiteX328" fmla="*/ 2507145 w 2647519"/>
                            <a:gd name="connsiteY328" fmla="*/ 1661159 h 2612594"/>
                            <a:gd name="connsiteX329" fmla="*/ 2518575 w 2647519"/>
                            <a:gd name="connsiteY329" fmla="*/ 1625917 h 2612594"/>
                            <a:gd name="connsiteX330" fmla="*/ 2529053 w 2647519"/>
                            <a:gd name="connsiteY330" fmla="*/ 1589722 h 2612594"/>
                            <a:gd name="connsiteX331" fmla="*/ 2538578 w 2647519"/>
                            <a:gd name="connsiteY331" fmla="*/ 1544002 h 2612594"/>
                            <a:gd name="connsiteX332" fmla="*/ 2544293 w 2647519"/>
                            <a:gd name="connsiteY332" fmla="*/ 1533524 h 2612594"/>
                            <a:gd name="connsiteX333" fmla="*/ 2550008 w 2647519"/>
                            <a:gd name="connsiteY333" fmla="*/ 1502092 h 2612594"/>
                            <a:gd name="connsiteX334" fmla="*/ 2572868 w 2647519"/>
                            <a:gd name="connsiteY334" fmla="*/ 1465897 h 2612594"/>
                            <a:gd name="connsiteX335" fmla="*/ 2557628 w 2647519"/>
                            <a:gd name="connsiteY335" fmla="*/ 1539239 h 2612594"/>
                            <a:gd name="connsiteX336" fmla="*/ 2546198 w 2647519"/>
                            <a:gd name="connsiteY336" fmla="*/ 1600199 h 2612594"/>
                            <a:gd name="connsiteX337" fmla="*/ 2520480 w 2647519"/>
                            <a:gd name="connsiteY337" fmla="*/ 1678304 h 2612594"/>
                            <a:gd name="connsiteX338" fmla="*/ 2515393 w 2647519"/>
                            <a:gd name="connsiteY338" fmla="*/ 1686218 h 2612594"/>
                            <a:gd name="connsiteX339" fmla="*/ 2513218 w 2647519"/>
                            <a:gd name="connsiteY339" fmla="*/ 1698069 h 2612594"/>
                            <a:gd name="connsiteX340" fmla="*/ 2506193 w 2647519"/>
                            <a:gd name="connsiteY340" fmla="*/ 1718310 h 2612594"/>
                            <a:gd name="connsiteX341" fmla="*/ 2479523 w 2647519"/>
                            <a:gd name="connsiteY341" fmla="*/ 1776412 h 2612594"/>
                            <a:gd name="connsiteX342" fmla="*/ 2467140 w 2647519"/>
                            <a:gd name="connsiteY342" fmla="*/ 1806892 h 2612594"/>
                            <a:gd name="connsiteX343" fmla="*/ 2459520 w 2647519"/>
                            <a:gd name="connsiteY343" fmla="*/ 1823085 h 2612594"/>
                            <a:gd name="connsiteX344" fmla="*/ 2449995 w 2647519"/>
                            <a:gd name="connsiteY344" fmla="*/ 1840230 h 2612594"/>
                            <a:gd name="connsiteX345" fmla="*/ 2424278 w 2647519"/>
                            <a:gd name="connsiteY345" fmla="*/ 1885950 h 2612594"/>
                            <a:gd name="connsiteX346" fmla="*/ 2396655 w 2647519"/>
                            <a:gd name="connsiteY346" fmla="*/ 1930717 h 2612594"/>
                            <a:gd name="connsiteX347" fmla="*/ 2361413 w 2647519"/>
                            <a:gd name="connsiteY347" fmla="*/ 1990725 h 2612594"/>
                            <a:gd name="connsiteX348" fmla="*/ 2322360 w 2647519"/>
                            <a:gd name="connsiteY348" fmla="*/ 2049780 h 2612594"/>
                            <a:gd name="connsiteX349" fmla="*/ 2296643 w 2647519"/>
                            <a:gd name="connsiteY349" fmla="*/ 2083117 h 2612594"/>
                            <a:gd name="connsiteX350" fmla="*/ 2269020 w 2647519"/>
                            <a:gd name="connsiteY350" fmla="*/ 2115502 h 2612594"/>
                            <a:gd name="connsiteX351" fmla="*/ 2259495 w 2647519"/>
                            <a:gd name="connsiteY351" fmla="*/ 2128837 h 2612594"/>
                            <a:gd name="connsiteX352" fmla="*/ 2249018 w 2647519"/>
                            <a:gd name="connsiteY352" fmla="*/ 2142172 h 2612594"/>
                            <a:gd name="connsiteX353" fmla="*/ 2232825 w 2647519"/>
                            <a:gd name="connsiteY353" fmla="*/ 2155507 h 2612594"/>
                            <a:gd name="connsiteX354" fmla="*/ 2206342 w 2647519"/>
                            <a:gd name="connsiteY354" fmla="*/ 2184829 h 2612594"/>
                            <a:gd name="connsiteX355" fmla="*/ 2207107 w 2647519"/>
                            <a:gd name="connsiteY355" fmla="*/ 2187892 h 2612594"/>
                            <a:gd name="connsiteX356" fmla="*/ 2179485 w 2647519"/>
                            <a:gd name="connsiteY356" fmla="*/ 2216467 h 2612594"/>
                            <a:gd name="connsiteX357" fmla="*/ 2149957 w 2647519"/>
                            <a:gd name="connsiteY357" fmla="*/ 2237422 h 2612594"/>
                            <a:gd name="connsiteX358" fmla="*/ 2126145 w 2647519"/>
                            <a:gd name="connsiteY358" fmla="*/ 2256472 h 2612594"/>
                            <a:gd name="connsiteX359" fmla="*/ 2103587 w 2647519"/>
                            <a:gd name="connsiteY359" fmla="*/ 2272957 h 2612594"/>
                            <a:gd name="connsiteX360" fmla="*/ 2107095 w 2647519"/>
                            <a:gd name="connsiteY360" fmla="*/ 2272665 h 2612594"/>
                            <a:gd name="connsiteX361" fmla="*/ 2131860 w 2647519"/>
                            <a:gd name="connsiteY361" fmla="*/ 2254567 h 2612594"/>
                            <a:gd name="connsiteX362" fmla="*/ 2155673 w 2647519"/>
                            <a:gd name="connsiteY362" fmla="*/ 2235517 h 2612594"/>
                            <a:gd name="connsiteX363" fmla="*/ 2185200 w 2647519"/>
                            <a:gd name="connsiteY363" fmla="*/ 2214562 h 2612594"/>
                            <a:gd name="connsiteX364" fmla="*/ 2212823 w 2647519"/>
                            <a:gd name="connsiteY364" fmla="*/ 2185987 h 2612594"/>
                            <a:gd name="connsiteX365" fmla="*/ 2211870 w 2647519"/>
                            <a:gd name="connsiteY365" fmla="*/ 2182177 h 2612594"/>
                            <a:gd name="connsiteX366" fmla="*/ 2238540 w 2647519"/>
                            <a:gd name="connsiteY366" fmla="*/ 2152650 h 2612594"/>
                            <a:gd name="connsiteX367" fmla="*/ 2254733 w 2647519"/>
                            <a:gd name="connsiteY367" fmla="*/ 2139315 h 2612594"/>
                            <a:gd name="connsiteX368" fmla="*/ 2265210 w 2647519"/>
                            <a:gd name="connsiteY368" fmla="*/ 2125980 h 2612594"/>
                            <a:gd name="connsiteX369" fmla="*/ 2274735 w 2647519"/>
                            <a:gd name="connsiteY369" fmla="*/ 2112645 h 2612594"/>
                            <a:gd name="connsiteX370" fmla="*/ 2302358 w 2647519"/>
                            <a:gd name="connsiteY370" fmla="*/ 2080260 h 2612594"/>
                            <a:gd name="connsiteX371" fmla="*/ 2328075 w 2647519"/>
                            <a:gd name="connsiteY371" fmla="*/ 2046922 h 2612594"/>
                            <a:gd name="connsiteX372" fmla="*/ 2367128 w 2647519"/>
                            <a:gd name="connsiteY372" fmla="*/ 1987867 h 2612594"/>
                            <a:gd name="connsiteX373" fmla="*/ 2402370 w 2647519"/>
                            <a:gd name="connsiteY373" fmla="*/ 1927860 h 2612594"/>
                            <a:gd name="connsiteX374" fmla="*/ 2429993 w 2647519"/>
                            <a:gd name="connsiteY374" fmla="*/ 1883092 h 2612594"/>
                            <a:gd name="connsiteX375" fmla="*/ 2455710 w 2647519"/>
                            <a:gd name="connsiteY375" fmla="*/ 1837372 h 2612594"/>
                            <a:gd name="connsiteX376" fmla="*/ 2465235 w 2647519"/>
                            <a:gd name="connsiteY376" fmla="*/ 1820227 h 2612594"/>
                            <a:gd name="connsiteX377" fmla="*/ 2472855 w 2647519"/>
                            <a:gd name="connsiteY377" fmla="*/ 1804035 h 2612594"/>
                            <a:gd name="connsiteX378" fmla="*/ 2485238 w 2647519"/>
                            <a:gd name="connsiteY378" fmla="*/ 1773555 h 2612594"/>
                            <a:gd name="connsiteX379" fmla="*/ 2511908 w 2647519"/>
                            <a:gd name="connsiteY379" fmla="*/ 1715452 h 2612594"/>
                            <a:gd name="connsiteX380" fmla="*/ 2522385 w 2647519"/>
                            <a:gd name="connsiteY380" fmla="*/ 1676400 h 2612594"/>
                            <a:gd name="connsiteX381" fmla="*/ 2548103 w 2647519"/>
                            <a:gd name="connsiteY381" fmla="*/ 1598295 h 2612594"/>
                            <a:gd name="connsiteX382" fmla="*/ 2559533 w 2647519"/>
                            <a:gd name="connsiteY382" fmla="*/ 1537335 h 2612594"/>
                            <a:gd name="connsiteX383" fmla="*/ 2574773 w 2647519"/>
                            <a:gd name="connsiteY383" fmla="*/ 1463992 h 2612594"/>
                            <a:gd name="connsiteX384" fmla="*/ 2578209 w 2647519"/>
                            <a:gd name="connsiteY384" fmla="*/ 1451109 h 2612594"/>
                            <a:gd name="connsiteX385" fmla="*/ 2575725 w 2647519"/>
                            <a:gd name="connsiteY385" fmla="*/ 1450657 h 2612594"/>
                            <a:gd name="connsiteX386" fmla="*/ 2576677 w 2647519"/>
                            <a:gd name="connsiteY386" fmla="*/ 1426845 h 2612594"/>
                            <a:gd name="connsiteX387" fmla="*/ 2597632 w 2647519"/>
                            <a:gd name="connsiteY387" fmla="*/ 1404937 h 2612594"/>
                            <a:gd name="connsiteX388" fmla="*/ 2586541 w 2647519"/>
                            <a:gd name="connsiteY388" fmla="*/ 1451152 h 2612594"/>
                            <a:gd name="connsiteX389" fmla="*/ 2586542 w 2647519"/>
                            <a:gd name="connsiteY389" fmla="*/ 1451152 h 2612594"/>
                            <a:gd name="connsiteX390" fmla="*/ 2597633 w 2647519"/>
                            <a:gd name="connsiteY390" fmla="*/ 1404938 h 2612594"/>
                            <a:gd name="connsiteX391" fmla="*/ 2606205 w 2647519"/>
                            <a:gd name="connsiteY391" fmla="*/ 1395412 h 2612594"/>
                            <a:gd name="connsiteX392" fmla="*/ 2600490 w 2647519"/>
                            <a:gd name="connsiteY392" fmla="*/ 1407795 h 2612594"/>
                            <a:gd name="connsiteX393" fmla="*/ 2599181 w 2647519"/>
                            <a:gd name="connsiteY393" fmla="*/ 1433750 h 2612594"/>
                            <a:gd name="connsiteX394" fmla="*/ 2598585 w 2647519"/>
                            <a:gd name="connsiteY394" fmla="*/ 1458277 h 2612594"/>
                            <a:gd name="connsiteX395" fmla="*/ 2589060 w 2647519"/>
                            <a:gd name="connsiteY395" fmla="*/ 1487586 h 2612594"/>
                            <a:gd name="connsiteX396" fmla="*/ 2589060 w 2647519"/>
                            <a:gd name="connsiteY396" fmla="*/ 1490934 h 2612594"/>
                            <a:gd name="connsiteX397" fmla="*/ 2600490 w 2647519"/>
                            <a:gd name="connsiteY397" fmla="*/ 1458277 h 2612594"/>
                            <a:gd name="connsiteX398" fmla="*/ 2602395 w 2647519"/>
                            <a:gd name="connsiteY398" fmla="*/ 1407794 h 2612594"/>
                            <a:gd name="connsiteX399" fmla="*/ 2606836 w 2647519"/>
                            <a:gd name="connsiteY399" fmla="*/ 1398173 h 2612594"/>
                            <a:gd name="connsiteX400" fmla="*/ 2565247 w 2647519"/>
                            <a:gd name="connsiteY400" fmla="*/ 1354454 h 2612594"/>
                            <a:gd name="connsiteX401" fmla="*/ 2559006 w 2647519"/>
                            <a:gd name="connsiteY401" fmla="*/ 1369207 h 2612594"/>
                            <a:gd name="connsiteX402" fmla="*/ 2556675 w 2647519"/>
                            <a:gd name="connsiteY402" fmla="*/ 1390650 h 2612594"/>
                            <a:gd name="connsiteX403" fmla="*/ 2553670 w 2647519"/>
                            <a:gd name="connsiteY403" fmla="*/ 1380633 h 2612594"/>
                            <a:gd name="connsiteX404" fmla="*/ 2552571 w 2647519"/>
                            <a:gd name="connsiteY404" fmla="*/ 1382047 h 2612594"/>
                            <a:gd name="connsiteX405" fmla="*/ 2555723 w 2647519"/>
                            <a:gd name="connsiteY405" fmla="*/ 1392555 h 2612594"/>
                            <a:gd name="connsiteX406" fmla="*/ 2553818 w 2647519"/>
                            <a:gd name="connsiteY406" fmla="*/ 1407795 h 2612594"/>
                            <a:gd name="connsiteX407" fmla="*/ 2557628 w 2647519"/>
                            <a:gd name="connsiteY407" fmla="*/ 1420177 h 2612594"/>
                            <a:gd name="connsiteX408" fmla="*/ 2560581 w 2647519"/>
                            <a:gd name="connsiteY408" fmla="*/ 1420013 h 2612594"/>
                            <a:gd name="connsiteX409" fmla="*/ 2558580 w 2647519"/>
                            <a:gd name="connsiteY409" fmla="*/ 1413509 h 2612594"/>
                            <a:gd name="connsiteX410" fmla="*/ 2560485 w 2647519"/>
                            <a:gd name="connsiteY410" fmla="*/ 1398269 h 2612594"/>
                            <a:gd name="connsiteX411" fmla="*/ 2565247 w 2647519"/>
                            <a:gd name="connsiteY411" fmla="*/ 1354454 h 2612594"/>
                            <a:gd name="connsiteX412" fmla="*/ 2645258 w 2647519"/>
                            <a:gd name="connsiteY412" fmla="*/ 1328737 h 2612594"/>
                            <a:gd name="connsiteX413" fmla="*/ 2647163 w 2647519"/>
                            <a:gd name="connsiteY413" fmla="*/ 1329689 h 2612594"/>
                            <a:gd name="connsiteX414" fmla="*/ 2646210 w 2647519"/>
                            <a:gd name="connsiteY414" fmla="*/ 1369694 h 2612594"/>
                            <a:gd name="connsiteX415" fmla="*/ 2647163 w 2647519"/>
                            <a:gd name="connsiteY415" fmla="*/ 1397317 h 2612594"/>
                            <a:gd name="connsiteX416" fmla="*/ 2644305 w 2647519"/>
                            <a:gd name="connsiteY416" fmla="*/ 1447799 h 2612594"/>
                            <a:gd name="connsiteX417" fmla="*/ 2641448 w 2647519"/>
                            <a:gd name="connsiteY417" fmla="*/ 1476374 h 2612594"/>
                            <a:gd name="connsiteX418" fmla="*/ 2632875 w 2647519"/>
                            <a:gd name="connsiteY418" fmla="*/ 1518284 h 2612594"/>
                            <a:gd name="connsiteX419" fmla="*/ 2630018 w 2647519"/>
                            <a:gd name="connsiteY419" fmla="*/ 1553527 h 2612594"/>
                            <a:gd name="connsiteX420" fmla="*/ 2615730 w 2647519"/>
                            <a:gd name="connsiteY420" fmla="*/ 1618297 h 2612594"/>
                            <a:gd name="connsiteX421" fmla="*/ 2602395 w 2647519"/>
                            <a:gd name="connsiteY421" fmla="*/ 1674494 h 2612594"/>
                            <a:gd name="connsiteX422" fmla="*/ 2578583 w 2647519"/>
                            <a:gd name="connsiteY422" fmla="*/ 1684972 h 2612594"/>
                            <a:gd name="connsiteX423" fmla="*/ 2580488 w 2647519"/>
                            <a:gd name="connsiteY423" fmla="*/ 1679257 h 2612594"/>
                            <a:gd name="connsiteX424" fmla="*/ 2584298 w 2647519"/>
                            <a:gd name="connsiteY424" fmla="*/ 1639252 h 2612594"/>
                            <a:gd name="connsiteX425" fmla="*/ 2598585 w 2647519"/>
                            <a:gd name="connsiteY425" fmla="*/ 1597342 h 2612594"/>
                            <a:gd name="connsiteX426" fmla="*/ 2610015 w 2647519"/>
                            <a:gd name="connsiteY426" fmla="*/ 1590675 h 2612594"/>
                            <a:gd name="connsiteX427" fmla="*/ 2610015 w 2647519"/>
                            <a:gd name="connsiteY427" fmla="*/ 1590674 h 2612594"/>
                            <a:gd name="connsiteX428" fmla="*/ 2622398 w 2647519"/>
                            <a:gd name="connsiteY428" fmla="*/ 1518284 h 2612594"/>
                            <a:gd name="connsiteX429" fmla="*/ 2629065 w 2647519"/>
                            <a:gd name="connsiteY429" fmla="*/ 1483994 h 2612594"/>
                            <a:gd name="connsiteX430" fmla="*/ 2634780 w 2647519"/>
                            <a:gd name="connsiteY430" fmla="*/ 1448752 h 2612594"/>
                            <a:gd name="connsiteX431" fmla="*/ 2639543 w 2647519"/>
                            <a:gd name="connsiteY431" fmla="*/ 1415414 h 2612594"/>
                            <a:gd name="connsiteX432" fmla="*/ 2641448 w 2647519"/>
                            <a:gd name="connsiteY432" fmla="*/ 1383982 h 2612594"/>
                            <a:gd name="connsiteX433" fmla="*/ 2642400 w 2647519"/>
                            <a:gd name="connsiteY433" fmla="*/ 1357312 h 2612594"/>
                            <a:gd name="connsiteX434" fmla="*/ 2644305 w 2647519"/>
                            <a:gd name="connsiteY434" fmla="*/ 1343024 h 2612594"/>
                            <a:gd name="connsiteX435" fmla="*/ 2645258 w 2647519"/>
                            <a:gd name="connsiteY435" fmla="*/ 1328737 h 2612594"/>
                            <a:gd name="connsiteX436" fmla="*/ 134151 w 2647519"/>
                            <a:gd name="connsiteY436" fmla="*/ 887095 h 2612594"/>
                            <a:gd name="connsiteX437" fmla="*/ 134625 w 2647519"/>
                            <a:gd name="connsiteY437" fmla="*/ 887332 h 2612594"/>
                            <a:gd name="connsiteX438" fmla="*/ 134670 w 2647519"/>
                            <a:gd name="connsiteY438" fmla="*/ 887199 h 2612594"/>
                            <a:gd name="connsiteX439" fmla="*/ 191618 w 2647519"/>
                            <a:gd name="connsiteY439" fmla="*/ 750570 h 2612594"/>
                            <a:gd name="connsiteX440" fmla="*/ 170663 w 2647519"/>
                            <a:gd name="connsiteY440" fmla="*/ 789622 h 2612594"/>
                            <a:gd name="connsiteX441" fmla="*/ 153518 w 2647519"/>
                            <a:gd name="connsiteY441" fmla="*/ 803910 h 2612594"/>
                            <a:gd name="connsiteX442" fmla="*/ 153477 w 2647519"/>
                            <a:gd name="connsiteY442" fmla="*/ 804822 h 2612594"/>
                            <a:gd name="connsiteX443" fmla="*/ 151819 w 2647519"/>
                            <a:gd name="connsiteY443" fmla="*/ 841286 h 2612594"/>
                            <a:gd name="connsiteX444" fmla="*/ 151867 w 2647519"/>
                            <a:gd name="connsiteY444" fmla="*/ 841199 h 2612594"/>
                            <a:gd name="connsiteX445" fmla="*/ 153518 w 2647519"/>
                            <a:gd name="connsiteY445" fmla="*/ 804862 h 2612594"/>
                            <a:gd name="connsiteX446" fmla="*/ 170663 w 2647519"/>
                            <a:gd name="connsiteY446" fmla="*/ 790574 h 2612594"/>
                            <a:gd name="connsiteX447" fmla="*/ 191618 w 2647519"/>
                            <a:gd name="connsiteY447" fmla="*/ 751522 h 2612594"/>
                            <a:gd name="connsiteX448" fmla="*/ 192332 w 2647519"/>
                            <a:gd name="connsiteY448" fmla="*/ 751998 h 2612594"/>
                            <a:gd name="connsiteX449" fmla="*/ 192689 w 2647519"/>
                            <a:gd name="connsiteY449" fmla="*/ 751284 h 2612594"/>
                            <a:gd name="connsiteX450" fmla="*/ 203047 w 2647519"/>
                            <a:gd name="connsiteY450" fmla="*/ 667702 h 2612594"/>
                            <a:gd name="connsiteX451" fmla="*/ 189712 w 2647519"/>
                            <a:gd name="connsiteY451" fmla="*/ 677227 h 2612594"/>
                            <a:gd name="connsiteX452" fmla="*/ 169710 w 2647519"/>
                            <a:gd name="connsiteY452" fmla="*/ 719137 h 2612594"/>
                            <a:gd name="connsiteX453" fmla="*/ 174286 w 2647519"/>
                            <a:gd name="connsiteY453" fmla="*/ 722798 h 2612594"/>
                            <a:gd name="connsiteX454" fmla="*/ 174435 w 2647519"/>
                            <a:gd name="connsiteY454" fmla="*/ 722155 h 2612594"/>
                            <a:gd name="connsiteX455" fmla="*/ 170663 w 2647519"/>
                            <a:gd name="connsiteY455" fmla="*/ 719137 h 2612594"/>
                            <a:gd name="connsiteX456" fmla="*/ 190665 w 2647519"/>
                            <a:gd name="connsiteY456" fmla="*/ 677227 h 2612594"/>
                            <a:gd name="connsiteX457" fmla="*/ 202473 w 2647519"/>
                            <a:gd name="connsiteY457" fmla="*/ 668793 h 2612594"/>
                            <a:gd name="connsiteX458" fmla="*/ 276390 w 2647519"/>
                            <a:gd name="connsiteY458" fmla="*/ 613410 h 2612594"/>
                            <a:gd name="connsiteX459" fmla="*/ 275187 w 2647519"/>
                            <a:gd name="connsiteY459" fmla="*/ 614373 h 2612594"/>
                            <a:gd name="connsiteX460" fmla="*/ 270080 w 2647519"/>
                            <a:gd name="connsiteY460" fmla="*/ 634008 h 2612594"/>
                            <a:gd name="connsiteX461" fmla="*/ 266865 w 2647519"/>
                            <a:gd name="connsiteY461" fmla="*/ 643890 h 2612594"/>
                            <a:gd name="connsiteX462" fmla="*/ 179235 w 2647519"/>
                            <a:gd name="connsiteY462" fmla="*/ 803910 h 2612594"/>
                            <a:gd name="connsiteX463" fmla="*/ 166852 w 2647519"/>
                            <a:gd name="connsiteY463" fmla="*/ 842962 h 2612594"/>
                            <a:gd name="connsiteX464" fmla="*/ 155422 w 2647519"/>
                            <a:gd name="connsiteY464" fmla="*/ 882967 h 2612594"/>
                            <a:gd name="connsiteX465" fmla="*/ 130657 w 2647519"/>
                            <a:gd name="connsiteY465" fmla="*/ 966787 h 2612594"/>
                            <a:gd name="connsiteX466" fmla="*/ 114465 w 2647519"/>
                            <a:gd name="connsiteY466" fmla="*/ 1023937 h 2612594"/>
                            <a:gd name="connsiteX467" fmla="*/ 106845 w 2647519"/>
                            <a:gd name="connsiteY467" fmla="*/ 1066800 h 2612594"/>
                            <a:gd name="connsiteX468" fmla="*/ 103035 w 2647519"/>
                            <a:gd name="connsiteY468" fmla="*/ 1088707 h 2612594"/>
                            <a:gd name="connsiteX469" fmla="*/ 100177 w 2647519"/>
                            <a:gd name="connsiteY469" fmla="*/ 1110615 h 2612594"/>
                            <a:gd name="connsiteX470" fmla="*/ 91605 w 2647519"/>
                            <a:gd name="connsiteY470" fmla="*/ 1169670 h 2612594"/>
                            <a:gd name="connsiteX471" fmla="*/ 88747 w 2647519"/>
                            <a:gd name="connsiteY471" fmla="*/ 1205865 h 2612594"/>
                            <a:gd name="connsiteX472" fmla="*/ 93510 w 2647519"/>
                            <a:gd name="connsiteY472" fmla="*/ 1243965 h 2612594"/>
                            <a:gd name="connsiteX473" fmla="*/ 95742 w 2647519"/>
                            <a:gd name="connsiteY473" fmla="*/ 1223205 h 2612594"/>
                            <a:gd name="connsiteX474" fmla="*/ 95415 w 2647519"/>
                            <a:gd name="connsiteY474" fmla="*/ 1216342 h 2612594"/>
                            <a:gd name="connsiteX475" fmla="*/ 99225 w 2647519"/>
                            <a:gd name="connsiteY475" fmla="*/ 1176337 h 2612594"/>
                            <a:gd name="connsiteX476" fmla="*/ 107797 w 2647519"/>
                            <a:gd name="connsiteY476" fmla="*/ 1117282 h 2612594"/>
                            <a:gd name="connsiteX477" fmla="*/ 114596 w 2647519"/>
                            <a:gd name="connsiteY477" fmla="*/ 1109123 h 2612594"/>
                            <a:gd name="connsiteX478" fmla="*/ 124469 w 2647519"/>
                            <a:gd name="connsiteY478" fmla="*/ 1043051 h 2612594"/>
                            <a:gd name="connsiteX479" fmla="*/ 123990 w 2647519"/>
                            <a:gd name="connsiteY479" fmla="*/ 1031557 h 2612594"/>
                            <a:gd name="connsiteX480" fmla="*/ 133400 w 2647519"/>
                            <a:gd name="connsiteY480" fmla="*/ 1004580 h 2612594"/>
                            <a:gd name="connsiteX481" fmla="*/ 138999 w 2647519"/>
                            <a:gd name="connsiteY481" fmla="*/ 981931 h 2612594"/>
                            <a:gd name="connsiteX482" fmla="*/ 137325 w 2647519"/>
                            <a:gd name="connsiteY482" fmla="*/ 985837 h 2612594"/>
                            <a:gd name="connsiteX483" fmla="*/ 131610 w 2647519"/>
                            <a:gd name="connsiteY483" fmla="*/ 983932 h 2612594"/>
                            <a:gd name="connsiteX484" fmla="*/ 117322 w 2647519"/>
                            <a:gd name="connsiteY484" fmla="*/ 1024890 h 2612594"/>
                            <a:gd name="connsiteX485" fmla="*/ 118275 w 2647519"/>
                            <a:gd name="connsiteY485" fmla="*/ 1047750 h 2612594"/>
                            <a:gd name="connsiteX486" fmla="*/ 111607 w 2647519"/>
                            <a:gd name="connsiteY486" fmla="*/ 1091565 h 2612594"/>
                            <a:gd name="connsiteX487" fmla="*/ 110655 w 2647519"/>
                            <a:gd name="connsiteY487" fmla="*/ 1099185 h 2612594"/>
                            <a:gd name="connsiteX488" fmla="*/ 101130 w 2647519"/>
                            <a:gd name="connsiteY488" fmla="*/ 1110615 h 2612594"/>
                            <a:gd name="connsiteX489" fmla="*/ 103987 w 2647519"/>
                            <a:gd name="connsiteY489" fmla="*/ 1088707 h 2612594"/>
                            <a:gd name="connsiteX490" fmla="*/ 107797 w 2647519"/>
                            <a:gd name="connsiteY490" fmla="*/ 1066800 h 2612594"/>
                            <a:gd name="connsiteX491" fmla="*/ 115417 w 2647519"/>
                            <a:gd name="connsiteY491" fmla="*/ 1023937 h 2612594"/>
                            <a:gd name="connsiteX492" fmla="*/ 131610 w 2647519"/>
                            <a:gd name="connsiteY492" fmla="*/ 966787 h 2612594"/>
                            <a:gd name="connsiteX493" fmla="*/ 156375 w 2647519"/>
                            <a:gd name="connsiteY493" fmla="*/ 882967 h 2612594"/>
                            <a:gd name="connsiteX494" fmla="*/ 167805 w 2647519"/>
                            <a:gd name="connsiteY494" fmla="*/ 842962 h 2612594"/>
                            <a:gd name="connsiteX495" fmla="*/ 180187 w 2647519"/>
                            <a:gd name="connsiteY495" fmla="*/ 803910 h 2612594"/>
                            <a:gd name="connsiteX496" fmla="*/ 267817 w 2647519"/>
                            <a:gd name="connsiteY496" fmla="*/ 643890 h 2612594"/>
                            <a:gd name="connsiteX497" fmla="*/ 276390 w 2647519"/>
                            <a:gd name="connsiteY497" fmla="*/ 613410 h 2612594"/>
                            <a:gd name="connsiteX498" fmla="*/ 293536 w 2647519"/>
                            <a:gd name="connsiteY498" fmla="*/ 518160 h 2612594"/>
                            <a:gd name="connsiteX499" fmla="*/ 293535 w 2647519"/>
                            <a:gd name="connsiteY499" fmla="*/ 518160 h 2612594"/>
                            <a:gd name="connsiteX500" fmla="*/ 298297 w 2647519"/>
                            <a:gd name="connsiteY500" fmla="*/ 521970 h 2612594"/>
                            <a:gd name="connsiteX501" fmla="*/ 298297 w 2647519"/>
                            <a:gd name="connsiteY501" fmla="*/ 521969 h 2612594"/>
                            <a:gd name="connsiteX502" fmla="*/ 465169 w 2647519"/>
                            <a:gd name="connsiteY502" fmla="*/ 382550 h 2612594"/>
                            <a:gd name="connsiteX503" fmla="*/ 464986 w 2647519"/>
                            <a:gd name="connsiteY503" fmla="*/ 382696 h 2612594"/>
                            <a:gd name="connsiteX504" fmla="*/ 464430 w 2647519"/>
                            <a:gd name="connsiteY504" fmla="*/ 383325 h 2612594"/>
                            <a:gd name="connsiteX505" fmla="*/ 456651 w 2647519"/>
                            <a:gd name="connsiteY505" fmla="*/ 391477 h 2612594"/>
                            <a:gd name="connsiteX506" fmla="*/ 454684 w 2647519"/>
                            <a:gd name="connsiteY506" fmla="*/ 394338 h 2612594"/>
                            <a:gd name="connsiteX507" fmla="*/ 453399 w 2647519"/>
                            <a:gd name="connsiteY507" fmla="*/ 395790 h 2612594"/>
                            <a:gd name="connsiteX508" fmla="*/ 447840 w 2647519"/>
                            <a:gd name="connsiteY508" fmla="*/ 403860 h 2612594"/>
                            <a:gd name="connsiteX509" fmla="*/ 389738 w 2647519"/>
                            <a:gd name="connsiteY509" fmla="*/ 472440 h 2612594"/>
                            <a:gd name="connsiteX510" fmla="*/ 373545 w 2647519"/>
                            <a:gd name="connsiteY510" fmla="*/ 491490 h 2612594"/>
                            <a:gd name="connsiteX511" fmla="*/ 357353 w 2647519"/>
                            <a:gd name="connsiteY511" fmla="*/ 511492 h 2612594"/>
                            <a:gd name="connsiteX512" fmla="*/ 285752 w 2647519"/>
                            <a:gd name="connsiteY512" fmla="*/ 590631 h 2612594"/>
                            <a:gd name="connsiteX513" fmla="*/ 358305 w 2647519"/>
                            <a:gd name="connsiteY513" fmla="*/ 510540 h 2612594"/>
                            <a:gd name="connsiteX514" fmla="*/ 374497 w 2647519"/>
                            <a:gd name="connsiteY514" fmla="*/ 490537 h 2612594"/>
                            <a:gd name="connsiteX515" fmla="*/ 390690 w 2647519"/>
                            <a:gd name="connsiteY515" fmla="*/ 471487 h 2612594"/>
                            <a:gd name="connsiteX516" fmla="*/ 448792 w 2647519"/>
                            <a:gd name="connsiteY516" fmla="*/ 402907 h 2612594"/>
                            <a:gd name="connsiteX517" fmla="*/ 454684 w 2647519"/>
                            <a:gd name="connsiteY517" fmla="*/ 394338 h 2612594"/>
                            <a:gd name="connsiteX518" fmla="*/ 464430 w 2647519"/>
                            <a:gd name="connsiteY518" fmla="*/ 383325 h 2612594"/>
                            <a:gd name="connsiteX519" fmla="*/ 489348 w 2647519"/>
                            <a:gd name="connsiteY519" fmla="*/ 316869 h 2612594"/>
                            <a:gd name="connsiteX520" fmla="*/ 481127 w 2647519"/>
                            <a:gd name="connsiteY520" fmla="*/ 319733 h 2612594"/>
                            <a:gd name="connsiteX521" fmla="*/ 475013 w 2647519"/>
                            <a:gd name="connsiteY521" fmla="*/ 322003 h 2612594"/>
                            <a:gd name="connsiteX522" fmla="*/ 473558 w 2647519"/>
                            <a:gd name="connsiteY522" fmla="*/ 323849 h 2612594"/>
                            <a:gd name="connsiteX523" fmla="*/ 463080 w 2647519"/>
                            <a:gd name="connsiteY523" fmla="*/ 333374 h 2612594"/>
                            <a:gd name="connsiteX524" fmla="*/ 436410 w 2647519"/>
                            <a:gd name="connsiteY524" fmla="*/ 350519 h 2612594"/>
                            <a:gd name="connsiteX525" fmla="*/ 418313 w 2647519"/>
                            <a:gd name="connsiteY525" fmla="*/ 370522 h 2612594"/>
                            <a:gd name="connsiteX526" fmla="*/ 401168 w 2647519"/>
                            <a:gd name="connsiteY526" fmla="*/ 390524 h 2612594"/>
                            <a:gd name="connsiteX527" fmla="*/ 389738 w 2647519"/>
                            <a:gd name="connsiteY527" fmla="*/ 401002 h 2612594"/>
                            <a:gd name="connsiteX528" fmla="*/ 389350 w 2647519"/>
                            <a:gd name="connsiteY528" fmla="*/ 400516 h 2612594"/>
                            <a:gd name="connsiteX529" fmla="*/ 378546 w 2647519"/>
                            <a:gd name="connsiteY529" fmla="*/ 413504 h 2612594"/>
                            <a:gd name="connsiteX530" fmla="*/ 360210 w 2647519"/>
                            <a:gd name="connsiteY530" fmla="*/ 436245 h 2612594"/>
                            <a:gd name="connsiteX531" fmla="*/ 330683 w 2647519"/>
                            <a:gd name="connsiteY531" fmla="*/ 468630 h 2612594"/>
                            <a:gd name="connsiteX532" fmla="*/ 335445 w 2647519"/>
                            <a:gd name="connsiteY532" fmla="*/ 474344 h 2612594"/>
                            <a:gd name="connsiteX533" fmla="*/ 335536 w 2647519"/>
                            <a:gd name="connsiteY533" fmla="*/ 474264 h 2612594"/>
                            <a:gd name="connsiteX534" fmla="*/ 331635 w 2647519"/>
                            <a:gd name="connsiteY534" fmla="*/ 469582 h 2612594"/>
                            <a:gd name="connsiteX535" fmla="*/ 361162 w 2647519"/>
                            <a:gd name="connsiteY535" fmla="*/ 437197 h 2612594"/>
                            <a:gd name="connsiteX536" fmla="*/ 390690 w 2647519"/>
                            <a:gd name="connsiteY536" fmla="*/ 401002 h 2612594"/>
                            <a:gd name="connsiteX537" fmla="*/ 402120 w 2647519"/>
                            <a:gd name="connsiteY537" fmla="*/ 390525 h 2612594"/>
                            <a:gd name="connsiteX538" fmla="*/ 419265 w 2647519"/>
                            <a:gd name="connsiteY538" fmla="*/ 370522 h 2612594"/>
                            <a:gd name="connsiteX539" fmla="*/ 437362 w 2647519"/>
                            <a:gd name="connsiteY539" fmla="*/ 350520 h 2612594"/>
                            <a:gd name="connsiteX540" fmla="*/ 464032 w 2647519"/>
                            <a:gd name="connsiteY540" fmla="*/ 333375 h 2612594"/>
                            <a:gd name="connsiteX541" fmla="*/ 474510 w 2647519"/>
                            <a:gd name="connsiteY541" fmla="*/ 323850 h 2612594"/>
                            <a:gd name="connsiteX542" fmla="*/ 485940 w 2647519"/>
                            <a:gd name="connsiteY542" fmla="*/ 319564 h 2612594"/>
                            <a:gd name="connsiteX543" fmla="*/ 489548 w 2647519"/>
                            <a:gd name="connsiteY543" fmla="*/ 318444 h 2612594"/>
                            <a:gd name="connsiteX544" fmla="*/ 1868970 w 2647519"/>
                            <a:gd name="connsiteY544" fmla="*/ 144780 h 2612594"/>
                            <a:gd name="connsiteX545" fmla="*/ 1917547 w 2647519"/>
                            <a:gd name="connsiteY545" fmla="*/ 166687 h 2612594"/>
                            <a:gd name="connsiteX546" fmla="*/ 1938502 w 2647519"/>
                            <a:gd name="connsiteY546" fmla="*/ 183832 h 2612594"/>
                            <a:gd name="connsiteX547" fmla="*/ 1891830 w 2647519"/>
                            <a:gd name="connsiteY547" fmla="*/ 160972 h 2612594"/>
                            <a:gd name="connsiteX548" fmla="*/ 1868970 w 2647519"/>
                            <a:gd name="connsiteY548" fmla="*/ 144780 h 2612594"/>
                            <a:gd name="connsiteX549" fmla="*/ 1710855 w 2647519"/>
                            <a:gd name="connsiteY549" fmla="*/ 75247 h 2612594"/>
                            <a:gd name="connsiteX550" fmla="*/ 1748955 w 2647519"/>
                            <a:gd name="connsiteY550" fmla="*/ 83819 h 2612594"/>
                            <a:gd name="connsiteX551" fmla="*/ 1802295 w 2647519"/>
                            <a:gd name="connsiteY551" fmla="*/ 110489 h 2612594"/>
                            <a:gd name="connsiteX552" fmla="*/ 1710855 w 2647519"/>
                            <a:gd name="connsiteY552" fmla="*/ 75247 h 2612594"/>
                            <a:gd name="connsiteX553" fmla="*/ 1137451 w 2647519"/>
                            <a:gd name="connsiteY553" fmla="*/ 68937 h 2612594"/>
                            <a:gd name="connsiteX554" fmla="*/ 1117448 w 2647519"/>
                            <a:gd name="connsiteY554" fmla="*/ 71437 h 2612594"/>
                            <a:gd name="connsiteX555" fmla="*/ 1074585 w 2647519"/>
                            <a:gd name="connsiteY555" fmla="*/ 77152 h 2612594"/>
                            <a:gd name="connsiteX556" fmla="*/ 1032675 w 2647519"/>
                            <a:gd name="connsiteY556" fmla="*/ 86677 h 2612594"/>
                            <a:gd name="connsiteX557" fmla="*/ 1014578 w 2647519"/>
                            <a:gd name="connsiteY557" fmla="*/ 92392 h 2612594"/>
                            <a:gd name="connsiteX558" fmla="*/ 993623 w 2647519"/>
                            <a:gd name="connsiteY558" fmla="*/ 98107 h 2612594"/>
                            <a:gd name="connsiteX559" fmla="*/ 947769 w 2647519"/>
                            <a:gd name="connsiteY559" fmla="*/ 107115 h 2612594"/>
                            <a:gd name="connsiteX560" fmla="*/ 939330 w 2647519"/>
                            <a:gd name="connsiteY560" fmla="*/ 110490 h 2612594"/>
                            <a:gd name="connsiteX561" fmla="*/ 881228 w 2647519"/>
                            <a:gd name="connsiteY561" fmla="*/ 130492 h 2612594"/>
                            <a:gd name="connsiteX562" fmla="*/ 824078 w 2647519"/>
                            <a:gd name="connsiteY562" fmla="*/ 153352 h 2612594"/>
                            <a:gd name="connsiteX563" fmla="*/ 784073 w 2647519"/>
                            <a:gd name="connsiteY563" fmla="*/ 171450 h 2612594"/>
                            <a:gd name="connsiteX564" fmla="*/ 757403 w 2647519"/>
                            <a:gd name="connsiteY564" fmla="*/ 181927 h 2612594"/>
                            <a:gd name="connsiteX565" fmla="*/ 691680 w 2647519"/>
                            <a:gd name="connsiteY565" fmla="*/ 212407 h 2612594"/>
                            <a:gd name="connsiteX566" fmla="*/ 660248 w 2647519"/>
                            <a:gd name="connsiteY566" fmla="*/ 232410 h 2612594"/>
                            <a:gd name="connsiteX567" fmla="*/ 629768 w 2647519"/>
                            <a:gd name="connsiteY567" fmla="*/ 252412 h 2612594"/>
                            <a:gd name="connsiteX568" fmla="*/ 581190 w 2647519"/>
                            <a:gd name="connsiteY568" fmla="*/ 288607 h 2612594"/>
                            <a:gd name="connsiteX569" fmla="*/ 535470 w 2647519"/>
                            <a:gd name="connsiteY569" fmla="*/ 324802 h 2612594"/>
                            <a:gd name="connsiteX570" fmla="*/ 491713 w 2647519"/>
                            <a:gd name="connsiteY570" fmla="*/ 362974 h 2612594"/>
                            <a:gd name="connsiteX571" fmla="*/ 495465 w 2647519"/>
                            <a:gd name="connsiteY571" fmla="*/ 367665 h 2612594"/>
                            <a:gd name="connsiteX572" fmla="*/ 504752 w 2647519"/>
                            <a:gd name="connsiteY572" fmla="*/ 361295 h 2612594"/>
                            <a:gd name="connsiteX573" fmla="*/ 512657 w 2647519"/>
                            <a:gd name="connsiteY573" fmla="*/ 355403 h 2612594"/>
                            <a:gd name="connsiteX574" fmla="*/ 541185 w 2647519"/>
                            <a:gd name="connsiteY574" fmla="*/ 330517 h 2612594"/>
                            <a:gd name="connsiteX575" fmla="*/ 586905 w 2647519"/>
                            <a:gd name="connsiteY575" fmla="*/ 294322 h 2612594"/>
                            <a:gd name="connsiteX576" fmla="*/ 635482 w 2647519"/>
                            <a:gd name="connsiteY576" fmla="*/ 258127 h 2612594"/>
                            <a:gd name="connsiteX577" fmla="*/ 665962 w 2647519"/>
                            <a:gd name="connsiteY577" fmla="*/ 238124 h 2612594"/>
                            <a:gd name="connsiteX578" fmla="*/ 697395 w 2647519"/>
                            <a:gd name="connsiteY578" fmla="*/ 218122 h 2612594"/>
                            <a:gd name="connsiteX579" fmla="*/ 763117 w 2647519"/>
                            <a:gd name="connsiteY579" fmla="*/ 187642 h 2612594"/>
                            <a:gd name="connsiteX580" fmla="*/ 788835 w 2647519"/>
                            <a:gd name="connsiteY580" fmla="*/ 174307 h 2612594"/>
                            <a:gd name="connsiteX581" fmla="*/ 828840 w 2647519"/>
                            <a:gd name="connsiteY581" fmla="*/ 156209 h 2612594"/>
                            <a:gd name="connsiteX582" fmla="*/ 885990 w 2647519"/>
                            <a:gd name="connsiteY582" fmla="*/ 133349 h 2612594"/>
                            <a:gd name="connsiteX583" fmla="*/ 944092 w 2647519"/>
                            <a:gd name="connsiteY583" fmla="*/ 113347 h 2612594"/>
                            <a:gd name="connsiteX584" fmla="*/ 968499 w 2647519"/>
                            <a:gd name="connsiteY584" fmla="*/ 108553 h 2612594"/>
                            <a:gd name="connsiteX585" fmla="*/ 980289 w 2647519"/>
                            <a:gd name="connsiteY585" fmla="*/ 104524 h 2612594"/>
                            <a:gd name="connsiteX586" fmla="*/ 1140765 w 2647519"/>
                            <a:gd name="connsiteY586" fmla="*/ 69904 h 2612594"/>
                            <a:gd name="connsiteX587" fmla="*/ 1478088 w 2647519"/>
                            <a:gd name="connsiteY587" fmla="*/ 48458 h 2612594"/>
                            <a:gd name="connsiteX588" fmla="*/ 1498447 w 2647519"/>
                            <a:gd name="connsiteY588" fmla="*/ 50482 h 2612594"/>
                            <a:gd name="connsiteX589" fmla="*/ 1526070 w 2647519"/>
                            <a:gd name="connsiteY589" fmla="*/ 60007 h 2612594"/>
                            <a:gd name="connsiteX590" fmla="*/ 1505115 w 2647519"/>
                            <a:gd name="connsiteY590" fmla="*/ 57150 h 2612594"/>
                            <a:gd name="connsiteX591" fmla="*/ 1461300 w 2647519"/>
                            <a:gd name="connsiteY591" fmla="*/ 48577 h 2612594"/>
                            <a:gd name="connsiteX592" fmla="*/ 1478088 w 2647519"/>
                            <a:gd name="connsiteY592" fmla="*/ 48458 h 2612594"/>
                            <a:gd name="connsiteX593" fmla="*/ 1588935 w 2647519"/>
                            <a:gd name="connsiteY593" fmla="*/ 40957 h 2612594"/>
                            <a:gd name="connsiteX594" fmla="*/ 1627987 w 2647519"/>
                            <a:gd name="connsiteY594" fmla="*/ 43814 h 2612594"/>
                            <a:gd name="connsiteX595" fmla="*/ 1675612 w 2647519"/>
                            <a:gd name="connsiteY595" fmla="*/ 62864 h 2612594"/>
                            <a:gd name="connsiteX596" fmla="*/ 1616557 w 2647519"/>
                            <a:gd name="connsiteY596" fmla="*/ 52387 h 2612594"/>
                            <a:gd name="connsiteX597" fmla="*/ 1588935 w 2647519"/>
                            <a:gd name="connsiteY597" fmla="*/ 40957 h 2612594"/>
                            <a:gd name="connsiteX598" fmla="*/ 1270324 w 2647519"/>
                            <a:gd name="connsiteY598" fmla="*/ 40719 h 2612594"/>
                            <a:gd name="connsiteX599" fmla="*/ 1160310 w 2647519"/>
                            <a:gd name="connsiteY599" fmla="*/ 46672 h 2612594"/>
                            <a:gd name="connsiteX600" fmla="*/ 1084110 w 2647519"/>
                            <a:gd name="connsiteY600" fmla="*/ 57149 h 2612594"/>
                            <a:gd name="connsiteX601" fmla="*/ 1047915 w 2647519"/>
                            <a:gd name="connsiteY601" fmla="*/ 66674 h 2612594"/>
                            <a:gd name="connsiteX602" fmla="*/ 1016482 w 2647519"/>
                            <a:gd name="connsiteY602" fmla="*/ 78104 h 2612594"/>
                            <a:gd name="connsiteX603" fmla="*/ 972667 w 2647519"/>
                            <a:gd name="connsiteY603" fmla="*/ 83819 h 2612594"/>
                            <a:gd name="connsiteX604" fmla="*/ 806932 w 2647519"/>
                            <a:gd name="connsiteY604" fmla="*/ 147637 h 2612594"/>
                            <a:gd name="connsiteX605" fmla="*/ 746925 w 2647519"/>
                            <a:gd name="connsiteY605" fmla="*/ 174307 h 2612594"/>
                            <a:gd name="connsiteX606" fmla="*/ 728827 w 2647519"/>
                            <a:gd name="connsiteY606" fmla="*/ 180974 h 2612594"/>
                            <a:gd name="connsiteX607" fmla="*/ 712635 w 2647519"/>
                            <a:gd name="connsiteY607" fmla="*/ 189547 h 2612594"/>
                            <a:gd name="connsiteX608" fmla="*/ 682155 w 2647519"/>
                            <a:gd name="connsiteY608" fmla="*/ 205739 h 2612594"/>
                            <a:gd name="connsiteX609" fmla="*/ 634530 w 2647519"/>
                            <a:gd name="connsiteY609" fmla="*/ 230504 h 2612594"/>
                            <a:gd name="connsiteX610" fmla="*/ 598335 w 2647519"/>
                            <a:gd name="connsiteY610" fmla="*/ 259079 h 2612594"/>
                            <a:gd name="connsiteX611" fmla="*/ 493560 w 2647519"/>
                            <a:gd name="connsiteY611" fmla="*/ 340994 h 2612594"/>
                            <a:gd name="connsiteX612" fmla="*/ 471664 w 2647519"/>
                            <a:gd name="connsiteY612" fmla="*/ 360034 h 2612594"/>
                            <a:gd name="connsiteX613" fmla="*/ 450243 w 2647519"/>
                            <a:gd name="connsiteY613" fmla="*/ 379593 h 2612594"/>
                            <a:gd name="connsiteX614" fmla="*/ 450697 w 2647519"/>
                            <a:gd name="connsiteY614" fmla="*/ 380047 h 2612594"/>
                            <a:gd name="connsiteX615" fmla="*/ 285915 w 2647519"/>
                            <a:gd name="connsiteY615" fmla="*/ 573404 h 2612594"/>
                            <a:gd name="connsiteX616" fmla="*/ 252577 w 2647519"/>
                            <a:gd name="connsiteY616" fmla="*/ 619124 h 2612594"/>
                            <a:gd name="connsiteX617" fmla="*/ 237337 w 2647519"/>
                            <a:gd name="connsiteY617" fmla="*/ 646747 h 2612594"/>
                            <a:gd name="connsiteX618" fmla="*/ 222097 w 2647519"/>
                            <a:gd name="connsiteY618" fmla="*/ 672464 h 2612594"/>
                            <a:gd name="connsiteX619" fmla="*/ 193522 w 2647519"/>
                            <a:gd name="connsiteY619" fmla="*/ 725804 h 2612594"/>
                            <a:gd name="connsiteX620" fmla="*/ 162439 w 2647519"/>
                            <a:gd name="connsiteY620" fmla="*/ 774785 h 2612594"/>
                            <a:gd name="connsiteX621" fmla="*/ 162090 w 2647519"/>
                            <a:gd name="connsiteY621" fmla="*/ 776287 h 2612594"/>
                            <a:gd name="connsiteX622" fmla="*/ 151612 w 2647519"/>
                            <a:gd name="connsiteY622" fmla="*/ 804862 h 2612594"/>
                            <a:gd name="connsiteX623" fmla="*/ 143992 w 2647519"/>
                            <a:gd name="connsiteY623" fmla="*/ 818197 h 2612594"/>
                            <a:gd name="connsiteX624" fmla="*/ 142087 w 2647519"/>
                            <a:gd name="connsiteY624" fmla="*/ 820102 h 2612594"/>
                            <a:gd name="connsiteX625" fmla="*/ 133634 w 2647519"/>
                            <a:gd name="connsiteY625" fmla="*/ 848201 h 2612594"/>
                            <a:gd name="connsiteX626" fmla="*/ 131610 w 2647519"/>
                            <a:gd name="connsiteY626" fmla="*/ 864870 h 2612594"/>
                            <a:gd name="connsiteX627" fmla="*/ 129705 w 2647519"/>
                            <a:gd name="connsiteY627" fmla="*/ 888682 h 2612594"/>
                            <a:gd name="connsiteX628" fmla="*/ 116370 w 2647519"/>
                            <a:gd name="connsiteY628" fmla="*/ 927735 h 2612594"/>
                            <a:gd name="connsiteX629" fmla="*/ 103987 w 2647519"/>
                            <a:gd name="connsiteY629" fmla="*/ 966787 h 2612594"/>
                            <a:gd name="connsiteX630" fmla="*/ 90652 w 2647519"/>
                            <a:gd name="connsiteY630" fmla="*/ 1023937 h 2612594"/>
                            <a:gd name="connsiteX631" fmla="*/ 83032 w 2647519"/>
                            <a:gd name="connsiteY631" fmla="*/ 1076325 h 2612594"/>
                            <a:gd name="connsiteX632" fmla="*/ 78270 w 2647519"/>
                            <a:gd name="connsiteY632" fmla="*/ 1128712 h 2612594"/>
                            <a:gd name="connsiteX633" fmla="*/ 84937 w 2647519"/>
                            <a:gd name="connsiteY633" fmla="*/ 1092517 h 2612594"/>
                            <a:gd name="connsiteX634" fmla="*/ 85555 w 2647519"/>
                            <a:gd name="connsiteY634" fmla="*/ 1089530 h 2612594"/>
                            <a:gd name="connsiteX635" fmla="*/ 86842 w 2647519"/>
                            <a:gd name="connsiteY635" fmla="*/ 1075372 h 2612594"/>
                            <a:gd name="connsiteX636" fmla="*/ 94462 w 2647519"/>
                            <a:gd name="connsiteY636" fmla="*/ 1022985 h 2612594"/>
                            <a:gd name="connsiteX637" fmla="*/ 96848 w 2647519"/>
                            <a:gd name="connsiteY637" fmla="*/ 1023781 h 2612594"/>
                            <a:gd name="connsiteX638" fmla="*/ 97055 w 2647519"/>
                            <a:gd name="connsiteY638" fmla="*/ 1022896 h 2612594"/>
                            <a:gd name="connsiteX639" fmla="*/ 94463 w 2647519"/>
                            <a:gd name="connsiteY639" fmla="*/ 1022032 h 2612594"/>
                            <a:gd name="connsiteX640" fmla="*/ 107798 w 2647519"/>
                            <a:gd name="connsiteY640" fmla="*/ 964882 h 2612594"/>
                            <a:gd name="connsiteX641" fmla="*/ 120180 w 2647519"/>
                            <a:gd name="connsiteY641" fmla="*/ 925829 h 2612594"/>
                            <a:gd name="connsiteX642" fmla="*/ 133454 w 2647519"/>
                            <a:gd name="connsiteY642" fmla="*/ 886956 h 2612594"/>
                            <a:gd name="connsiteX643" fmla="*/ 132563 w 2647519"/>
                            <a:gd name="connsiteY643" fmla="*/ 886777 h 2612594"/>
                            <a:gd name="connsiteX644" fmla="*/ 134468 w 2647519"/>
                            <a:gd name="connsiteY644" fmla="*/ 862965 h 2612594"/>
                            <a:gd name="connsiteX645" fmla="*/ 144945 w 2647519"/>
                            <a:gd name="connsiteY645" fmla="*/ 818197 h 2612594"/>
                            <a:gd name="connsiteX646" fmla="*/ 152565 w 2647519"/>
                            <a:gd name="connsiteY646" fmla="*/ 804862 h 2612594"/>
                            <a:gd name="connsiteX647" fmla="*/ 152821 w 2647519"/>
                            <a:gd name="connsiteY647" fmla="*/ 804166 h 2612594"/>
                            <a:gd name="connsiteX648" fmla="*/ 163043 w 2647519"/>
                            <a:gd name="connsiteY648" fmla="*/ 776287 h 2612594"/>
                            <a:gd name="connsiteX649" fmla="*/ 194475 w 2647519"/>
                            <a:gd name="connsiteY649" fmla="*/ 726757 h 2612594"/>
                            <a:gd name="connsiteX650" fmla="*/ 223050 w 2647519"/>
                            <a:gd name="connsiteY650" fmla="*/ 673417 h 2612594"/>
                            <a:gd name="connsiteX651" fmla="*/ 238290 w 2647519"/>
                            <a:gd name="connsiteY651" fmla="*/ 647700 h 2612594"/>
                            <a:gd name="connsiteX652" fmla="*/ 253530 w 2647519"/>
                            <a:gd name="connsiteY652" fmla="*/ 620077 h 2612594"/>
                            <a:gd name="connsiteX653" fmla="*/ 286868 w 2647519"/>
                            <a:gd name="connsiteY653" fmla="*/ 574357 h 2612594"/>
                            <a:gd name="connsiteX654" fmla="*/ 451650 w 2647519"/>
                            <a:gd name="connsiteY654" fmla="*/ 381000 h 2612594"/>
                            <a:gd name="connsiteX655" fmla="*/ 495465 w 2647519"/>
                            <a:gd name="connsiteY655" fmla="*/ 340995 h 2612594"/>
                            <a:gd name="connsiteX656" fmla="*/ 600240 w 2647519"/>
                            <a:gd name="connsiteY656" fmla="*/ 259080 h 2612594"/>
                            <a:gd name="connsiteX657" fmla="*/ 636435 w 2647519"/>
                            <a:gd name="connsiteY657" fmla="*/ 230505 h 2612594"/>
                            <a:gd name="connsiteX658" fmla="*/ 684060 w 2647519"/>
                            <a:gd name="connsiteY658" fmla="*/ 205740 h 2612594"/>
                            <a:gd name="connsiteX659" fmla="*/ 714540 w 2647519"/>
                            <a:gd name="connsiteY659" fmla="*/ 189547 h 2612594"/>
                            <a:gd name="connsiteX660" fmla="*/ 730733 w 2647519"/>
                            <a:gd name="connsiteY660" fmla="*/ 180975 h 2612594"/>
                            <a:gd name="connsiteX661" fmla="*/ 748830 w 2647519"/>
                            <a:gd name="connsiteY661" fmla="*/ 174307 h 2612594"/>
                            <a:gd name="connsiteX662" fmla="*/ 808838 w 2647519"/>
                            <a:gd name="connsiteY662" fmla="*/ 147637 h 2612594"/>
                            <a:gd name="connsiteX663" fmla="*/ 974573 w 2647519"/>
                            <a:gd name="connsiteY663" fmla="*/ 83820 h 2612594"/>
                            <a:gd name="connsiteX664" fmla="*/ 1018388 w 2647519"/>
                            <a:gd name="connsiteY664" fmla="*/ 78105 h 2612594"/>
                            <a:gd name="connsiteX665" fmla="*/ 1049820 w 2647519"/>
                            <a:gd name="connsiteY665" fmla="*/ 66675 h 2612594"/>
                            <a:gd name="connsiteX666" fmla="*/ 1086015 w 2647519"/>
                            <a:gd name="connsiteY666" fmla="*/ 57150 h 2612594"/>
                            <a:gd name="connsiteX667" fmla="*/ 1162215 w 2647519"/>
                            <a:gd name="connsiteY667" fmla="*/ 46672 h 2612594"/>
                            <a:gd name="connsiteX668" fmla="*/ 1272229 w 2647519"/>
                            <a:gd name="connsiteY668" fmla="*/ 41076 h 2612594"/>
                            <a:gd name="connsiteX669" fmla="*/ 1360655 w 2647519"/>
                            <a:gd name="connsiteY669" fmla="*/ 44043 h 2612594"/>
                            <a:gd name="connsiteX670" fmla="*/ 1404150 w 2647519"/>
                            <a:gd name="connsiteY670" fmla="*/ 0 h 2612594"/>
                            <a:gd name="connsiteX671" fmla="*/ 1448917 w 2647519"/>
                            <a:gd name="connsiteY671" fmla="*/ 2857 h 2612594"/>
                            <a:gd name="connsiteX672" fmla="*/ 1494637 w 2647519"/>
                            <a:gd name="connsiteY672" fmla="*/ 7620 h 2612594"/>
                            <a:gd name="connsiteX673" fmla="*/ 1525117 w 2647519"/>
                            <a:gd name="connsiteY673" fmla="*/ 15240 h 2612594"/>
                            <a:gd name="connsiteX674" fmla="*/ 1545120 w 2647519"/>
                            <a:gd name="connsiteY674" fmla="*/ 24765 h 2612594"/>
                            <a:gd name="connsiteX675" fmla="*/ 1569885 w 2647519"/>
                            <a:gd name="connsiteY675" fmla="*/ 20002 h 2612594"/>
                            <a:gd name="connsiteX676" fmla="*/ 1607032 w 2647519"/>
                            <a:gd name="connsiteY676" fmla="*/ 28575 h 2612594"/>
                            <a:gd name="connsiteX677" fmla="*/ 1629892 w 2647519"/>
                            <a:gd name="connsiteY677" fmla="*/ 35242 h 2612594"/>
                            <a:gd name="connsiteX678" fmla="*/ 1628940 w 2647519"/>
                            <a:gd name="connsiteY678" fmla="*/ 36195 h 2612594"/>
                            <a:gd name="connsiteX679" fmla="*/ 1627987 w 2647519"/>
                            <a:gd name="connsiteY679" fmla="*/ 42862 h 2612594"/>
                            <a:gd name="connsiteX680" fmla="*/ 1588935 w 2647519"/>
                            <a:gd name="connsiteY680" fmla="*/ 40005 h 2612594"/>
                            <a:gd name="connsiteX681" fmla="*/ 1575600 w 2647519"/>
                            <a:gd name="connsiteY681" fmla="*/ 36195 h 2612594"/>
                            <a:gd name="connsiteX682" fmla="*/ 1562265 w 2647519"/>
                            <a:gd name="connsiteY682" fmla="*/ 33337 h 2612594"/>
                            <a:gd name="connsiteX683" fmla="*/ 1536547 w 2647519"/>
                            <a:gd name="connsiteY683" fmla="*/ 27622 h 2612594"/>
                            <a:gd name="connsiteX684" fmla="*/ 1510830 w 2647519"/>
                            <a:gd name="connsiteY684" fmla="*/ 21907 h 2612594"/>
                            <a:gd name="connsiteX685" fmla="*/ 1484160 w 2647519"/>
                            <a:gd name="connsiteY685" fmla="*/ 18097 h 2612594"/>
                            <a:gd name="connsiteX686" fmla="*/ 1454633 w 2647519"/>
                            <a:gd name="connsiteY686" fmla="*/ 18097 h 2612594"/>
                            <a:gd name="connsiteX687" fmla="*/ 1430820 w 2647519"/>
                            <a:gd name="connsiteY687" fmla="*/ 18097 h 2612594"/>
                            <a:gd name="connsiteX688" fmla="*/ 1393673 w 2647519"/>
                            <a:gd name="connsiteY688" fmla="*/ 18097 h 2612594"/>
                            <a:gd name="connsiteX689" fmla="*/ 1391928 w 2647519"/>
                            <a:gd name="connsiteY689" fmla="*/ 17540 h 2612594"/>
                            <a:gd name="connsiteX690" fmla="*/ 1375575 w 2647519"/>
                            <a:gd name="connsiteY690" fmla="*/ 25717 h 2612594"/>
                            <a:gd name="connsiteX691" fmla="*/ 1381290 w 2647519"/>
                            <a:gd name="connsiteY691" fmla="*/ 35242 h 2612594"/>
                            <a:gd name="connsiteX692" fmla="*/ 1438440 w 2647519"/>
                            <a:gd name="connsiteY692" fmla="*/ 46672 h 2612594"/>
                            <a:gd name="connsiteX693" fmla="*/ 1413008 w 2647519"/>
                            <a:gd name="connsiteY693" fmla="*/ 47116 h 2612594"/>
                            <a:gd name="connsiteX694" fmla="*/ 1413437 w 2647519"/>
                            <a:gd name="connsiteY694" fmla="*/ 47149 h 2612594"/>
                            <a:gd name="connsiteX695" fmla="*/ 1440345 w 2647519"/>
                            <a:gd name="connsiteY695" fmla="*/ 46672 h 2612594"/>
                            <a:gd name="connsiteX696" fmla="*/ 1463205 w 2647519"/>
                            <a:gd name="connsiteY696" fmla="*/ 49530 h 2612594"/>
                            <a:gd name="connsiteX697" fmla="*/ 1507020 w 2647519"/>
                            <a:gd name="connsiteY697" fmla="*/ 58102 h 2612594"/>
                            <a:gd name="connsiteX698" fmla="*/ 1527975 w 2647519"/>
                            <a:gd name="connsiteY698" fmla="*/ 60960 h 2612594"/>
                            <a:gd name="connsiteX699" fmla="*/ 1563218 w 2647519"/>
                            <a:gd name="connsiteY699" fmla="*/ 68580 h 2612594"/>
                            <a:gd name="connsiteX700" fmla="*/ 1599413 w 2647519"/>
                            <a:gd name="connsiteY700" fmla="*/ 76200 h 2612594"/>
                            <a:gd name="connsiteX701" fmla="*/ 1634655 w 2647519"/>
                            <a:gd name="connsiteY701" fmla="*/ 84772 h 2612594"/>
                            <a:gd name="connsiteX702" fmla="*/ 1669898 w 2647519"/>
                            <a:gd name="connsiteY702" fmla="*/ 95250 h 2612594"/>
                            <a:gd name="connsiteX703" fmla="*/ 1687043 w 2647519"/>
                            <a:gd name="connsiteY703" fmla="*/ 100012 h 2612594"/>
                            <a:gd name="connsiteX704" fmla="*/ 1704188 w 2647519"/>
                            <a:gd name="connsiteY704" fmla="*/ 105727 h 2612594"/>
                            <a:gd name="connsiteX705" fmla="*/ 1704409 w 2647519"/>
                            <a:gd name="connsiteY705" fmla="*/ 105929 h 2612594"/>
                            <a:gd name="connsiteX706" fmla="*/ 1716704 w 2647519"/>
                            <a:gd name="connsiteY706" fmla="*/ 108049 h 2612594"/>
                            <a:gd name="connsiteX707" fmla="*/ 1746499 w 2647519"/>
                            <a:gd name="connsiteY707" fmla="*/ 119121 h 2612594"/>
                            <a:gd name="connsiteX708" fmla="*/ 1750661 w 2647519"/>
                            <a:gd name="connsiteY708" fmla="*/ 125427 h 2612594"/>
                            <a:gd name="connsiteX709" fmla="*/ 1751813 w 2647519"/>
                            <a:gd name="connsiteY709" fmla="*/ 125730 h 2612594"/>
                            <a:gd name="connsiteX710" fmla="*/ 1778483 w 2647519"/>
                            <a:gd name="connsiteY710" fmla="*/ 136207 h 2612594"/>
                            <a:gd name="connsiteX711" fmla="*/ 1801343 w 2647519"/>
                            <a:gd name="connsiteY711" fmla="*/ 145732 h 2612594"/>
                            <a:gd name="connsiteX712" fmla="*/ 1824203 w 2647519"/>
                            <a:gd name="connsiteY712" fmla="*/ 156210 h 2612594"/>
                            <a:gd name="connsiteX713" fmla="*/ 1841348 w 2647519"/>
                            <a:gd name="connsiteY713" fmla="*/ 165735 h 2612594"/>
                            <a:gd name="connsiteX714" fmla="*/ 1852778 w 2647519"/>
                            <a:gd name="connsiteY714" fmla="*/ 171450 h 2612594"/>
                            <a:gd name="connsiteX715" fmla="*/ 1865160 w 2647519"/>
                            <a:gd name="connsiteY715" fmla="*/ 178117 h 2612594"/>
                            <a:gd name="connsiteX716" fmla="*/ 1907070 w 2647519"/>
                            <a:gd name="connsiteY716" fmla="*/ 201930 h 2612594"/>
                            <a:gd name="connsiteX717" fmla="*/ 1960410 w 2647519"/>
                            <a:gd name="connsiteY717" fmla="*/ 236220 h 2612594"/>
                            <a:gd name="connsiteX718" fmla="*/ 1988033 w 2647519"/>
                            <a:gd name="connsiteY718" fmla="*/ 255270 h 2612594"/>
                            <a:gd name="connsiteX719" fmla="*/ 1988833 w 2647519"/>
                            <a:gd name="connsiteY719" fmla="*/ 255841 h 2612594"/>
                            <a:gd name="connsiteX720" fmla="*/ 2002949 w 2647519"/>
                            <a:gd name="connsiteY720" fmla="*/ 264417 h 2612594"/>
                            <a:gd name="connsiteX721" fmla="*/ 2540483 w 2647519"/>
                            <a:gd name="connsiteY721" fmla="*/ 1275397 h 2612594"/>
                            <a:gd name="connsiteX722" fmla="*/ 2540081 w 2647519"/>
                            <a:gd name="connsiteY722" fmla="*/ 1283368 h 2612594"/>
                            <a:gd name="connsiteX723" fmla="*/ 2550960 w 2647519"/>
                            <a:gd name="connsiteY723" fmla="*/ 1284922 h 2612594"/>
                            <a:gd name="connsiteX724" fmla="*/ 2561437 w 2647519"/>
                            <a:gd name="connsiteY724" fmla="*/ 1292542 h 2612594"/>
                            <a:gd name="connsiteX725" fmla="*/ 2566200 w 2647519"/>
                            <a:gd name="connsiteY725" fmla="*/ 1318259 h 2612594"/>
                            <a:gd name="connsiteX726" fmla="*/ 2584297 w 2647519"/>
                            <a:gd name="connsiteY726" fmla="*/ 1348739 h 2612594"/>
                            <a:gd name="connsiteX727" fmla="*/ 2591918 w 2647519"/>
                            <a:gd name="connsiteY727" fmla="*/ 1349432 h 2612594"/>
                            <a:gd name="connsiteX728" fmla="*/ 2591918 w 2647519"/>
                            <a:gd name="connsiteY728" fmla="*/ 1342072 h 2612594"/>
                            <a:gd name="connsiteX729" fmla="*/ 2599661 w 2647519"/>
                            <a:gd name="connsiteY729" fmla="*/ 1320563 h 2612594"/>
                            <a:gd name="connsiteX730" fmla="*/ 2599537 w 2647519"/>
                            <a:gd name="connsiteY730" fmla="*/ 1316355 h 2612594"/>
                            <a:gd name="connsiteX731" fmla="*/ 2607157 w 2647519"/>
                            <a:gd name="connsiteY731" fmla="*/ 1290637 h 2612594"/>
                            <a:gd name="connsiteX732" fmla="*/ 2617635 w 2647519"/>
                            <a:gd name="connsiteY732" fmla="*/ 1290637 h 2612594"/>
                            <a:gd name="connsiteX733" fmla="*/ 2633827 w 2647519"/>
                            <a:gd name="connsiteY733" fmla="*/ 1280160 h 2612594"/>
                            <a:gd name="connsiteX734" fmla="*/ 2635732 w 2647519"/>
                            <a:gd name="connsiteY734" fmla="*/ 1322070 h 2612594"/>
                            <a:gd name="connsiteX735" fmla="*/ 2630970 w 2647519"/>
                            <a:gd name="connsiteY735" fmla="*/ 1342072 h 2612594"/>
                            <a:gd name="connsiteX736" fmla="*/ 2625255 w 2647519"/>
                            <a:gd name="connsiteY736" fmla="*/ 1361122 h 2612594"/>
                            <a:gd name="connsiteX737" fmla="*/ 2622397 w 2647519"/>
                            <a:gd name="connsiteY737" fmla="*/ 1392555 h 2612594"/>
                            <a:gd name="connsiteX738" fmla="*/ 2621445 w 2647519"/>
                            <a:gd name="connsiteY738" fmla="*/ 1408747 h 2612594"/>
                            <a:gd name="connsiteX739" fmla="*/ 2619540 w 2647519"/>
                            <a:gd name="connsiteY739" fmla="*/ 1424940 h 2612594"/>
                            <a:gd name="connsiteX740" fmla="*/ 2615479 w 2647519"/>
                            <a:gd name="connsiteY740" fmla="*/ 1427648 h 2612594"/>
                            <a:gd name="connsiteX741" fmla="*/ 2615730 w 2647519"/>
                            <a:gd name="connsiteY741" fmla="*/ 1428749 h 2612594"/>
                            <a:gd name="connsiteX742" fmla="*/ 2619621 w 2647519"/>
                            <a:gd name="connsiteY742" fmla="*/ 1426155 h 2612594"/>
                            <a:gd name="connsiteX743" fmla="*/ 2621445 w 2647519"/>
                            <a:gd name="connsiteY743" fmla="*/ 1410652 h 2612594"/>
                            <a:gd name="connsiteX744" fmla="*/ 2622397 w 2647519"/>
                            <a:gd name="connsiteY744" fmla="*/ 1394460 h 2612594"/>
                            <a:gd name="connsiteX745" fmla="*/ 2625255 w 2647519"/>
                            <a:gd name="connsiteY745" fmla="*/ 1363027 h 2612594"/>
                            <a:gd name="connsiteX746" fmla="*/ 2630970 w 2647519"/>
                            <a:gd name="connsiteY746" fmla="*/ 1343977 h 2612594"/>
                            <a:gd name="connsiteX747" fmla="*/ 2635732 w 2647519"/>
                            <a:gd name="connsiteY747" fmla="*/ 1323975 h 2612594"/>
                            <a:gd name="connsiteX748" fmla="*/ 2643352 w 2647519"/>
                            <a:gd name="connsiteY748" fmla="*/ 1329690 h 2612594"/>
                            <a:gd name="connsiteX749" fmla="*/ 2642400 w 2647519"/>
                            <a:gd name="connsiteY749" fmla="*/ 1343977 h 2612594"/>
                            <a:gd name="connsiteX750" fmla="*/ 2640495 w 2647519"/>
                            <a:gd name="connsiteY750" fmla="*/ 1358265 h 2612594"/>
                            <a:gd name="connsiteX751" fmla="*/ 2639542 w 2647519"/>
                            <a:gd name="connsiteY751" fmla="*/ 1384935 h 2612594"/>
                            <a:gd name="connsiteX752" fmla="*/ 2637637 w 2647519"/>
                            <a:gd name="connsiteY752" fmla="*/ 1416367 h 2612594"/>
                            <a:gd name="connsiteX753" fmla="*/ 2632875 w 2647519"/>
                            <a:gd name="connsiteY753" fmla="*/ 1449705 h 2612594"/>
                            <a:gd name="connsiteX754" fmla="*/ 2627160 w 2647519"/>
                            <a:gd name="connsiteY754" fmla="*/ 1484947 h 2612594"/>
                            <a:gd name="connsiteX755" fmla="*/ 2620492 w 2647519"/>
                            <a:gd name="connsiteY755" fmla="*/ 1519237 h 2612594"/>
                            <a:gd name="connsiteX756" fmla="*/ 2608110 w 2647519"/>
                            <a:gd name="connsiteY756" fmla="*/ 1591627 h 2612594"/>
                            <a:gd name="connsiteX757" fmla="*/ 2596680 w 2647519"/>
                            <a:gd name="connsiteY757" fmla="*/ 1598295 h 2612594"/>
                            <a:gd name="connsiteX758" fmla="*/ 2582392 w 2647519"/>
                            <a:gd name="connsiteY758" fmla="*/ 1640205 h 2612594"/>
                            <a:gd name="connsiteX759" fmla="*/ 2578582 w 2647519"/>
                            <a:gd name="connsiteY759" fmla="*/ 1680210 h 2612594"/>
                            <a:gd name="connsiteX760" fmla="*/ 2576677 w 2647519"/>
                            <a:gd name="connsiteY760" fmla="*/ 1685925 h 2612594"/>
                            <a:gd name="connsiteX761" fmla="*/ 2560485 w 2647519"/>
                            <a:gd name="connsiteY761" fmla="*/ 1729740 h 2612594"/>
                            <a:gd name="connsiteX762" fmla="*/ 2555722 w 2647519"/>
                            <a:gd name="connsiteY762" fmla="*/ 1733550 h 2612594"/>
                            <a:gd name="connsiteX763" fmla="*/ 2535720 w 2647519"/>
                            <a:gd name="connsiteY763" fmla="*/ 1780222 h 2612594"/>
                            <a:gd name="connsiteX764" fmla="*/ 2556675 w 2647519"/>
                            <a:gd name="connsiteY764" fmla="*/ 1733550 h 2612594"/>
                            <a:gd name="connsiteX765" fmla="*/ 2561437 w 2647519"/>
                            <a:gd name="connsiteY765" fmla="*/ 1729740 h 2612594"/>
                            <a:gd name="connsiteX766" fmla="*/ 2530957 w 2647519"/>
                            <a:gd name="connsiteY766" fmla="*/ 1816417 h 2612594"/>
                            <a:gd name="connsiteX767" fmla="*/ 2514765 w 2647519"/>
                            <a:gd name="connsiteY767" fmla="*/ 1824990 h 2612594"/>
                            <a:gd name="connsiteX768" fmla="*/ 2511407 w 2647519"/>
                            <a:gd name="connsiteY768" fmla="*/ 1831707 h 2612594"/>
                            <a:gd name="connsiteX769" fmla="*/ 2511908 w 2647519"/>
                            <a:gd name="connsiteY769" fmla="*/ 1832609 h 2612594"/>
                            <a:gd name="connsiteX770" fmla="*/ 2515718 w 2647519"/>
                            <a:gd name="connsiteY770" fmla="*/ 1824989 h 2612594"/>
                            <a:gd name="connsiteX771" fmla="*/ 2531910 w 2647519"/>
                            <a:gd name="connsiteY771" fmla="*/ 1816417 h 2612594"/>
                            <a:gd name="connsiteX772" fmla="*/ 2520480 w 2647519"/>
                            <a:gd name="connsiteY772" fmla="*/ 1848802 h 2612594"/>
                            <a:gd name="connsiteX773" fmla="*/ 2499525 w 2647519"/>
                            <a:gd name="connsiteY773" fmla="*/ 1886902 h 2612594"/>
                            <a:gd name="connsiteX774" fmla="*/ 2489048 w 2647519"/>
                            <a:gd name="connsiteY774" fmla="*/ 1905952 h 2612594"/>
                            <a:gd name="connsiteX775" fmla="*/ 2477618 w 2647519"/>
                            <a:gd name="connsiteY775" fmla="*/ 1925002 h 2612594"/>
                            <a:gd name="connsiteX776" fmla="*/ 2469045 w 2647519"/>
                            <a:gd name="connsiteY776" fmla="*/ 1939289 h 2612594"/>
                            <a:gd name="connsiteX777" fmla="*/ 2456663 w 2647519"/>
                            <a:gd name="connsiteY777" fmla="*/ 1966912 h 2612594"/>
                            <a:gd name="connsiteX778" fmla="*/ 2443328 w 2647519"/>
                            <a:gd name="connsiteY778" fmla="*/ 1993582 h 2612594"/>
                            <a:gd name="connsiteX779" fmla="*/ 2422373 w 2647519"/>
                            <a:gd name="connsiteY779" fmla="*/ 2022157 h 2612594"/>
                            <a:gd name="connsiteX780" fmla="*/ 2401418 w 2647519"/>
                            <a:gd name="connsiteY780" fmla="*/ 2048827 h 2612594"/>
                            <a:gd name="connsiteX781" fmla="*/ 2402291 w 2647519"/>
                            <a:gd name="connsiteY781" fmla="*/ 2047029 h 2612594"/>
                            <a:gd name="connsiteX782" fmla="*/ 2378557 w 2647519"/>
                            <a:gd name="connsiteY782" fmla="*/ 2079307 h 2612594"/>
                            <a:gd name="connsiteX783" fmla="*/ 2327122 w 2647519"/>
                            <a:gd name="connsiteY783" fmla="*/ 2135505 h 2612594"/>
                            <a:gd name="connsiteX784" fmla="*/ 2316996 w 2647519"/>
                            <a:gd name="connsiteY784" fmla="*/ 2151085 h 2612594"/>
                            <a:gd name="connsiteX785" fmla="*/ 2327122 w 2647519"/>
                            <a:gd name="connsiteY785" fmla="*/ 2136457 h 2612594"/>
                            <a:gd name="connsiteX786" fmla="*/ 2378557 w 2647519"/>
                            <a:gd name="connsiteY786" fmla="*/ 2080259 h 2612594"/>
                            <a:gd name="connsiteX787" fmla="*/ 2339505 w 2647519"/>
                            <a:gd name="connsiteY787" fmla="*/ 2139314 h 2612594"/>
                            <a:gd name="connsiteX788" fmla="*/ 2319383 w 2647519"/>
                            <a:gd name="connsiteY788" fmla="*/ 2160389 h 2612594"/>
                            <a:gd name="connsiteX789" fmla="*/ 2303230 w 2647519"/>
                            <a:gd name="connsiteY789" fmla="*/ 2172263 h 2612594"/>
                            <a:gd name="connsiteX790" fmla="*/ 2302357 w 2647519"/>
                            <a:gd name="connsiteY790" fmla="*/ 2173605 h 2612594"/>
                            <a:gd name="connsiteX791" fmla="*/ 2292258 w 2647519"/>
                            <a:gd name="connsiteY791" fmla="*/ 2181374 h 2612594"/>
                            <a:gd name="connsiteX792" fmla="*/ 2291880 w 2647519"/>
                            <a:gd name="connsiteY792" fmla="*/ 2184082 h 2612594"/>
                            <a:gd name="connsiteX793" fmla="*/ 2247112 w 2647519"/>
                            <a:gd name="connsiteY793" fmla="*/ 2229802 h 2612594"/>
                            <a:gd name="connsiteX794" fmla="*/ 2199487 w 2647519"/>
                            <a:gd name="connsiteY794" fmla="*/ 2273617 h 2612594"/>
                            <a:gd name="connsiteX795" fmla="*/ 2197285 w 2647519"/>
                            <a:gd name="connsiteY795" fmla="*/ 2275215 h 2612594"/>
                            <a:gd name="connsiteX796" fmla="*/ 2181390 w 2647519"/>
                            <a:gd name="connsiteY796" fmla="*/ 2295524 h 2612594"/>
                            <a:gd name="connsiteX797" fmla="*/ 2143290 w 2647519"/>
                            <a:gd name="connsiteY797" fmla="*/ 2324099 h 2612594"/>
                            <a:gd name="connsiteX798" fmla="*/ 2107681 w 2647519"/>
                            <a:gd name="connsiteY798" fmla="*/ 2350806 h 2612594"/>
                            <a:gd name="connsiteX799" fmla="*/ 2107553 w 2647519"/>
                            <a:gd name="connsiteY799" fmla="*/ 2350961 h 2612594"/>
                            <a:gd name="connsiteX800" fmla="*/ 2143290 w 2647519"/>
                            <a:gd name="connsiteY800" fmla="*/ 2325052 h 2612594"/>
                            <a:gd name="connsiteX801" fmla="*/ 2181390 w 2647519"/>
                            <a:gd name="connsiteY801" fmla="*/ 2296477 h 2612594"/>
                            <a:gd name="connsiteX802" fmla="*/ 2149957 w 2647519"/>
                            <a:gd name="connsiteY802" fmla="*/ 2327909 h 2612594"/>
                            <a:gd name="connsiteX803" fmla="*/ 2124359 w 2647519"/>
                            <a:gd name="connsiteY803" fmla="*/ 2344578 h 2612594"/>
                            <a:gd name="connsiteX804" fmla="*/ 2106651 w 2647519"/>
                            <a:gd name="connsiteY804" fmla="*/ 2352057 h 2612594"/>
                            <a:gd name="connsiteX805" fmla="*/ 2106142 w 2647519"/>
                            <a:gd name="connsiteY805" fmla="*/ 2352675 h 2612594"/>
                            <a:gd name="connsiteX806" fmla="*/ 2087092 w 2647519"/>
                            <a:gd name="connsiteY806" fmla="*/ 2365057 h 2612594"/>
                            <a:gd name="connsiteX807" fmla="*/ 2079914 w 2647519"/>
                            <a:gd name="connsiteY807" fmla="*/ 2368384 h 2612594"/>
                            <a:gd name="connsiteX808" fmla="*/ 2061852 w 2647519"/>
                            <a:gd name="connsiteY808" fmla="*/ 2383036 h 2612594"/>
                            <a:gd name="connsiteX809" fmla="*/ 2044230 w 2647519"/>
                            <a:gd name="connsiteY809" fmla="*/ 2395537 h 2612594"/>
                            <a:gd name="connsiteX810" fmla="*/ 2017560 w 2647519"/>
                            <a:gd name="connsiteY810" fmla="*/ 2412682 h 2612594"/>
                            <a:gd name="connsiteX811" fmla="*/ 2008988 w 2647519"/>
                            <a:gd name="connsiteY811" fmla="*/ 2413635 h 2612594"/>
                            <a:gd name="connsiteX812" fmla="*/ 1999460 w 2647519"/>
                            <a:gd name="connsiteY812" fmla="*/ 2417870 h 2612594"/>
                            <a:gd name="connsiteX813" fmla="*/ 1997979 w 2647519"/>
                            <a:gd name="connsiteY813" fmla="*/ 2418995 h 2612594"/>
                            <a:gd name="connsiteX814" fmla="*/ 2009940 w 2647519"/>
                            <a:gd name="connsiteY814" fmla="*/ 2414587 h 2612594"/>
                            <a:gd name="connsiteX815" fmla="*/ 2018513 w 2647519"/>
                            <a:gd name="connsiteY815" fmla="*/ 2413635 h 2612594"/>
                            <a:gd name="connsiteX816" fmla="*/ 1984223 w 2647519"/>
                            <a:gd name="connsiteY816" fmla="*/ 2439352 h 2612594"/>
                            <a:gd name="connsiteX817" fmla="*/ 1962315 w 2647519"/>
                            <a:gd name="connsiteY817" fmla="*/ 2450783 h 2612594"/>
                            <a:gd name="connsiteX818" fmla="*/ 1940408 w 2647519"/>
                            <a:gd name="connsiteY818" fmla="*/ 2461260 h 2612594"/>
                            <a:gd name="connsiteX819" fmla="*/ 1924934 w 2647519"/>
                            <a:gd name="connsiteY819" fmla="*/ 2463581 h 2612594"/>
                            <a:gd name="connsiteX820" fmla="*/ 1922310 w 2647519"/>
                            <a:gd name="connsiteY820" fmla="*/ 2465070 h 2612594"/>
                            <a:gd name="connsiteX821" fmla="*/ 1849920 w 2647519"/>
                            <a:gd name="connsiteY821" fmla="*/ 2496502 h 2612594"/>
                            <a:gd name="connsiteX822" fmla="*/ 1846229 w 2647519"/>
                            <a:gd name="connsiteY822" fmla="*/ 2497341 h 2612594"/>
                            <a:gd name="connsiteX823" fmla="*/ 1824203 w 2647519"/>
                            <a:gd name="connsiteY823" fmla="*/ 2511742 h 2612594"/>
                            <a:gd name="connsiteX824" fmla="*/ 1836585 w 2647519"/>
                            <a:gd name="connsiteY824" fmla="*/ 2515552 h 2612594"/>
                            <a:gd name="connsiteX825" fmla="*/ 1790865 w 2647519"/>
                            <a:gd name="connsiteY825" fmla="*/ 2535555 h 2612594"/>
                            <a:gd name="connsiteX826" fmla="*/ 1794675 w 2647519"/>
                            <a:gd name="connsiteY826" fmla="*/ 2522220 h 2612594"/>
                            <a:gd name="connsiteX827" fmla="*/ 1779435 w 2647519"/>
                            <a:gd name="connsiteY827" fmla="*/ 2527935 h 2612594"/>
                            <a:gd name="connsiteX828" fmla="*/ 1765148 w 2647519"/>
                            <a:gd name="connsiteY828" fmla="*/ 2532697 h 2612594"/>
                            <a:gd name="connsiteX829" fmla="*/ 1735620 w 2647519"/>
                            <a:gd name="connsiteY829" fmla="*/ 2542222 h 2612594"/>
                            <a:gd name="connsiteX830" fmla="*/ 1731675 w 2647519"/>
                            <a:gd name="connsiteY830" fmla="*/ 2537487 h 2612594"/>
                            <a:gd name="connsiteX831" fmla="*/ 1717522 w 2647519"/>
                            <a:gd name="connsiteY831" fmla="*/ 2540317 h 2612594"/>
                            <a:gd name="connsiteX832" fmla="*/ 1700377 w 2647519"/>
                            <a:gd name="connsiteY832" fmla="*/ 2544127 h 2612594"/>
                            <a:gd name="connsiteX833" fmla="*/ 1665135 w 2647519"/>
                            <a:gd name="connsiteY833" fmla="*/ 2552700 h 2612594"/>
                            <a:gd name="connsiteX834" fmla="*/ 1663973 w 2647519"/>
                            <a:gd name="connsiteY834" fmla="*/ 2553240 h 2612594"/>
                            <a:gd name="connsiteX835" fmla="*/ 1697520 w 2647519"/>
                            <a:gd name="connsiteY835" fmla="*/ 2545079 h 2612594"/>
                            <a:gd name="connsiteX836" fmla="*/ 1714665 w 2647519"/>
                            <a:gd name="connsiteY836" fmla="*/ 2541269 h 2612594"/>
                            <a:gd name="connsiteX837" fmla="*/ 1728952 w 2647519"/>
                            <a:gd name="connsiteY837" fmla="*/ 2538412 h 2612594"/>
                            <a:gd name="connsiteX838" fmla="*/ 1734667 w 2647519"/>
                            <a:gd name="connsiteY838" fmla="*/ 2543174 h 2612594"/>
                            <a:gd name="connsiteX839" fmla="*/ 1764195 w 2647519"/>
                            <a:gd name="connsiteY839" fmla="*/ 2533649 h 2612594"/>
                            <a:gd name="connsiteX840" fmla="*/ 1778482 w 2647519"/>
                            <a:gd name="connsiteY840" fmla="*/ 2528887 h 2612594"/>
                            <a:gd name="connsiteX841" fmla="*/ 1793722 w 2647519"/>
                            <a:gd name="connsiteY841" fmla="*/ 2523172 h 2612594"/>
                            <a:gd name="connsiteX842" fmla="*/ 1789912 w 2647519"/>
                            <a:gd name="connsiteY842" fmla="*/ 2536507 h 2612594"/>
                            <a:gd name="connsiteX843" fmla="*/ 1749907 w 2647519"/>
                            <a:gd name="connsiteY843" fmla="*/ 2555557 h 2612594"/>
                            <a:gd name="connsiteX844" fmla="*/ 1747946 w 2647519"/>
                            <a:gd name="connsiteY844" fmla="*/ 2555008 h 2612594"/>
                            <a:gd name="connsiteX845" fmla="*/ 1720380 w 2647519"/>
                            <a:gd name="connsiteY845" fmla="*/ 2566034 h 2612594"/>
                            <a:gd name="connsiteX846" fmla="*/ 1697520 w 2647519"/>
                            <a:gd name="connsiteY846" fmla="*/ 2572702 h 2612594"/>
                            <a:gd name="connsiteX847" fmla="*/ 1663230 w 2647519"/>
                            <a:gd name="connsiteY847" fmla="*/ 2581274 h 2612594"/>
                            <a:gd name="connsiteX848" fmla="*/ 1649062 w 2647519"/>
                            <a:gd name="connsiteY848" fmla="*/ 2580084 h 2612594"/>
                            <a:gd name="connsiteX849" fmla="*/ 1619428 w 2647519"/>
                            <a:gd name="connsiteY849" fmla="*/ 2585850 h 2612594"/>
                            <a:gd name="connsiteX850" fmla="*/ 1618462 w 2647519"/>
                            <a:gd name="connsiteY850" fmla="*/ 2587942 h 2612594"/>
                            <a:gd name="connsiteX851" fmla="*/ 1539405 w 2647519"/>
                            <a:gd name="connsiteY851" fmla="*/ 2603182 h 2612594"/>
                            <a:gd name="connsiteX852" fmla="*/ 1521307 w 2647519"/>
                            <a:gd name="connsiteY852" fmla="*/ 2598419 h 2612594"/>
                            <a:gd name="connsiteX853" fmla="*/ 1506067 w 2647519"/>
                            <a:gd name="connsiteY853" fmla="*/ 2598419 h 2612594"/>
                            <a:gd name="connsiteX854" fmla="*/ 1479397 w 2647519"/>
                            <a:gd name="connsiteY854" fmla="*/ 2606992 h 2612594"/>
                            <a:gd name="connsiteX855" fmla="*/ 1455585 w 2647519"/>
                            <a:gd name="connsiteY855" fmla="*/ 2608897 h 2612594"/>
                            <a:gd name="connsiteX856" fmla="*/ 1431772 w 2647519"/>
                            <a:gd name="connsiteY856" fmla="*/ 2609849 h 2612594"/>
                            <a:gd name="connsiteX857" fmla="*/ 1429185 w 2647519"/>
                            <a:gd name="connsiteY857" fmla="*/ 2608741 h 2612594"/>
                            <a:gd name="connsiteX858" fmla="*/ 1407484 w 2647519"/>
                            <a:gd name="connsiteY858" fmla="*/ 2612588 h 2612594"/>
                            <a:gd name="connsiteX859" fmla="*/ 1381290 w 2647519"/>
                            <a:gd name="connsiteY859" fmla="*/ 2607944 h 2612594"/>
                            <a:gd name="connsiteX860" fmla="*/ 1382243 w 2647519"/>
                            <a:gd name="connsiteY860" fmla="*/ 2606992 h 2612594"/>
                            <a:gd name="connsiteX861" fmla="*/ 1387005 w 2647519"/>
                            <a:gd name="connsiteY861" fmla="*/ 2600324 h 2612594"/>
                            <a:gd name="connsiteX862" fmla="*/ 1365098 w 2647519"/>
                            <a:gd name="connsiteY862" fmla="*/ 2597467 h 2612594"/>
                            <a:gd name="connsiteX863" fmla="*/ 1375575 w 2647519"/>
                            <a:gd name="connsiteY863" fmla="*/ 2591752 h 2612594"/>
                            <a:gd name="connsiteX864" fmla="*/ 1407008 w 2647519"/>
                            <a:gd name="connsiteY864" fmla="*/ 2590799 h 2612594"/>
                            <a:gd name="connsiteX865" fmla="*/ 1437488 w 2647519"/>
                            <a:gd name="connsiteY865" fmla="*/ 2589847 h 2612594"/>
                            <a:gd name="connsiteX866" fmla="*/ 1481302 w 2647519"/>
                            <a:gd name="connsiteY866" fmla="*/ 2590799 h 2612594"/>
                            <a:gd name="connsiteX867" fmla="*/ 1511782 w 2647519"/>
                            <a:gd name="connsiteY867" fmla="*/ 2587942 h 2612594"/>
                            <a:gd name="connsiteX868" fmla="*/ 1568932 w 2647519"/>
                            <a:gd name="connsiteY868" fmla="*/ 2575559 h 2612594"/>
                            <a:gd name="connsiteX869" fmla="*/ 1607032 w 2647519"/>
                            <a:gd name="connsiteY869" fmla="*/ 2566987 h 2612594"/>
                            <a:gd name="connsiteX870" fmla="*/ 1635607 w 2647519"/>
                            <a:gd name="connsiteY870" fmla="*/ 2566034 h 2612594"/>
                            <a:gd name="connsiteX871" fmla="*/ 1637595 w 2647519"/>
                            <a:gd name="connsiteY871" fmla="*/ 2565111 h 2612594"/>
                            <a:gd name="connsiteX872" fmla="*/ 1609890 w 2647519"/>
                            <a:gd name="connsiteY872" fmla="*/ 2566035 h 2612594"/>
                            <a:gd name="connsiteX873" fmla="*/ 1571790 w 2647519"/>
                            <a:gd name="connsiteY873" fmla="*/ 2574607 h 2612594"/>
                            <a:gd name="connsiteX874" fmla="*/ 1514640 w 2647519"/>
                            <a:gd name="connsiteY874" fmla="*/ 2586990 h 2612594"/>
                            <a:gd name="connsiteX875" fmla="*/ 1484160 w 2647519"/>
                            <a:gd name="connsiteY875" fmla="*/ 2589847 h 2612594"/>
                            <a:gd name="connsiteX876" fmla="*/ 1440345 w 2647519"/>
                            <a:gd name="connsiteY876" fmla="*/ 2588895 h 2612594"/>
                            <a:gd name="connsiteX877" fmla="*/ 1409865 w 2647519"/>
                            <a:gd name="connsiteY877" fmla="*/ 2589847 h 2612594"/>
                            <a:gd name="connsiteX878" fmla="*/ 1378432 w 2647519"/>
                            <a:gd name="connsiteY878" fmla="*/ 2590800 h 2612594"/>
                            <a:gd name="connsiteX879" fmla="*/ 1379385 w 2647519"/>
                            <a:gd name="connsiteY879" fmla="*/ 2586990 h 2612594"/>
                            <a:gd name="connsiteX880" fmla="*/ 1386052 w 2647519"/>
                            <a:gd name="connsiteY880" fmla="*/ 2577465 h 2612594"/>
                            <a:gd name="connsiteX881" fmla="*/ 1679422 w 2647519"/>
                            <a:gd name="connsiteY881" fmla="*/ 2528887 h 2612594"/>
                            <a:gd name="connsiteX882" fmla="*/ 1878495 w 2647519"/>
                            <a:gd name="connsiteY882" fmla="*/ 2453640 h 2612594"/>
                            <a:gd name="connsiteX883" fmla="*/ 1930882 w 2647519"/>
                            <a:gd name="connsiteY883" fmla="*/ 2426017 h 2612594"/>
                            <a:gd name="connsiteX884" fmla="*/ 1960410 w 2647519"/>
                            <a:gd name="connsiteY884" fmla="*/ 2410777 h 2612594"/>
                            <a:gd name="connsiteX885" fmla="*/ 1990890 w 2647519"/>
                            <a:gd name="connsiteY885" fmla="*/ 2394585 h 2612594"/>
                            <a:gd name="connsiteX886" fmla="*/ 2048040 w 2647519"/>
                            <a:gd name="connsiteY886" fmla="*/ 2360295 h 2612594"/>
                            <a:gd name="connsiteX887" fmla="*/ 2093760 w 2647519"/>
                            <a:gd name="connsiteY887" fmla="*/ 2325052 h 2612594"/>
                            <a:gd name="connsiteX888" fmla="*/ 2179485 w 2647519"/>
                            <a:gd name="connsiteY888" fmla="*/ 2258377 h 2612594"/>
                            <a:gd name="connsiteX889" fmla="*/ 2203297 w 2647519"/>
                            <a:gd name="connsiteY889" fmla="*/ 2239327 h 2612594"/>
                            <a:gd name="connsiteX890" fmla="*/ 2226157 w 2647519"/>
                            <a:gd name="connsiteY890" fmla="*/ 2219325 h 2612594"/>
                            <a:gd name="connsiteX891" fmla="*/ 2260447 w 2647519"/>
                            <a:gd name="connsiteY891" fmla="*/ 2187892 h 2612594"/>
                            <a:gd name="connsiteX892" fmla="*/ 2274735 w 2647519"/>
                            <a:gd name="connsiteY892" fmla="*/ 2164080 h 2612594"/>
                            <a:gd name="connsiteX893" fmla="*/ 2295258 w 2647519"/>
                            <a:gd name="connsiteY893" fmla="*/ 2145267 h 2612594"/>
                            <a:gd name="connsiteX894" fmla="*/ 2295423 w 2647519"/>
                            <a:gd name="connsiteY894" fmla="*/ 2144085 h 2612594"/>
                            <a:gd name="connsiteX895" fmla="*/ 2275688 w 2647519"/>
                            <a:gd name="connsiteY895" fmla="*/ 2162175 h 2612594"/>
                            <a:gd name="connsiteX896" fmla="*/ 2261400 w 2647519"/>
                            <a:gd name="connsiteY896" fmla="*/ 2185987 h 2612594"/>
                            <a:gd name="connsiteX897" fmla="*/ 2227110 w 2647519"/>
                            <a:gd name="connsiteY897" fmla="*/ 2217420 h 2612594"/>
                            <a:gd name="connsiteX898" fmla="*/ 2204250 w 2647519"/>
                            <a:gd name="connsiteY898" fmla="*/ 2237422 h 2612594"/>
                            <a:gd name="connsiteX899" fmla="*/ 2180438 w 2647519"/>
                            <a:gd name="connsiteY899" fmla="*/ 2256472 h 2612594"/>
                            <a:gd name="connsiteX900" fmla="*/ 2094713 w 2647519"/>
                            <a:gd name="connsiteY900" fmla="*/ 2323147 h 2612594"/>
                            <a:gd name="connsiteX901" fmla="*/ 2048993 w 2647519"/>
                            <a:gd name="connsiteY901" fmla="*/ 2358390 h 2612594"/>
                            <a:gd name="connsiteX902" fmla="*/ 1991843 w 2647519"/>
                            <a:gd name="connsiteY902" fmla="*/ 2392680 h 2612594"/>
                            <a:gd name="connsiteX903" fmla="*/ 1961363 w 2647519"/>
                            <a:gd name="connsiteY903" fmla="*/ 2408872 h 2612594"/>
                            <a:gd name="connsiteX904" fmla="*/ 1931835 w 2647519"/>
                            <a:gd name="connsiteY904" fmla="*/ 2424112 h 2612594"/>
                            <a:gd name="connsiteX905" fmla="*/ 1879448 w 2647519"/>
                            <a:gd name="connsiteY905" fmla="*/ 2451735 h 2612594"/>
                            <a:gd name="connsiteX906" fmla="*/ 1680375 w 2647519"/>
                            <a:gd name="connsiteY906" fmla="*/ 2526982 h 2612594"/>
                            <a:gd name="connsiteX907" fmla="*/ 1387005 w 2647519"/>
                            <a:gd name="connsiteY907" fmla="*/ 2575560 h 2612594"/>
                            <a:gd name="connsiteX908" fmla="*/ 1365098 w 2647519"/>
                            <a:gd name="connsiteY908" fmla="*/ 2575560 h 2612594"/>
                            <a:gd name="connsiteX909" fmla="*/ 1362240 w 2647519"/>
                            <a:gd name="connsiteY909" fmla="*/ 2567940 h 2612594"/>
                            <a:gd name="connsiteX910" fmla="*/ 1339380 w 2647519"/>
                            <a:gd name="connsiteY910" fmla="*/ 2566987 h 2612594"/>
                            <a:gd name="connsiteX911" fmla="*/ 1318425 w 2647519"/>
                            <a:gd name="connsiteY911" fmla="*/ 2575560 h 2612594"/>
                            <a:gd name="connsiteX912" fmla="*/ 1257465 w 2647519"/>
                            <a:gd name="connsiteY912" fmla="*/ 2576512 h 2612594"/>
                            <a:gd name="connsiteX913" fmla="*/ 1212698 w 2647519"/>
                            <a:gd name="connsiteY913" fmla="*/ 2574607 h 2612594"/>
                            <a:gd name="connsiteX914" fmla="*/ 1190790 w 2647519"/>
                            <a:gd name="connsiteY914" fmla="*/ 2572702 h 2612594"/>
                            <a:gd name="connsiteX915" fmla="*/ 1168883 w 2647519"/>
                            <a:gd name="connsiteY915" fmla="*/ 2568892 h 2612594"/>
                            <a:gd name="connsiteX916" fmla="*/ 1182080 w 2647519"/>
                            <a:gd name="connsiteY916" fmla="*/ 2554816 h 2612594"/>
                            <a:gd name="connsiteX917" fmla="*/ 1179360 w 2647519"/>
                            <a:gd name="connsiteY917" fmla="*/ 2555557 h 2612594"/>
                            <a:gd name="connsiteX918" fmla="*/ 1130192 w 2647519"/>
                            <a:gd name="connsiteY918" fmla="*/ 2546452 h 2612594"/>
                            <a:gd name="connsiteX919" fmla="*/ 1127925 w 2647519"/>
                            <a:gd name="connsiteY919" fmla="*/ 2546985 h 2612594"/>
                            <a:gd name="connsiteX920" fmla="*/ 1033628 w 2647519"/>
                            <a:gd name="connsiteY920" fmla="*/ 2529840 h 2612594"/>
                            <a:gd name="connsiteX921" fmla="*/ 996480 w 2647519"/>
                            <a:gd name="connsiteY921" fmla="*/ 2522220 h 2612594"/>
                            <a:gd name="connsiteX922" fmla="*/ 964095 w 2647519"/>
                            <a:gd name="connsiteY922" fmla="*/ 2516505 h 2612594"/>
                            <a:gd name="connsiteX923" fmla="*/ 925043 w 2647519"/>
                            <a:gd name="connsiteY923" fmla="*/ 2498407 h 2612594"/>
                            <a:gd name="connsiteX924" fmla="*/ 876465 w 2647519"/>
                            <a:gd name="connsiteY924" fmla="*/ 2480310 h 2612594"/>
                            <a:gd name="connsiteX925" fmla="*/ 825983 w 2647519"/>
                            <a:gd name="connsiteY925" fmla="*/ 2460307 h 2612594"/>
                            <a:gd name="connsiteX926" fmla="*/ 834555 w 2647519"/>
                            <a:gd name="connsiteY926" fmla="*/ 2453640 h 2612594"/>
                            <a:gd name="connsiteX927" fmla="*/ 869798 w 2647519"/>
                            <a:gd name="connsiteY927" fmla="*/ 2460307 h 2612594"/>
                            <a:gd name="connsiteX928" fmla="*/ 885038 w 2647519"/>
                            <a:gd name="connsiteY928" fmla="*/ 2473642 h 2612594"/>
                            <a:gd name="connsiteX929" fmla="*/ 937425 w 2647519"/>
                            <a:gd name="connsiteY929" fmla="*/ 2488882 h 2612594"/>
                            <a:gd name="connsiteX930" fmla="*/ 1041248 w 2647519"/>
                            <a:gd name="connsiteY930" fmla="*/ 2515552 h 2612594"/>
                            <a:gd name="connsiteX931" fmla="*/ 1066965 w 2647519"/>
                            <a:gd name="connsiteY931" fmla="*/ 2520315 h 2612594"/>
                            <a:gd name="connsiteX932" fmla="*/ 1094588 w 2647519"/>
                            <a:gd name="connsiteY932" fmla="*/ 2525077 h 2612594"/>
                            <a:gd name="connsiteX933" fmla="*/ 1125068 w 2647519"/>
                            <a:gd name="connsiteY933" fmla="*/ 2531745 h 2612594"/>
                            <a:gd name="connsiteX934" fmla="*/ 1158657 w 2647519"/>
                            <a:gd name="connsiteY934" fmla="*/ 2539008 h 2612594"/>
                            <a:gd name="connsiteX935" fmla="*/ 1161262 w 2647519"/>
                            <a:gd name="connsiteY935" fmla="*/ 2538412 h 2612594"/>
                            <a:gd name="connsiteX936" fmla="*/ 1192695 w 2647519"/>
                            <a:gd name="connsiteY936" fmla="*/ 2543175 h 2612594"/>
                            <a:gd name="connsiteX937" fmla="*/ 1193647 w 2647519"/>
                            <a:gd name="connsiteY937" fmla="*/ 2541270 h 2612594"/>
                            <a:gd name="connsiteX938" fmla="*/ 1239367 w 2647519"/>
                            <a:gd name="connsiteY938" fmla="*/ 2543175 h 2612594"/>
                            <a:gd name="connsiteX939" fmla="*/ 1246987 w 2647519"/>
                            <a:gd name="connsiteY939" fmla="*/ 2544127 h 2612594"/>
                            <a:gd name="connsiteX940" fmla="*/ 1317472 w 2647519"/>
                            <a:gd name="connsiteY940" fmla="*/ 2544127 h 2612594"/>
                            <a:gd name="connsiteX941" fmla="*/ 1368907 w 2647519"/>
                            <a:gd name="connsiteY941" fmla="*/ 2546032 h 2612594"/>
                            <a:gd name="connsiteX942" fmla="*/ 1429867 w 2647519"/>
                            <a:gd name="connsiteY942" fmla="*/ 2541270 h 2612594"/>
                            <a:gd name="connsiteX943" fmla="*/ 1437487 w 2647519"/>
                            <a:gd name="connsiteY943" fmla="*/ 2541270 h 2612594"/>
                            <a:gd name="connsiteX944" fmla="*/ 1440345 w 2647519"/>
                            <a:gd name="connsiteY944" fmla="*/ 2548890 h 2612594"/>
                            <a:gd name="connsiteX945" fmla="*/ 1500352 w 2647519"/>
                            <a:gd name="connsiteY945" fmla="*/ 2541270 h 2612594"/>
                            <a:gd name="connsiteX946" fmla="*/ 1540357 w 2647519"/>
                            <a:gd name="connsiteY946" fmla="*/ 2531745 h 2612594"/>
                            <a:gd name="connsiteX947" fmla="*/ 1563217 w 2647519"/>
                            <a:gd name="connsiteY947" fmla="*/ 2527935 h 2612594"/>
                            <a:gd name="connsiteX948" fmla="*/ 1577505 w 2647519"/>
                            <a:gd name="connsiteY948" fmla="*/ 2526030 h 2612594"/>
                            <a:gd name="connsiteX949" fmla="*/ 1608937 w 2647519"/>
                            <a:gd name="connsiteY949" fmla="*/ 2518410 h 2612594"/>
                            <a:gd name="connsiteX950" fmla="*/ 1634655 w 2647519"/>
                            <a:gd name="connsiteY950" fmla="*/ 2512695 h 2612594"/>
                            <a:gd name="connsiteX951" fmla="*/ 1660372 w 2647519"/>
                            <a:gd name="connsiteY951" fmla="*/ 2506027 h 2612594"/>
                            <a:gd name="connsiteX952" fmla="*/ 1707545 w 2647519"/>
                            <a:gd name="connsiteY952" fmla="*/ 2497863 h 2612594"/>
                            <a:gd name="connsiteX953" fmla="*/ 1713713 w 2647519"/>
                            <a:gd name="connsiteY953" fmla="*/ 2495550 h 2612594"/>
                            <a:gd name="connsiteX954" fmla="*/ 1664183 w 2647519"/>
                            <a:gd name="connsiteY954" fmla="*/ 2504122 h 2612594"/>
                            <a:gd name="connsiteX955" fmla="*/ 1638465 w 2647519"/>
                            <a:gd name="connsiteY955" fmla="*/ 2510790 h 2612594"/>
                            <a:gd name="connsiteX956" fmla="*/ 1612748 w 2647519"/>
                            <a:gd name="connsiteY956" fmla="*/ 2516505 h 2612594"/>
                            <a:gd name="connsiteX957" fmla="*/ 1581315 w 2647519"/>
                            <a:gd name="connsiteY957" fmla="*/ 2524125 h 2612594"/>
                            <a:gd name="connsiteX958" fmla="*/ 1567028 w 2647519"/>
                            <a:gd name="connsiteY958" fmla="*/ 2526030 h 2612594"/>
                            <a:gd name="connsiteX959" fmla="*/ 1544168 w 2647519"/>
                            <a:gd name="connsiteY959" fmla="*/ 2529840 h 2612594"/>
                            <a:gd name="connsiteX960" fmla="*/ 1482255 w 2647519"/>
                            <a:gd name="connsiteY960" fmla="*/ 2535555 h 2612594"/>
                            <a:gd name="connsiteX961" fmla="*/ 1440345 w 2647519"/>
                            <a:gd name="connsiteY961" fmla="*/ 2539365 h 2612594"/>
                            <a:gd name="connsiteX962" fmla="*/ 1432725 w 2647519"/>
                            <a:gd name="connsiteY962" fmla="*/ 2539365 h 2612594"/>
                            <a:gd name="connsiteX963" fmla="*/ 1371765 w 2647519"/>
                            <a:gd name="connsiteY963" fmla="*/ 2544127 h 2612594"/>
                            <a:gd name="connsiteX964" fmla="*/ 1320330 w 2647519"/>
                            <a:gd name="connsiteY964" fmla="*/ 2542222 h 2612594"/>
                            <a:gd name="connsiteX965" fmla="*/ 1249845 w 2647519"/>
                            <a:gd name="connsiteY965" fmla="*/ 2542222 h 2612594"/>
                            <a:gd name="connsiteX966" fmla="*/ 1242225 w 2647519"/>
                            <a:gd name="connsiteY966" fmla="*/ 2541270 h 2612594"/>
                            <a:gd name="connsiteX967" fmla="*/ 1212698 w 2647519"/>
                            <a:gd name="connsiteY967" fmla="*/ 2528887 h 2612594"/>
                            <a:gd name="connsiteX968" fmla="*/ 1196505 w 2647519"/>
                            <a:gd name="connsiteY968" fmla="*/ 2539365 h 2612594"/>
                            <a:gd name="connsiteX969" fmla="*/ 1196464 w 2647519"/>
                            <a:gd name="connsiteY969" fmla="*/ 2539447 h 2612594"/>
                            <a:gd name="connsiteX970" fmla="*/ 1209840 w 2647519"/>
                            <a:gd name="connsiteY970" fmla="*/ 2530792 h 2612594"/>
                            <a:gd name="connsiteX971" fmla="*/ 1239368 w 2647519"/>
                            <a:gd name="connsiteY971" fmla="*/ 2543174 h 2612594"/>
                            <a:gd name="connsiteX972" fmla="*/ 1193648 w 2647519"/>
                            <a:gd name="connsiteY972" fmla="*/ 2541269 h 2612594"/>
                            <a:gd name="connsiteX973" fmla="*/ 1194008 w 2647519"/>
                            <a:gd name="connsiteY973" fmla="*/ 2541036 h 2612594"/>
                            <a:gd name="connsiteX974" fmla="*/ 1164120 w 2647519"/>
                            <a:gd name="connsiteY974" fmla="*/ 2536507 h 2612594"/>
                            <a:gd name="connsiteX975" fmla="*/ 1128878 w 2647519"/>
                            <a:gd name="connsiteY975" fmla="*/ 2528887 h 2612594"/>
                            <a:gd name="connsiteX976" fmla="*/ 1098398 w 2647519"/>
                            <a:gd name="connsiteY976" fmla="*/ 2522220 h 2612594"/>
                            <a:gd name="connsiteX977" fmla="*/ 1070775 w 2647519"/>
                            <a:gd name="connsiteY977" fmla="*/ 2517457 h 2612594"/>
                            <a:gd name="connsiteX978" fmla="*/ 1045058 w 2647519"/>
                            <a:gd name="connsiteY978" fmla="*/ 2512695 h 2612594"/>
                            <a:gd name="connsiteX979" fmla="*/ 941235 w 2647519"/>
                            <a:gd name="connsiteY979" fmla="*/ 2486025 h 2612594"/>
                            <a:gd name="connsiteX980" fmla="*/ 888848 w 2647519"/>
                            <a:gd name="connsiteY980" fmla="*/ 2470785 h 2612594"/>
                            <a:gd name="connsiteX981" fmla="*/ 873608 w 2647519"/>
                            <a:gd name="connsiteY981" fmla="*/ 2457450 h 2612594"/>
                            <a:gd name="connsiteX982" fmla="*/ 838365 w 2647519"/>
                            <a:gd name="connsiteY982" fmla="*/ 2450782 h 2612594"/>
                            <a:gd name="connsiteX983" fmla="*/ 785978 w 2647519"/>
                            <a:gd name="connsiteY983" fmla="*/ 2424112 h 2612594"/>
                            <a:gd name="connsiteX984" fmla="*/ 770738 w 2647519"/>
                            <a:gd name="connsiteY984" fmla="*/ 2425065 h 2612594"/>
                            <a:gd name="connsiteX985" fmla="*/ 716445 w 2647519"/>
                            <a:gd name="connsiteY985" fmla="*/ 2397442 h 2612594"/>
                            <a:gd name="connsiteX986" fmla="*/ 706920 w 2647519"/>
                            <a:gd name="connsiteY986" fmla="*/ 2380297 h 2612594"/>
                            <a:gd name="connsiteX987" fmla="*/ 708825 w 2647519"/>
                            <a:gd name="connsiteY987" fmla="*/ 2379345 h 2612594"/>
                            <a:gd name="connsiteX988" fmla="*/ 742163 w 2647519"/>
                            <a:gd name="connsiteY988" fmla="*/ 2397442 h 2612594"/>
                            <a:gd name="connsiteX989" fmla="*/ 775500 w 2647519"/>
                            <a:gd name="connsiteY989" fmla="*/ 2415540 h 2612594"/>
                            <a:gd name="connsiteX990" fmla="*/ 785025 w 2647519"/>
                            <a:gd name="connsiteY990" fmla="*/ 2409825 h 2612594"/>
                            <a:gd name="connsiteX991" fmla="*/ 745973 w 2647519"/>
                            <a:gd name="connsiteY991" fmla="*/ 2384107 h 2612594"/>
                            <a:gd name="connsiteX992" fmla="*/ 713588 w 2647519"/>
                            <a:gd name="connsiteY992" fmla="*/ 2369820 h 2612594"/>
                            <a:gd name="connsiteX993" fmla="*/ 668820 w 2647519"/>
                            <a:gd name="connsiteY993" fmla="*/ 2344102 h 2612594"/>
                            <a:gd name="connsiteX994" fmla="*/ 630720 w 2647519"/>
                            <a:gd name="connsiteY994" fmla="*/ 2319337 h 2612594"/>
                            <a:gd name="connsiteX995" fmla="*/ 570713 w 2647519"/>
                            <a:gd name="connsiteY995" fmla="*/ 2293620 h 2612594"/>
                            <a:gd name="connsiteX996" fmla="*/ 547853 w 2647519"/>
                            <a:gd name="connsiteY996" fmla="*/ 2274570 h 2612594"/>
                            <a:gd name="connsiteX997" fmla="*/ 552615 w 2647519"/>
                            <a:gd name="connsiteY997" fmla="*/ 2272665 h 2612594"/>
                            <a:gd name="connsiteX998" fmla="*/ 575475 w 2647519"/>
                            <a:gd name="connsiteY998" fmla="*/ 2279332 h 2612594"/>
                            <a:gd name="connsiteX999" fmla="*/ 527850 w 2647519"/>
                            <a:gd name="connsiteY999" fmla="*/ 2229802 h 2612594"/>
                            <a:gd name="connsiteX1000" fmla="*/ 501180 w 2647519"/>
                            <a:gd name="connsiteY1000" fmla="*/ 2207895 h 2612594"/>
                            <a:gd name="connsiteX1001" fmla="*/ 476415 w 2647519"/>
                            <a:gd name="connsiteY1001" fmla="*/ 2185987 h 2612594"/>
                            <a:gd name="connsiteX1002" fmla="*/ 444983 w 2647519"/>
                            <a:gd name="connsiteY1002" fmla="*/ 2160270 h 2612594"/>
                            <a:gd name="connsiteX1003" fmla="*/ 399263 w 2647519"/>
                            <a:gd name="connsiteY1003" fmla="*/ 2109787 h 2612594"/>
                            <a:gd name="connsiteX1004" fmla="*/ 396126 w 2647519"/>
                            <a:gd name="connsiteY1004" fmla="*/ 2099983 h 2612594"/>
                            <a:gd name="connsiteX1005" fmla="*/ 386880 w 2647519"/>
                            <a:gd name="connsiteY1005" fmla="*/ 2090737 h 2612594"/>
                            <a:gd name="connsiteX1006" fmla="*/ 355448 w 2647519"/>
                            <a:gd name="connsiteY1006" fmla="*/ 2056447 h 2612594"/>
                            <a:gd name="connsiteX1007" fmla="*/ 351638 w 2647519"/>
                            <a:gd name="connsiteY1007" fmla="*/ 2039302 h 2612594"/>
                            <a:gd name="connsiteX1008" fmla="*/ 339255 w 2647519"/>
                            <a:gd name="connsiteY1008" fmla="*/ 2022157 h 2612594"/>
                            <a:gd name="connsiteX1009" fmla="*/ 337780 w 2647519"/>
                            <a:gd name="connsiteY1009" fmla="*/ 2019844 h 2612594"/>
                            <a:gd name="connsiteX1010" fmla="*/ 323062 w 2647519"/>
                            <a:gd name="connsiteY1010" fmla="*/ 2009774 h 2612594"/>
                            <a:gd name="connsiteX1011" fmla="*/ 294487 w 2647519"/>
                            <a:gd name="connsiteY1011" fmla="*/ 1968817 h 2612594"/>
                            <a:gd name="connsiteX1012" fmla="*/ 278295 w 2647519"/>
                            <a:gd name="connsiteY1012" fmla="*/ 1930717 h 2612594"/>
                            <a:gd name="connsiteX1013" fmla="*/ 276390 w 2647519"/>
                            <a:gd name="connsiteY1013" fmla="*/ 1930717 h 2612594"/>
                            <a:gd name="connsiteX1014" fmla="*/ 254483 w 2647519"/>
                            <a:gd name="connsiteY1014" fmla="*/ 1888807 h 2612594"/>
                            <a:gd name="connsiteX1015" fmla="*/ 233528 w 2647519"/>
                            <a:gd name="connsiteY1015" fmla="*/ 1846897 h 2612594"/>
                            <a:gd name="connsiteX1016" fmla="*/ 211620 w 2647519"/>
                            <a:gd name="connsiteY1016" fmla="*/ 1798320 h 2612594"/>
                            <a:gd name="connsiteX1017" fmla="*/ 191618 w 2647519"/>
                            <a:gd name="connsiteY1017" fmla="*/ 1748790 h 2612594"/>
                            <a:gd name="connsiteX1018" fmla="*/ 211620 w 2647519"/>
                            <a:gd name="connsiteY1018" fmla="*/ 1782127 h 2612594"/>
                            <a:gd name="connsiteX1019" fmla="*/ 231623 w 2647519"/>
                            <a:gd name="connsiteY1019" fmla="*/ 1824037 h 2612594"/>
                            <a:gd name="connsiteX1020" fmla="*/ 238290 w 2647519"/>
                            <a:gd name="connsiteY1020" fmla="*/ 1846897 h 2612594"/>
                            <a:gd name="connsiteX1021" fmla="*/ 241046 w 2647519"/>
                            <a:gd name="connsiteY1021" fmla="*/ 1850938 h 2612594"/>
                            <a:gd name="connsiteX1022" fmla="*/ 237654 w 2647519"/>
                            <a:gd name="connsiteY1022" fmla="*/ 1833303 h 2612594"/>
                            <a:gd name="connsiteX1023" fmla="*/ 228809 w 2647519"/>
                            <a:gd name="connsiteY1023" fmla="*/ 1817250 h 2612594"/>
                            <a:gd name="connsiteX1024" fmla="*/ 214411 w 2647519"/>
                            <a:gd name="connsiteY1024" fmla="*/ 1784874 h 2612594"/>
                            <a:gd name="connsiteX1025" fmla="*/ 197332 w 2647519"/>
                            <a:gd name="connsiteY1025" fmla="*/ 1756409 h 2612594"/>
                            <a:gd name="connsiteX1026" fmla="*/ 176377 w 2647519"/>
                            <a:gd name="connsiteY1026" fmla="*/ 1699259 h 2612594"/>
                            <a:gd name="connsiteX1027" fmla="*/ 158424 w 2647519"/>
                            <a:gd name="connsiteY1027" fmla="*/ 1640674 h 2612594"/>
                            <a:gd name="connsiteX1028" fmla="*/ 152529 w 2647519"/>
                            <a:gd name="connsiteY1028" fmla="*/ 1623596 h 2612594"/>
                            <a:gd name="connsiteX1029" fmla="*/ 126853 w 2647519"/>
                            <a:gd name="connsiteY1029" fmla="*/ 1521108 h 2612594"/>
                            <a:gd name="connsiteX1030" fmla="*/ 115498 w 2647519"/>
                            <a:gd name="connsiteY1030" fmla="*/ 1446707 h 2612594"/>
                            <a:gd name="connsiteX1031" fmla="*/ 115417 w 2647519"/>
                            <a:gd name="connsiteY1031" fmla="*/ 1448752 h 2612594"/>
                            <a:gd name="connsiteX1032" fmla="*/ 116370 w 2647519"/>
                            <a:gd name="connsiteY1032" fmla="*/ 1463992 h 2612594"/>
                            <a:gd name="connsiteX1033" fmla="*/ 121132 w 2647519"/>
                            <a:gd name="connsiteY1033" fmla="*/ 1499235 h 2612594"/>
                            <a:gd name="connsiteX1034" fmla="*/ 126847 w 2647519"/>
                            <a:gd name="connsiteY1034" fmla="*/ 1535430 h 2612594"/>
                            <a:gd name="connsiteX1035" fmla="*/ 117322 w 2647519"/>
                            <a:gd name="connsiteY1035" fmla="*/ 1503997 h 2612594"/>
                            <a:gd name="connsiteX1036" fmla="*/ 110655 w 2647519"/>
                            <a:gd name="connsiteY1036" fmla="*/ 1463992 h 2612594"/>
                            <a:gd name="connsiteX1037" fmla="*/ 103035 w 2647519"/>
                            <a:gd name="connsiteY1037" fmla="*/ 1463992 h 2612594"/>
                            <a:gd name="connsiteX1038" fmla="*/ 98272 w 2647519"/>
                            <a:gd name="connsiteY1038" fmla="*/ 1427797 h 2612594"/>
                            <a:gd name="connsiteX1039" fmla="*/ 91605 w 2647519"/>
                            <a:gd name="connsiteY1039" fmla="*/ 1404937 h 2612594"/>
                            <a:gd name="connsiteX1040" fmla="*/ 85890 w 2647519"/>
                            <a:gd name="connsiteY1040" fmla="*/ 1383030 h 2612594"/>
                            <a:gd name="connsiteX1041" fmla="*/ 69697 w 2647519"/>
                            <a:gd name="connsiteY1041" fmla="*/ 1365885 h 2612594"/>
                            <a:gd name="connsiteX1042" fmla="*/ 64935 w 2647519"/>
                            <a:gd name="connsiteY1042" fmla="*/ 1365885 h 2612594"/>
                            <a:gd name="connsiteX1043" fmla="*/ 60172 w 2647519"/>
                            <a:gd name="connsiteY1043" fmla="*/ 1342072 h 2612594"/>
                            <a:gd name="connsiteX1044" fmla="*/ 58267 w 2647519"/>
                            <a:gd name="connsiteY1044" fmla="*/ 1311592 h 2612594"/>
                            <a:gd name="connsiteX1045" fmla="*/ 62077 w 2647519"/>
                            <a:gd name="connsiteY1045" fmla="*/ 1268730 h 2612594"/>
                            <a:gd name="connsiteX1046" fmla="*/ 63982 w 2647519"/>
                            <a:gd name="connsiteY1046" fmla="*/ 1253490 h 2612594"/>
                            <a:gd name="connsiteX1047" fmla="*/ 67226 w 2647519"/>
                            <a:gd name="connsiteY1047" fmla="*/ 1243037 h 2612594"/>
                            <a:gd name="connsiteX1048" fmla="*/ 65649 w 2647519"/>
                            <a:gd name="connsiteY1048" fmla="*/ 1219200 h 2612594"/>
                            <a:gd name="connsiteX1049" fmla="*/ 67792 w 2647519"/>
                            <a:gd name="connsiteY1049" fmla="*/ 1183957 h 2612594"/>
                            <a:gd name="connsiteX1050" fmla="*/ 71602 w 2647519"/>
                            <a:gd name="connsiteY1050" fmla="*/ 1176814 h 2612594"/>
                            <a:gd name="connsiteX1051" fmla="*/ 71602 w 2647519"/>
                            <a:gd name="connsiteY1051" fmla="*/ 1172527 h 2612594"/>
                            <a:gd name="connsiteX1052" fmla="*/ 63982 w 2647519"/>
                            <a:gd name="connsiteY1052" fmla="*/ 1186815 h 2612594"/>
                            <a:gd name="connsiteX1053" fmla="*/ 57315 w 2647519"/>
                            <a:gd name="connsiteY1053" fmla="*/ 1177290 h 2612594"/>
                            <a:gd name="connsiteX1054" fmla="*/ 44932 w 2647519"/>
                            <a:gd name="connsiteY1054" fmla="*/ 1160145 h 2612594"/>
                            <a:gd name="connsiteX1055" fmla="*/ 42670 w 2647519"/>
                            <a:gd name="connsiteY1055" fmla="*/ 1146572 h 2612594"/>
                            <a:gd name="connsiteX1056" fmla="*/ 42075 w 2647519"/>
                            <a:gd name="connsiteY1056" fmla="*/ 1147762 h 2612594"/>
                            <a:gd name="connsiteX1057" fmla="*/ 38265 w 2647519"/>
                            <a:gd name="connsiteY1057" fmla="*/ 1185862 h 2612594"/>
                            <a:gd name="connsiteX1058" fmla="*/ 35407 w 2647519"/>
                            <a:gd name="connsiteY1058" fmla="*/ 1223962 h 2612594"/>
                            <a:gd name="connsiteX1059" fmla="*/ 32550 w 2647519"/>
                            <a:gd name="connsiteY1059" fmla="*/ 1253490 h 2612594"/>
                            <a:gd name="connsiteX1060" fmla="*/ 32550 w 2647519"/>
                            <a:gd name="connsiteY1060" fmla="*/ 1314449 h 2612594"/>
                            <a:gd name="connsiteX1061" fmla="*/ 33502 w 2647519"/>
                            <a:gd name="connsiteY1061" fmla="*/ 1345882 h 2612594"/>
                            <a:gd name="connsiteX1062" fmla="*/ 35407 w 2647519"/>
                            <a:gd name="connsiteY1062" fmla="*/ 1377314 h 2612594"/>
                            <a:gd name="connsiteX1063" fmla="*/ 26835 w 2647519"/>
                            <a:gd name="connsiteY1063" fmla="*/ 1406842 h 2612594"/>
                            <a:gd name="connsiteX1064" fmla="*/ 24930 w 2647519"/>
                            <a:gd name="connsiteY1064" fmla="*/ 1406842 h 2612594"/>
                            <a:gd name="connsiteX1065" fmla="*/ 19215 w 2647519"/>
                            <a:gd name="connsiteY1065" fmla="*/ 1349692 h 2612594"/>
                            <a:gd name="connsiteX1066" fmla="*/ 19215 w 2647519"/>
                            <a:gd name="connsiteY1066" fmla="*/ 1290637 h 2612594"/>
                            <a:gd name="connsiteX1067" fmla="*/ 23977 w 2647519"/>
                            <a:gd name="connsiteY1067" fmla="*/ 1244917 h 2612594"/>
                            <a:gd name="connsiteX1068" fmla="*/ 32546 w 2647519"/>
                            <a:gd name="connsiteY1068" fmla="*/ 1253485 h 2612594"/>
                            <a:gd name="connsiteX1069" fmla="*/ 24930 w 2647519"/>
                            <a:gd name="connsiteY1069" fmla="*/ 1243965 h 2612594"/>
                            <a:gd name="connsiteX1070" fmla="*/ 23025 w 2647519"/>
                            <a:gd name="connsiteY1070" fmla="*/ 1209675 h 2612594"/>
                            <a:gd name="connsiteX1071" fmla="*/ 24930 w 2647519"/>
                            <a:gd name="connsiteY1071" fmla="*/ 1157287 h 2612594"/>
                            <a:gd name="connsiteX1072" fmla="*/ 25882 w 2647519"/>
                            <a:gd name="connsiteY1072" fmla="*/ 1143000 h 2612594"/>
                            <a:gd name="connsiteX1073" fmla="*/ 28740 w 2647519"/>
                            <a:gd name="connsiteY1073" fmla="*/ 1119187 h 2612594"/>
                            <a:gd name="connsiteX1074" fmla="*/ 40170 w 2647519"/>
                            <a:gd name="connsiteY1074" fmla="*/ 1076325 h 2612594"/>
                            <a:gd name="connsiteX1075" fmla="*/ 45865 w 2647519"/>
                            <a:gd name="connsiteY1075" fmla="*/ 1047851 h 2612594"/>
                            <a:gd name="connsiteX1076" fmla="*/ 43980 w 2647519"/>
                            <a:gd name="connsiteY1076" fmla="*/ 1041082 h 2612594"/>
                            <a:gd name="connsiteX1077" fmla="*/ 37312 w 2647519"/>
                            <a:gd name="connsiteY1077" fmla="*/ 1079182 h 2612594"/>
                            <a:gd name="connsiteX1078" fmla="*/ 25882 w 2647519"/>
                            <a:gd name="connsiteY1078" fmla="*/ 1122045 h 2612594"/>
                            <a:gd name="connsiteX1079" fmla="*/ 23025 w 2647519"/>
                            <a:gd name="connsiteY1079" fmla="*/ 1145857 h 2612594"/>
                            <a:gd name="connsiteX1080" fmla="*/ 22072 w 2647519"/>
                            <a:gd name="connsiteY1080" fmla="*/ 1160145 h 2612594"/>
                            <a:gd name="connsiteX1081" fmla="*/ 20167 w 2647519"/>
                            <a:gd name="connsiteY1081" fmla="*/ 1212532 h 2612594"/>
                            <a:gd name="connsiteX1082" fmla="*/ 22072 w 2647519"/>
                            <a:gd name="connsiteY1082" fmla="*/ 1246822 h 2612594"/>
                            <a:gd name="connsiteX1083" fmla="*/ 17310 w 2647519"/>
                            <a:gd name="connsiteY1083" fmla="*/ 1292542 h 2612594"/>
                            <a:gd name="connsiteX1084" fmla="*/ 17310 w 2647519"/>
                            <a:gd name="connsiteY1084" fmla="*/ 1351597 h 2612594"/>
                            <a:gd name="connsiteX1085" fmla="*/ 23025 w 2647519"/>
                            <a:gd name="connsiteY1085" fmla="*/ 1408747 h 2612594"/>
                            <a:gd name="connsiteX1086" fmla="*/ 24930 w 2647519"/>
                            <a:gd name="connsiteY1086" fmla="*/ 1408747 h 2612594"/>
                            <a:gd name="connsiteX1087" fmla="*/ 37312 w 2647519"/>
                            <a:gd name="connsiteY1087" fmla="*/ 1463040 h 2612594"/>
                            <a:gd name="connsiteX1088" fmla="*/ 43980 w 2647519"/>
                            <a:gd name="connsiteY1088" fmla="*/ 1507807 h 2612594"/>
                            <a:gd name="connsiteX1089" fmla="*/ 58267 w 2647519"/>
                            <a:gd name="connsiteY1089" fmla="*/ 1553527 h 2612594"/>
                            <a:gd name="connsiteX1090" fmla="*/ 80770 w 2647519"/>
                            <a:gd name="connsiteY1090" fmla="*/ 1651843 h 2612594"/>
                            <a:gd name="connsiteX1091" fmla="*/ 82734 w 2647519"/>
                            <a:gd name="connsiteY1091" fmla="*/ 1670685 h 2612594"/>
                            <a:gd name="connsiteX1092" fmla="*/ 86843 w 2647519"/>
                            <a:gd name="connsiteY1092" fmla="*/ 1670685 h 2612594"/>
                            <a:gd name="connsiteX1093" fmla="*/ 107798 w 2647519"/>
                            <a:gd name="connsiteY1093" fmla="*/ 1721167 h 2612594"/>
                            <a:gd name="connsiteX1094" fmla="*/ 115418 w 2647519"/>
                            <a:gd name="connsiteY1094" fmla="*/ 1746885 h 2612594"/>
                            <a:gd name="connsiteX1095" fmla="*/ 101130 w 2647519"/>
                            <a:gd name="connsiteY1095" fmla="*/ 1724977 h 2612594"/>
                            <a:gd name="connsiteX1096" fmla="*/ 85890 w 2647519"/>
                            <a:gd name="connsiteY1096" fmla="*/ 1690687 h 2612594"/>
                            <a:gd name="connsiteX1097" fmla="*/ 84938 w 2647519"/>
                            <a:gd name="connsiteY1097" fmla="*/ 1700212 h 2612594"/>
                            <a:gd name="connsiteX1098" fmla="*/ 76651 w 2647519"/>
                            <a:gd name="connsiteY1098" fmla="*/ 1674524 h 2612594"/>
                            <a:gd name="connsiteX1099" fmla="*/ 70650 w 2647519"/>
                            <a:gd name="connsiteY1099" fmla="*/ 1675447 h 2612594"/>
                            <a:gd name="connsiteX1100" fmla="*/ 63982 w 2647519"/>
                            <a:gd name="connsiteY1100" fmla="*/ 1653540 h 2612594"/>
                            <a:gd name="connsiteX1101" fmla="*/ 41122 w 2647519"/>
                            <a:gd name="connsiteY1101" fmla="*/ 1601152 h 2612594"/>
                            <a:gd name="connsiteX1102" fmla="*/ 26835 w 2647519"/>
                            <a:gd name="connsiteY1102" fmla="*/ 1554480 h 2612594"/>
                            <a:gd name="connsiteX1103" fmla="*/ 25882 w 2647519"/>
                            <a:gd name="connsiteY1103" fmla="*/ 1515427 h 2612594"/>
                            <a:gd name="connsiteX1104" fmla="*/ 19215 w 2647519"/>
                            <a:gd name="connsiteY1104" fmla="*/ 1469707 h 2612594"/>
                            <a:gd name="connsiteX1105" fmla="*/ 14452 w 2647519"/>
                            <a:gd name="connsiteY1105" fmla="*/ 1423987 h 2612594"/>
                            <a:gd name="connsiteX1106" fmla="*/ 3975 w 2647519"/>
                            <a:gd name="connsiteY1106" fmla="*/ 1390650 h 2612594"/>
                            <a:gd name="connsiteX1107" fmla="*/ 10642 w 2647519"/>
                            <a:gd name="connsiteY1107" fmla="*/ 1213485 h 2612594"/>
                            <a:gd name="connsiteX1108" fmla="*/ 17310 w 2647519"/>
                            <a:gd name="connsiteY1108" fmla="*/ 1167765 h 2612594"/>
                            <a:gd name="connsiteX1109" fmla="*/ 11595 w 2647519"/>
                            <a:gd name="connsiteY1109" fmla="*/ 1143000 h 2612594"/>
                            <a:gd name="connsiteX1110" fmla="*/ 23025 w 2647519"/>
                            <a:gd name="connsiteY1110" fmla="*/ 1074420 h 2612594"/>
                            <a:gd name="connsiteX1111" fmla="*/ 25882 w 2647519"/>
                            <a:gd name="connsiteY1111" fmla="*/ 1058227 h 2612594"/>
                            <a:gd name="connsiteX1112" fmla="*/ 33502 w 2647519"/>
                            <a:gd name="connsiteY1112" fmla="*/ 1002982 h 2612594"/>
                            <a:gd name="connsiteX1113" fmla="*/ 53505 w 2647519"/>
                            <a:gd name="connsiteY1113" fmla="*/ 962977 h 2612594"/>
                            <a:gd name="connsiteX1114" fmla="*/ 48742 w 2647519"/>
                            <a:gd name="connsiteY1114" fmla="*/ 1017270 h 2612594"/>
                            <a:gd name="connsiteX1115" fmla="*/ 53503 w 2647519"/>
                            <a:gd name="connsiteY1115" fmla="*/ 1007964 h 2612594"/>
                            <a:gd name="connsiteX1116" fmla="*/ 56362 w 2647519"/>
                            <a:gd name="connsiteY1116" fmla="*/ 985718 h 2612594"/>
                            <a:gd name="connsiteX1117" fmla="*/ 57315 w 2647519"/>
                            <a:gd name="connsiteY1117" fmla="*/ 961072 h 2612594"/>
                            <a:gd name="connsiteX1118" fmla="*/ 65887 w 2647519"/>
                            <a:gd name="connsiteY1118" fmla="*/ 929639 h 2612594"/>
                            <a:gd name="connsiteX1119" fmla="*/ 79222 w 2647519"/>
                            <a:gd name="connsiteY1119" fmla="*/ 882014 h 2612594"/>
                            <a:gd name="connsiteX1120" fmla="*/ 95415 w 2647519"/>
                            <a:gd name="connsiteY1120" fmla="*/ 833437 h 2612594"/>
                            <a:gd name="connsiteX1121" fmla="*/ 96628 w 2647519"/>
                            <a:gd name="connsiteY1121" fmla="*/ 832072 h 2612594"/>
                            <a:gd name="connsiteX1122" fmla="*/ 103988 w 2647519"/>
                            <a:gd name="connsiteY1122" fmla="*/ 793432 h 2612594"/>
                            <a:gd name="connsiteX1123" fmla="*/ 114465 w 2647519"/>
                            <a:gd name="connsiteY1123" fmla="*/ 765809 h 2612594"/>
                            <a:gd name="connsiteX1124" fmla="*/ 126848 w 2647519"/>
                            <a:gd name="connsiteY1124" fmla="*/ 742949 h 2612594"/>
                            <a:gd name="connsiteX1125" fmla="*/ 151613 w 2647519"/>
                            <a:gd name="connsiteY1125" fmla="*/ 695324 h 2612594"/>
                            <a:gd name="connsiteX1126" fmla="*/ 171615 w 2647519"/>
                            <a:gd name="connsiteY1126" fmla="*/ 652462 h 2612594"/>
                            <a:gd name="connsiteX1127" fmla="*/ 200190 w 2647519"/>
                            <a:gd name="connsiteY1127" fmla="*/ 597217 h 2612594"/>
                            <a:gd name="connsiteX1128" fmla="*/ 221145 w 2647519"/>
                            <a:gd name="connsiteY1128" fmla="*/ 573404 h 2612594"/>
                            <a:gd name="connsiteX1129" fmla="*/ 238290 w 2647519"/>
                            <a:gd name="connsiteY1129" fmla="*/ 540067 h 2612594"/>
                            <a:gd name="connsiteX1130" fmla="*/ 252578 w 2647519"/>
                            <a:gd name="connsiteY1130" fmla="*/ 519112 h 2612594"/>
                            <a:gd name="connsiteX1131" fmla="*/ 267818 w 2647519"/>
                            <a:gd name="connsiteY1131" fmla="*/ 511492 h 2612594"/>
                            <a:gd name="connsiteX1132" fmla="*/ 271628 w 2647519"/>
                            <a:gd name="connsiteY1132" fmla="*/ 505777 h 2612594"/>
                            <a:gd name="connsiteX1133" fmla="*/ 286868 w 2647519"/>
                            <a:gd name="connsiteY1133" fmla="*/ 475297 h 2612594"/>
                            <a:gd name="connsiteX1134" fmla="*/ 316395 w 2647519"/>
                            <a:gd name="connsiteY1134" fmla="*/ 441007 h 2612594"/>
                            <a:gd name="connsiteX1135" fmla="*/ 317199 w 2647519"/>
                            <a:gd name="connsiteY1135" fmla="*/ 455339 h 2612594"/>
                            <a:gd name="connsiteX1136" fmla="*/ 315045 w 2647519"/>
                            <a:gd name="connsiteY1136" fmla="*/ 461363 h 2612594"/>
                            <a:gd name="connsiteX1137" fmla="*/ 345922 w 2647519"/>
                            <a:gd name="connsiteY1137" fmla="*/ 429577 h 2612594"/>
                            <a:gd name="connsiteX1138" fmla="*/ 361162 w 2647519"/>
                            <a:gd name="connsiteY1138" fmla="*/ 409575 h 2612594"/>
                            <a:gd name="connsiteX1139" fmla="*/ 381165 w 2647519"/>
                            <a:gd name="connsiteY1139" fmla="*/ 390525 h 2612594"/>
                            <a:gd name="connsiteX1140" fmla="*/ 382889 w 2647519"/>
                            <a:gd name="connsiteY1140" fmla="*/ 392440 h 2612594"/>
                            <a:gd name="connsiteX1141" fmla="*/ 382118 w 2647519"/>
                            <a:gd name="connsiteY1141" fmla="*/ 391477 h 2612594"/>
                            <a:gd name="connsiteX1142" fmla="*/ 406883 w 2647519"/>
                            <a:gd name="connsiteY1142" fmla="*/ 366712 h 2612594"/>
                            <a:gd name="connsiteX1143" fmla="*/ 431648 w 2647519"/>
                            <a:gd name="connsiteY1143" fmla="*/ 343852 h 2612594"/>
                            <a:gd name="connsiteX1144" fmla="*/ 458318 w 2647519"/>
                            <a:gd name="connsiteY1144" fmla="*/ 315277 h 2612594"/>
                            <a:gd name="connsiteX1145" fmla="*/ 495465 w 2647519"/>
                            <a:gd name="connsiteY1145" fmla="*/ 287654 h 2612594"/>
                            <a:gd name="connsiteX1146" fmla="*/ 535470 w 2647519"/>
                            <a:gd name="connsiteY1146" fmla="*/ 258127 h 2612594"/>
                            <a:gd name="connsiteX1147" fmla="*/ 559389 w 2647519"/>
                            <a:gd name="connsiteY1147" fmla="*/ 241440 h 2612594"/>
                            <a:gd name="connsiteX1148" fmla="*/ 575475 w 2647519"/>
                            <a:gd name="connsiteY1148" fmla="*/ 226694 h 2612594"/>
                            <a:gd name="connsiteX1149" fmla="*/ 604050 w 2647519"/>
                            <a:gd name="connsiteY1149" fmla="*/ 209549 h 2612594"/>
                            <a:gd name="connsiteX1150" fmla="*/ 634530 w 2647519"/>
                            <a:gd name="connsiteY1150" fmla="*/ 193357 h 2612594"/>
                            <a:gd name="connsiteX1151" fmla="*/ 638565 w 2647519"/>
                            <a:gd name="connsiteY1151" fmla="*/ 191282 h 2612594"/>
                            <a:gd name="connsiteX1152" fmla="*/ 648937 w 2647519"/>
                            <a:gd name="connsiteY1152" fmla="*/ 181094 h 2612594"/>
                            <a:gd name="connsiteX1153" fmla="*/ 665963 w 2647519"/>
                            <a:gd name="connsiteY1153" fmla="*/ 168592 h 2612594"/>
                            <a:gd name="connsiteX1154" fmla="*/ 684656 w 2647519"/>
                            <a:gd name="connsiteY1154" fmla="*/ 159067 h 2612594"/>
                            <a:gd name="connsiteX1155" fmla="*/ 697880 w 2647519"/>
                            <a:gd name="connsiteY1155" fmla="*/ 156023 h 2612594"/>
                            <a:gd name="connsiteX1156" fmla="*/ 700252 w 2647519"/>
                            <a:gd name="connsiteY1156" fmla="*/ 154304 h 2612594"/>
                            <a:gd name="connsiteX1157" fmla="*/ 959332 w 2647519"/>
                            <a:gd name="connsiteY1157" fmla="*/ 49529 h 2612594"/>
                            <a:gd name="connsiteX1158" fmla="*/ 968945 w 2647519"/>
                            <a:gd name="connsiteY1158" fmla="*/ 47439 h 2612594"/>
                            <a:gd name="connsiteX1159" fmla="*/ 995527 w 2647519"/>
                            <a:gd name="connsiteY1159" fmla="*/ 38099 h 2612594"/>
                            <a:gd name="connsiteX1160" fmla="*/ 1013863 w 2647519"/>
                            <a:gd name="connsiteY1160" fmla="*/ 34408 h 2612594"/>
                            <a:gd name="connsiteX1161" fmla="*/ 1023424 w 2647519"/>
                            <a:gd name="connsiteY1161" fmla="*/ 34327 h 2612594"/>
                            <a:gd name="connsiteX1162" fmla="*/ 1026960 w 2647519"/>
                            <a:gd name="connsiteY1162" fmla="*/ 33337 h 2612594"/>
                            <a:gd name="connsiteX1163" fmla="*/ 1244130 w 2647519"/>
                            <a:gd name="connsiteY1163" fmla="*/ 4762 h 2612594"/>
                            <a:gd name="connsiteX1164" fmla="*/ 1305804 w 2647519"/>
                            <a:gd name="connsiteY1164" fmla="*/ 4524 h 2612594"/>
                            <a:gd name="connsiteX1165" fmla="*/ 1371765 w 2647519"/>
                            <a:gd name="connsiteY1165" fmla="*/ 5714 h 2612594"/>
                            <a:gd name="connsiteX1166" fmla="*/ 1372993 w 2647519"/>
                            <a:gd name="connsiteY1166" fmla="*/ 6635 h 2612594"/>
                            <a:gd name="connsiteX1167" fmla="*/ 1405103 w 2647519"/>
                            <a:gd name="connsiteY1167" fmla="*/ 2857 h 2612594"/>
                            <a:gd name="connsiteX1168" fmla="*/ 1434630 w 2647519"/>
                            <a:gd name="connsiteY1168" fmla="*/ 7619 h 2612594"/>
                            <a:gd name="connsiteX1169" fmla="*/ 1464158 w 2647519"/>
                            <a:gd name="connsiteY1169" fmla="*/ 13334 h 2612594"/>
                            <a:gd name="connsiteX1170" fmla="*/ 1479392 w 2647519"/>
                            <a:gd name="connsiteY1170" fmla="*/ 16797 h 2612594"/>
                            <a:gd name="connsiteX1171" fmla="*/ 1463205 w 2647519"/>
                            <a:gd name="connsiteY1171" fmla="*/ 12382 h 2612594"/>
                            <a:gd name="connsiteX1172" fmla="*/ 1433677 w 2647519"/>
                            <a:gd name="connsiteY1172" fmla="*/ 6667 h 2612594"/>
                            <a:gd name="connsiteX1173" fmla="*/ 1404150 w 2647519"/>
                            <a:gd name="connsiteY1173" fmla="*/ 1905 h 2612594"/>
                            <a:gd name="connsiteX1174" fmla="*/ 1404150 w 2647519"/>
                            <a:gd name="connsiteY1174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4" y="2520821"/>
                              </a:moveTo>
                              <a:lnTo>
                                <a:pt x="1643880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3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2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6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3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4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6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1" y="2265793"/>
                              </a:lnTo>
                              <a:close/>
                              <a:moveTo>
                                <a:pt x="2099802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80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61" y="2217358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6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5" y="2175510"/>
                                <a:pt x="2187820" y="2174974"/>
                              </a:cubicBezTo>
                              <a:close/>
                              <a:moveTo>
                                <a:pt x="475386" y="2153525"/>
                              </a:moveTo>
                              <a:lnTo>
                                <a:pt x="477272" y="2155822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4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2" y="2051897"/>
                              </a:lnTo>
                              <a:lnTo>
                                <a:pt x="2291272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1" y="1790989"/>
                                <a:pt x="2407787" y="1830865"/>
                                <a:pt x="2386218" y="1869449"/>
                              </a:cubicBezTo>
                              <a:lnTo>
                                <a:pt x="2377660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5"/>
                              </a:lnTo>
                              <a:lnTo>
                                <a:pt x="2141046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900"/>
                              </a:lnTo>
                              <a:lnTo>
                                <a:pt x="2038960" y="2261093"/>
                              </a:lnTo>
                              <a:lnTo>
                                <a:pt x="2036092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0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1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8" y="2365909"/>
                              </a:lnTo>
                              <a:lnTo>
                                <a:pt x="1809483" y="2392922"/>
                              </a:lnTo>
                              <a:cubicBezTo>
                                <a:pt x="1768715" y="2410756"/>
                                <a:pt x="1726785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10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3" y="1686218"/>
                              </a:lnTo>
                              <a:lnTo>
                                <a:pt x="2513218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1" y="1451152"/>
                              </a:lnTo>
                              <a:lnTo>
                                <a:pt x="2586542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599181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6" y="1369207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7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0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0" y="383325"/>
                              </a:lnTo>
                              <a:lnTo>
                                <a:pt x="456651" y="391477"/>
                              </a:lnTo>
                              <a:lnTo>
                                <a:pt x="454684" y="394338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52" y="590631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4" y="394338"/>
                              </a:lnTo>
                              <a:lnTo>
                                <a:pt x="464430" y="383325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6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50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4" y="364272"/>
                                <a:pt x="504752" y="361295"/>
                              </a:cubicBezTo>
                              <a:lnTo>
                                <a:pt x="512657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8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8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3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5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7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3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9" y="483516"/>
                                <a:pt x="2540483" y="854556"/>
                                <a:pt x="2540483" y="1275397"/>
                              </a:cubicBezTo>
                              <a:lnTo>
                                <a:pt x="2540081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9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cubicBezTo>
                                <a:pt x="2525242" y="1820227"/>
                                <a:pt x="2519527" y="1823085"/>
                                <a:pt x="2514765" y="1824990"/>
                              </a:cubicBez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6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6" y="2155031"/>
                                <a:pt x="2319383" y="2160389"/>
                              </a:cubicBezTo>
                              <a:lnTo>
                                <a:pt x="2303230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5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1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4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60" y="2417870"/>
                              </a:lnTo>
                              <a:lnTo>
                                <a:pt x="1997979" y="2418995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80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6" y="1850938"/>
                              </a:lnTo>
                              <a:lnTo>
                                <a:pt x="237654" y="1833303"/>
                              </a:lnTo>
                              <a:lnTo>
                                <a:pt x="228809" y="1817250"/>
                              </a:lnTo>
                              <a:lnTo>
                                <a:pt x="214411" y="1784874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4" y="1640674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9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6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2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9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5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gradFill>
                          <a:gsLst>
                            <a:gs pos="0">
                              <a:schemeClr val="bg1"/>
                            </a:gs>
                            <a:gs pos="100000">
                              <a:schemeClr val="accent2">
                                <a:alpha val="15000"/>
                              </a:schemeClr>
                            </a:gs>
                          </a:gsLst>
                          <a:path path="circle">
                            <a:fillToRect l="100000" b="100000"/>
                          </a:path>
                        </a:gra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20" name="Freeform: Shape 18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>
                        <a:spLocks noChangeAspect="1"/>
                      </wps:cNvSpPr>
                      <wps:spPr>
                        <a:xfrm>
                          <a:off x="5977467" y="10041467"/>
                          <a:ext cx="1822661" cy="1798755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3 w 2647519"/>
                            <a:gd name="connsiteY9" fmla="*/ 2520821 h 2612594"/>
                            <a:gd name="connsiteX10" fmla="*/ 1643881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2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1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2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3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5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0 w 2647519"/>
                            <a:gd name="connsiteY143" fmla="*/ 2265793 h 2612594"/>
                            <a:gd name="connsiteX144" fmla="*/ 2099801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79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59 w 2647519"/>
                            <a:gd name="connsiteY154" fmla="*/ 2217355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5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6 h 2612594"/>
                            <a:gd name="connsiteX166" fmla="*/ 477272 w 2647519"/>
                            <a:gd name="connsiteY166" fmla="*/ 2155821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46888 w 2647519"/>
                            <a:gd name="connsiteY180" fmla="*/ 2237422 h 2612594"/>
                            <a:gd name="connsiteX181" fmla="*/ 478787 w 2647519"/>
                            <a:gd name="connsiteY181" fmla="*/ 2272865 h 2612594"/>
                            <a:gd name="connsiteX182" fmla="*/ 482130 w 2647519"/>
                            <a:gd name="connsiteY182" fmla="*/ 2274569 h 2612594"/>
                            <a:gd name="connsiteX183" fmla="*/ 492608 w 2647519"/>
                            <a:gd name="connsiteY183" fmla="*/ 2265997 h 2612594"/>
                            <a:gd name="connsiteX184" fmla="*/ 583095 w 2647519"/>
                            <a:gd name="connsiteY184" fmla="*/ 2337434 h 2612594"/>
                            <a:gd name="connsiteX185" fmla="*/ 564998 w 2647519"/>
                            <a:gd name="connsiteY185" fmla="*/ 2343149 h 2612594"/>
                            <a:gd name="connsiteX186" fmla="*/ 571665 w 2647519"/>
                            <a:gd name="connsiteY186" fmla="*/ 2347912 h 2612594"/>
                            <a:gd name="connsiteX187" fmla="*/ 544995 w 2647519"/>
                            <a:gd name="connsiteY187" fmla="*/ 2348864 h 2612594"/>
                            <a:gd name="connsiteX188" fmla="*/ 527850 w 2647519"/>
                            <a:gd name="connsiteY188" fmla="*/ 2337434 h 2612594"/>
                            <a:gd name="connsiteX189" fmla="*/ 511658 w 2647519"/>
                            <a:gd name="connsiteY189" fmla="*/ 2325052 h 2612594"/>
                            <a:gd name="connsiteX190" fmla="*/ 471653 w 2647519"/>
                            <a:gd name="connsiteY190" fmla="*/ 2291714 h 2612594"/>
                            <a:gd name="connsiteX191" fmla="*/ 434505 w 2647519"/>
                            <a:gd name="connsiteY191" fmla="*/ 2258377 h 2612594"/>
                            <a:gd name="connsiteX192" fmla="*/ 400215 w 2647519"/>
                            <a:gd name="connsiteY192" fmla="*/ 2225039 h 2612594"/>
                            <a:gd name="connsiteX193" fmla="*/ 384023 w 2647519"/>
                            <a:gd name="connsiteY193" fmla="*/ 2208847 h 2612594"/>
                            <a:gd name="connsiteX194" fmla="*/ 368783 w 2647519"/>
                            <a:gd name="connsiteY194" fmla="*/ 2191702 h 2612594"/>
                            <a:gd name="connsiteX195" fmla="*/ 374498 w 2647519"/>
                            <a:gd name="connsiteY195" fmla="*/ 2184082 h 2612594"/>
                            <a:gd name="connsiteX196" fmla="*/ 393548 w 2647519"/>
                            <a:gd name="connsiteY196" fmla="*/ 2201227 h 2612594"/>
                            <a:gd name="connsiteX197" fmla="*/ 414503 w 2647519"/>
                            <a:gd name="connsiteY197" fmla="*/ 2217419 h 2612594"/>
                            <a:gd name="connsiteX198" fmla="*/ 440220 w 2647519"/>
                            <a:gd name="connsiteY198" fmla="*/ 2245042 h 2612594"/>
                            <a:gd name="connsiteX199" fmla="*/ 442406 w 2647519"/>
                            <a:gd name="connsiteY199" fmla="*/ 2246917 h 2612594"/>
                            <a:gd name="connsiteX200" fmla="*/ 414503 w 2647519"/>
                            <a:gd name="connsiteY200" fmla="*/ 2217419 h 2612594"/>
                            <a:gd name="connsiteX201" fmla="*/ 394500 w 2647519"/>
                            <a:gd name="connsiteY201" fmla="*/ 2201227 h 2612594"/>
                            <a:gd name="connsiteX202" fmla="*/ 375450 w 2647519"/>
                            <a:gd name="connsiteY202" fmla="*/ 2184082 h 2612594"/>
                            <a:gd name="connsiteX203" fmla="*/ 354495 w 2647519"/>
                            <a:gd name="connsiteY203" fmla="*/ 2158364 h 2612594"/>
                            <a:gd name="connsiteX204" fmla="*/ 334493 w 2647519"/>
                            <a:gd name="connsiteY204" fmla="*/ 2131694 h 2612594"/>
                            <a:gd name="connsiteX205" fmla="*/ 2432850 w 2647519"/>
                            <a:gd name="connsiteY205" fmla="*/ 1980247 h 2612594"/>
                            <a:gd name="connsiteX206" fmla="*/ 2432367 w 2647519"/>
                            <a:gd name="connsiteY206" fmla="*/ 1980454 h 2612594"/>
                            <a:gd name="connsiteX207" fmla="*/ 2421963 w 2647519"/>
                            <a:gd name="connsiteY207" fmla="*/ 2005422 h 2612594"/>
                            <a:gd name="connsiteX208" fmla="*/ 2422850 w 2647519"/>
                            <a:gd name="connsiteY208" fmla="*/ 1860918 h 2612594"/>
                            <a:gd name="connsiteX209" fmla="*/ 2397608 w 2647519"/>
                            <a:gd name="connsiteY209" fmla="*/ 1897379 h 2612594"/>
                            <a:gd name="connsiteX210" fmla="*/ 2385225 w 2647519"/>
                            <a:gd name="connsiteY210" fmla="*/ 1920239 h 2612594"/>
                            <a:gd name="connsiteX211" fmla="*/ 2372843 w 2647519"/>
                            <a:gd name="connsiteY211" fmla="*/ 1941194 h 2612594"/>
                            <a:gd name="connsiteX212" fmla="*/ 2343315 w 2647519"/>
                            <a:gd name="connsiteY212" fmla="*/ 1980247 h 2612594"/>
                            <a:gd name="connsiteX213" fmla="*/ 2317598 w 2647519"/>
                            <a:gd name="connsiteY213" fmla="*/ 2019299 h 2612594"/>
                            <a:gd name="connsiteX214" fmla="*/ 2294738 w 2647519"/>
                            <a:gd name="connsiteY214" fmla="*/ 2050732 h 2612594"/>
                            <a:gd name="connsiteX215" fmla="*/ 2292831 w 2647519"/>
                            <a:gd name="connsiteY215" fmla="*/ 2051897 h 2612594"/>
                            <a:gd name="connsiteX216" fmla="*/ 2291271 w 2647519"/>
                            <a:gd name="connsiteY216" fmla="*/ 2054208 h 2612594"/>
                            <a:gd name="connsiteX217" fmla="*/ 2293785 w 2647519"/>
                            <a:gd name="connsiteY217" fmla="*/ 2052637 h 2612594"/>
                            <a:gd name="connsiteX218" fmla="*/ 2316645 w 2647519"/>
                            <a:gd name="connsiteY218" fmla="*/ 2021205 h 2612594"/>
                            <a:gd name="connsiteX219" fmla="*/ 2342363 w 2647519"/>
                            <a:gd name="connsiteY219" fmla="*/ 1982152 h 2612594"/>
                            <a:gd name="connsiteX220" fmla="*/ 2371890 w 2647519"/>
                            <a:gd name="connsiteY220" fmla="*/ 1943100 h 2612594"/>
                            <a:gd name="connsiteX221" fmla="*/ 2384273 w 2647519"/>
                            <a:gd name="connsiteY221" fmla="*/ 1922145 h 2612594"/>
                            <a:gd name="connsiteX222" fmla="*/ 2396655 w 2647519"/>
                            <a:gd name="connsiteY222" fmla="*/ 1899285 h 2612594"/>
                            <a:gd name="connsiteX223" fmla="*/ 2422373 w 2647519"/>
                            <a:gd name="connsiteY223" fmla="*/ 1862137 h 2612594"/>
                            <a:gd name="connsiteX224" fmla="*/ 2498930 w 2647519"/>
                            <a:gd name="connsiteY224" fmla="*/ 1857612 h 2612594"/>
                            <a:gd name="connsiteX225" fmla="*/ 2490953 w 2647519"/>
                            <a:gd name="connsiteY225" fmla="*/ 1875472 h 2612594"/>
                            <a:gd name="connsiteX226" fmla="*/ 2473808 w 2647519"/>
                            <a:gd name="connsiteY226" fmla="*/ 1909762 h 2612594"/>
                            <a:gd name="connsiteX227" fmla="*/ 2490953 w 2647519"/>
                            <a:gd name="connsiteY227" fmla="*/ 1875472 h 2612594"/>
                            <a:gd name="connsiteX228" fmla="*/ 2498930 w 2647519"/>
                            <a:gd name="connsiteY228" fmla="*/ 1857612 h 2612594"/>
                            <a:gd name="connsiteX229" fmla="*/ 2521433 w 2647519"/>
                            <a:gd name="connsiteY229" fmla="*/ 1847850 h 2612594"/>
                            <a:gd name="connsiteX230" fmla="*/ 2509050 w 2647519"/>
                            <a:gd name="connsiteY230" fmla="*/ 1884997 h 2612594"/>
                            <a:gd name="connsiteX231" fmla="*/ 2487143 w 2647519"/>
                            <a:gd name="connsiteY231" fmla="*/ 1925002 h 2612594"/>
                            <a:gd name="connsiteX232" fmla="*/ 2465235 w 2647519"/>
                            <a:gd name="connsiteY232" fmla="*/ 1965960 h 2612594"/>
                            <a:gd name="connsiteX233" fmla="*/ 2445233 w 2647519"/>
                            <a:gd name="connsiteY233" fmla="*/ 1991677 h 2612594"/>
                            <a:gd name="connsiteX234" fmla="*/ 2458568 w 2647519"/>
                            <a:gd name="connsiteY234" fmla="*/ 1965007 h 2612594"/>
                            <a:gd name="connsiteX235" fmla="*/ 2469998 w 2647519"/>
                            <a:gd name="connsiteY235" fmla="*/ 1938337 h 2612594"/>
                            <a:gd name="connsiteX236" fmla="*/ 2478570 w 2647519"/>
                            <a:gd name="connsiteY236" fmla="*/ 1924050 h 2612594"/>
                            <a:gd name="connsiteX237" fmla="*/ 2490000 w 2647519"/>
                            <a:gd name="connsiteY237" fmla="*/ 1905000 h 2612594"/>
                            <a:gd name="connsiteX238" fmla="*/ 2500478 w 2647519"/>
                            <a:gd name="connsiteY238" fmla="*/ 1885950 h 2612594"/>
                            <a:gd name="connsiteX239" fmla="*/ 2521433 w 2647519"/>
                            <a:gd name="connsiteY239" fmla="*/ 1847850 h 2612594"/>
                            <a:gd name="connsiteX240" fmla="*/ 2459780 w 2647519"/>
                            <a:gd name="connsiteY240" fmla="*/ 1766202 h 2612594"/>
                            <a:gd name="connsiteX241" fmla="*/ 2436660 w 2647519"/>
                            <a:gd name="connsiteY241" fmla="*/ 1806892 h 2612594"/>
                            <a:gd name="connsiteX242" fmla="*/ 2436235 w 2647519"/>
                            <a:gd name="connsiteY242" fmla="*/ 1807870 h 2612594"/>
                            <a:gd name="connsiteX243" fmla="*/ 2459520 w 2647519"/>
                            <a:gd name="connsiteY243" fmla="*/ 1766887 h 2612594"/>
                            <a:gd name="connsiteX244" fmla="*/ 2472460 w 2647519"/>
                            <a:gd name="connsiteY244" fmla="*/ 1674043 h 2612594"/>
                            <a:gd name="connsiteX245" fmla="*/ 2444672 w 2647519"/>
                            <a:gd name="connsiteY245" fmla="*/ 1749965 h 2612594"/>
                            <a:gd name="connsiteX246" fmla="*/ 2386218 w 2647519"/>
                            <a:gd name="connsiteY246" fmla="*/ 1869449 h 2612594"/>
                            <a:gd name="connsiteX247" fmla="*/ 2377659 w 2647519"/>
                            <a:gd name="connsiteY247" fmla="*/ 1882980 h 2612594"/>
                            <a:gd name="connsiteX248" fmla="*/ 2377605 w 2647519"/>
                            <a:gd name="connsiteY248" fmla="*/ 1883092 h 2612594"/>
                            <a:gd name="connsiteX249" fmla="*/ 2357602 w 2647519"/>
                            <a:gd name="connsiteY249" fmla="*/ 1917382 h 2612594"/>
                            <a:gd name="connsiteX250" fmla="*/ 2337600 w 2647519"/>
                            <a:gd name="connsiteY250" fmla="*/ 1954530 h 2612594"/>
                            <a:gd name="connsiteX251" fmla="*/ 2314740 w 2647519"/>
                            <a:gd name="connsiteY251" fmla="*/ 1983105 h 2612594"/>
                            <a:gd name="connsiteX252" fmla="*/ 2295690 w 2647519"/>
                            <a:gd name="connsiteY252" fmla="*/ 2015490 h 2612594"/>
                            <a:gd name="connsiteX253" fmla="*/ 2183295 w 2647519"/>
                            <a:gd name="connsiteY253" fmla="*/ 2142172 h 2612594"/>
                            <a:gd name="connsiteX254" fmla="*/ 2146147 w 2647519"/>
                            <a:gd name="connsiteY254" fmla="*/ 2173605 h 2612594"/>
                            <a:gd name="connsiteX255" fmla="*/ 2142583 w 2647519"/>
                            <a:gd name="connsiteY255" fmla="*/ 2176314 h 2612594"/>
                            <a:gd name="connsiteX256" fmla="*/ 2141045 w 2647519"/>
                            <a:gd name="connsiteY256" fmla="*/ 2177871 h 2612594"/>
                            <a:gd name="connsiteX257" fmla="*/ 2125512 w 2647519"/>
                            <a:gd name="connsiteY257" fmla="*/ 2190534 h 2612594"/>
                            <a:gd name="connsiteX258" fmla="*/ 2112810 w 2647519"/>
                            <a:gd name="connsiteY258" fmla="*/ 2205037 h 2612594"/>
                            <a:gd name="connsiteX259" fmla="*/ 2066137 w 2647519"/>
                            <a:gd name="connsiteY259" fmla="*/ 2240280 h 2612594"/>
                            <a:gd name="connsiteX260" fmla="*/ 2058824 w 2647519"/>
                            <a:gd name="connsiteY260" fmla="*/ 2244899 h 2612594"/>
                            <a:gd name="connsiteX261" fmla="*/ 2038960 w 2647519"/>
                            <a:gd name="connsiteY261" fmla="*/ 2261093 h 2612594"/>
                            <a:gd name="connsiteX262" fmla="*/ 2036091 w 2647519"/>
                            <a:gd name="connsiteY262" fmla="*/ 2262956 h 2612594"/>
                            <a:gd name="connsiteX263" fmla="*/ 2031847 w 2647519"/>
                            <a:gd name="connsiteY263" fmla="*/ 2266950 h 2612594"/>
                            <a:gd name="connsiteX264" fmla="*/ 1994700 w 2647519"/>
                            <a:gd name="connsiteY264" fmla="*/ 2291715 h 2612594"/>
                            <a:gd name="connsiteX265" fmla="*/ 1957552 w 2647519"/>
                            <a:gd name="connsiteY265" fmla="*/ 2314575 h 2612594"/>
                            <a:gd name="connsiteX266" fmla="*/ 1953301 w 2647519"/>
                            <a:gd name="connsiteY266" fmla="*/ 2316730 h 2612594"/>
                            <a:gd name="connsiteX267" fmla="*/ 1928148 w 2647519"/>
                            <a:gd name="connsiteY267" fmla="*/ 2333067 h 2612594"/>
                            <a:gd name="connsiteX268" fmla="*/ 1920350 w 2647519"/>
                            <a:gd name="connsiteY268" fmla="*/ 2337000 h 2612594"/>
                            <a:gd name="connsiteX269" fmla="*/ 1912785 w 2647519"/>
                            <a:gd name="connsiteY269" fmla="*/ 2342197 h 2612594"/>
                            <a:gd name="connsiteX270" fmla="*/ 1887067 w 2647519"/>
                            <a:gd name="connsiteY270" fmla="*/ 2356485 h 2612594"/>
                            <a:gd name="connsiteX271" fmla="*/ 1863039 w 2647519"/>
                            <a:gd name="connsiteY271" fmla="*/ 2365908 h 2612594"/>
                            <a:gd name="connsiteX272" fmla="*/ 1809482 w 2647519"/>
                            <a:gd name="connsiteY272" fmla="*/ 2392922 h 2612594"/>
                            <a:gd name="connsiteX273" fmla="*/ 1683836 w 2647519"/>
                            <a:gd name="connsiteY273" fmla="*/ 2439784 h 2612594"/>
                            <a:gd name="connsiteX274" fmla="*/ 1596280 w 2647519"/>
                            <a:gd name="connsiteY274" fmla="*/ 2462297 h 2612594"/>
                            <a:gd name="connsiteX275" fmla="*/ 1667040 w 2647519"/>
                            <a:gd name="connsiteY275" fmla="*/ 2448877 h 2612594"/>
                            <a:gd name="connsiteX276" fmla="*/ 1680375 w 2647519"/>
                            <a:gd name="connsiteY276" fmla="*/ 2446019 h 2612594"/>
                            <a:gd name="connsiteX277" fmla="*/ 1723237 w 2647519"/>
                            <a:gd name="connsiteY277" fmla="*/ 2430779 h 2612594"/>
                            <a:gd name="connsiteX278" fmla="*/ 1749907 w 2647519"/>
                            <a:gd name="connsiteY278" fmla="*/ 2422207 h 2612594"/>
                            <a:gd name="connsiteX279" fmla="*/ 1792770 w 2647519"/>
                            <a:gd name="connsiteY279" fmla="*/ 2400299 h 2612594"/>
                            <a:gd name="connsiteX280" fmla="*/ 1841347 w 2647519"/>
                            <a:gd name="connsiteY280" fmla="*/ 2383154 h 2612594"/>
                            <a:gd name="connsiteX281" fmla="*/ 1872470 w 2647519"/>
                            <a:gd name="connsiteY281" fmla="*/ 2370949 h 2612594"/>
                            <a:gd name="connsiteX282" fmla="*/ 1886115 w 2647519"/>
                            <a:gd name="connsiteY282" fmla="*/ 2363152 h 2612594"/>
                            <a:gd name="connsiteX283" fmla="*/ 1898496 w 2647519"/>
                            <a:gd name="connsiteY283" fmla="*/ 2359343 h 2612594"/>
                            <a:gd name="connsiteX284" fmla="*/ 1915642 w 2647519"/>
                            <a:gd name="connsiteY284" fmla="*/ 2349817 h 2612594"/>
                            <a:gd name="connsiteX285" fmla="*/ 1920147 w 2647519"/>
                            <a:gd name="connsiteY285" fmla="*/ 2346686 h 2612594"/>
                            <a:gd name="connsiteX286" fmla="*/ 1931835 w 2647519"/>
                            <a:gd name="connsiteY286" fmla="*/ 2335530 h 2612594"/>
                            <a:gd name="connsiteX287" fmla="*/ 1957552 w 2647519"/>
                            <a:gd name="connsiteY287" fmla="*/ 2320290 h 2612594"/>
                            <a:gd name="connsiteX288" fmla="*/ 1986810 w 2647519"/>
                            <a:gd name="connsiteY288" fmla="*/ 2305948 h 2612594"/>
                            <a:gd name="connsiteX289" fmla="*/ 1997557 w 2647519"/>
                            <a:gd name="connsiteY289" fmla="*/ 2299334 h 2612594"/>
                            <a:gd name="connsiteX290" fmla="*/ 2034705 w 2647519"/>
                            <a:gd name="connsiteY290" fmla="*/ 2274569 h 2612594"/>
                            <a:gd name="connsiteX291" fmla="*/ 2050897 w 2647519"/>
                            <a:gd name="connsiteY291" fmla="*/ 2259329 h 2612594"/>
                            <a:gd name="connsiteX292" fmla="*/ 2068995 w 2647519"/>
                            <a:gd name="connsiteY292" fmla="*/ 2247899 h 2612594"/>
                            <a:gd name="connsiteX293" fmla="*/ 2115667 w 2647519"/>
                            <a:gd name="connsiteY293" fmla="*/ 2212657 h 2612594"/>
                            <a:gd name="connsiteX294" fmla="*/ 2149005 w 2647519"/>
                            <a:gd name="connsiteY294" fmla="*/ 2181224 h 2612594"/>
                            <a:gd name="connsiteX295" fmla="*/ 2186152 w 2647519"/>
                            <a:gd name="connsiteY295" fmla="*/ 2149792 h 2612594"/>
                            <a:gd name="connsiteX296" fmla="*/ 2298547 w 2647519"/>
                            <a:gd name="connsiteY296" fmla="*/ 2023109 h 2612594"/>
                            <a:gd name="connsiteX297" fmla="*/ 2314015 w 2647519"/>
                            <a:gd name="connsiteY297" fmla="*/ 1996814 h 2612594"/>
                            <a:gd name="connsiteX298" fmla="*/ 2314740 w 2647519"/>
                            <a:gd name="connsiteY298" fmla="*/ 1994534 h 2612594"/>
                            <a:gd name="connsiteX299" fmla="*/ 2339505 w 2647519"/>
                            <a:gd name="connsiteY299" fmla="*/ 1956434 h 2612594"/>
                            <a:gd name="connsiteX300" fmla="*/ 2347125 w 2647519"/>
                            <a:gd name="connsiteY300" fmla="*/ 1945004 h 2612594"/>
                            <a:gd name="connsiteX301" fmla="*/ 2357257 w 2647519"/>
                            <a:gd name="connsiteY301" fmla="*/ 1930951 h 2612594"/>
                            <a:gd name="connsiteX302" fmla="*/ 2360460 w 2647519"/>
                            <a:gd name="connsiteY302" fmla="*/ 1925002 h 2612594"/>
                            <a:gd name="connsiteX303" fmla="*/ 2380462 w 2647519"/>
                            <a:gd name="connsiteY303" fmla="*/ 1890712 h 2612594"/>
                            <a:gd name="connsiteX304" fmla="*/ 2419515 w 2647519"/>
                            <a:gd name="connsiteY304" fmla="*/ 1809749 h 2612594"/>
                            <a:gd name="connsiteX305" fmla="*/ 2457615 w 2647519"/>
                            <a:gd name="connsiteY305" fmla="*/ 1723072 h 2612594"/>
                            <a:gd name="connsiteX306" fmla="*/ 2468807 w 2647519"/>
                            <a:gd name="connsiteY306" fmla="*/ 1687829 h 2612594"/>
                            <a:gd name="connsiteX307" fmla="*/ 2576677 w 2647519"/>
                            <a:gd name="connsiteY307" fmla="*/ 1589722 h 2612594"/>
                            <a:gd name="connsiteX308" fmla="*/ 2573820 w 2647519"/>
                            <a:gd name="connsiteY308" fmla="*/ 1591627 h 2612594"/>
                            <a:gd name="connsiteX309" fmla="*/ 2573820 w 2647519"/>
                            <a:gd name="connsiteY309" fmla="*/ 1591627 h 2612594"/>
                            <a:gd name="connsiteX310" fmla="*/ 2585674 w 2647519"/>
                            <a:gd name="connsiteY310" fmla="*/ 1533271 h 2612594"/>
                            <a:gd name="connsiteX311" fmla="*/ 2585332 w 2647519"/>
                            <a:gd name="connsiteY311" fmla="*/ 1534956 h 2612594"/>
                            <a:gd name="connsiteX312" fmla="*/ 2588107 w 2647519"/>
                            <a:gd name="connsiteY312" fmla="*/ 1538287 h 2612594"/>
                            <a:gd name="connsiteX313" fmla="*/ 2596680 w 2647519"/>
                            <a:gd name="connsiteY313" fmla="*/ 1547812 h 2612594"/>
                            <a:gd name="connsiteX314" fmla="*/ 2602395 w 2647519"/>
                            <a:gd name="connsiteY314" fmla="*/ 1544002 h 2612594"/>
                            <a:gd name="connsiteX315" fmla="*/ 2602539 w 2647519"/>
                            <a:gd name="connsiteY315" fmla="*/ 1543271 h 2612594"/>
                            <a:gd name="connsiteX316" fmla="*/ 2598585 w 2647519"/>
                            <a:gd name="connsiteY316" fmla="*/ 1545907 h 2612594"/>
                            <a:gd name="connsiteX317" fmla="*/ 2589060 w 2647519"/>
                            <a:gd name="connsiteY317" fmla="*/ 1537334 h 2612594"/>
                            <a:gd name="connsiteX318" fmla="*/ 2577184 w 2647519"/>
                            <a:gd name="connsiteY318" fmla="*/ 1425070 h 2612594"/>
                            <a:gd name="connsiteX319" fmla="*/ 2576519 w 2647519"/>
                            <a:gd name="connsiteY319" fmla="*/ 1425107 h 2612594"/>
                            <a:gd name="connsiteX320" fmla="*/ 2575314 w 2647519"/>
                            <a:gd name="connsiteY320" fmla="*/ 1425174 h 2612594"/>
                            <a:gd name="connsiteX321" fmla="*/ 2575725 w 2647519"/>
                            <a:gd name="connsiteY321" fmla="*/ 1429702 h 2612594"/>
                            <a:gd name="connsiteX322" fmla="*/ 2574773 w 2647519"/>
                            <a:gd name="connsiteY322" fmla="*/ 1453515 h 2612594"/>
                            <a:gd name="connsiteX323" fmla="*/ 2570963 w 2647519"/>
                            <a:gd name="connsiteY323" fmla="*/ 1467802 h 2612594"/>
                            <a:gd name="connsiteX324" fmla="*/ 2548103 w 2647519"/>
                            <a:gd name="connsiteY324" fmla="*/ 1503997 h 2612594"/>
                            <a:gd name="connsiteX325" fmla="*/ 2542388 w 2647519"/>
                            <a:gd name="connsiteY325" fmla="*/ 1535430 h 2612594"/>
                            <a:gd name="connsiteX326" fmla="*/ 2536673 w 2647519"/>
                            <a:gd name="connsiteY326" fmla="*/ 1545907 h 2612594"/>
                            <a:gd name="connsiteX327" fmla="*/ 2527148 w 2647519"/>
                            <a:gd name="connsiteY327" fmla="*/ 1591627 h 2612594"/>
                            <a:gd name="connsiteX328" fmla="*/ 2516670 w 2647519"/>
                            <a:gd name="connsiteY328" fmla="*/ 1627822 h 2612594"/>
                            <a:gd name="connsiteX329" fmla="*/ 2505240 w 2647519"/>
                            <a:gd name="connsiteY329" fmla="*/ 1663065 h 2612594"/>
                            <a:gd name="connsiteX330" fmla="*/ 2498573 w 2647519"/>
                            <a:gd name="connsiteY330" fmla="*/ 1690687 h 2612594"/>
                            <a:gd name="connsiteX331" fmla="*/ 2490953 w 2647519"/>
                            <a:gd name="connsiteY331" fmla="*/ 1719262 h 2612594"/>
                            <a:gd name="connsiteX332" fmla="*/ 2497030 w 2647519"/>
                            <a:gd name="connsiteY332" fmla="*/ 1709809 h 2612594"/>
                            <a:gd name="connsiteX333" fmla="*/ 2502383 w 2647519"/>
                            <a:gd name="connsiteY333" fmla="*/ 1689734 h 2612594"/>
                            <a:gd name="connsiteX334" fmla="*/ 2507145 w 2647519"/>
                            <a:gd name="connsiteY334" fmla="*/ 1661159 h 2612594"/>
                            <a:gd name="connsiteX335" fmla="*/ 2518575 w 2647519"/>
                            <a:gd name="connsiteY335" fmla="*/ 1625917 h 2612594"/>
                            <a:gd name="connsiteX336" fmla="*/ 2529053 w 2647519"/>
                            <a:gd name="connsiteY336" fmla="*/ 1589722 h 2612594"/>
                            <a:gd name="connsiteX337" fmla="*/ 2538578 w 2647519"/>
                            <a:gd name="connsiteY337" fmla="*/ 1544002 h 2612594"/>
                            <a:gd name="connsiteX338" fmla="*/ 2544293 w 2647519"/>
                            <a:gd name="connsiteY338" fmla="*/ 1533524 h 2612594"/>
                            <a:gd name="connsiteX339" fmla="*/ 2550008 w 2647519"/>
                            <a:gd name="connsiteY339" fmla="*/ 1502092 h 2612594"/>
                            <a:gd name="connsiteX340" fmla="*/ 2572868 w 2647519"/>
                            <a:gd name="connsiteY340" fmla="*/ 1465897 h 2612594"/>
                            <a:gd name="connsiteX341" fmla="*/ 2557628 w 2647519"/>
                            <a:gd name="connsiteY341" fmla="*/ 1539239 h 2612594"/>
                            <a:gd name="connsiteX342" fmla="*/ 2546198 w 2647519"/>
                            <a:gd name="connsiteY342" fmla="*/ 1600199 h 2612594"/>
                            <a:gd name="connsiteX343" fmla="*/ 2520480 w 2647519"/>
                            <a:gd name="connsiteY343" fmla="*/ 1678304 h 2612594"/>
                            <a:gd name="connsiteX344" fmla="*/ 2515392 w 2647519"/>
                            <a:gd name="connsiteY344" fmla="*/ 1686218 h 2612594"/>
                            <a:gd name="connsiteX345" fmla="*/ 2513217 w 2647519"/>
                            <a:gd name="connsiteY345" fmla="*/ 1698069 h 2612594"/>
                            <a:gd name="connsiteX346" fmla="*/ 2506193 w 2647519"/>
                            <a:gd name="connsiteY346" fmla="*/ 1718310 h 2612594"/>
                            <a:gd name="connsiteX347" fmla="*/ 2479523 w 2647519"/>
                            <a:gd name="connsiteY347" fmla="*/ 1776412 h 2612594"/>
                            <a:gd name="connsiteX348" fmla="*/ 2467140 w 2647519"/>
                            <a:gd name="connsiteY348" fmla="*/ 1806892 h 2612594"/>
                            <a:gd name="connsiteX349" fmla="*/ 2459520 w 2647519"/>
                            <a:gd name="connsiteY349" fmla="*/ 1823085 h 2612594"/>
                            <a:gd name="connsiteX350" fmla="*/ 2449995 w 2647519"/>
                            <a:gd name="connsiteY350" fmla="*/ 1840230 h 2612594"/>
                            <a:gd name="connsiteX351" fmla="*/ 2424278 w 2647519"/>
                            <a:gd name="connsiteY351" fmla="*/ 1885950 h 2612594"/>
                            <a:gd name="connsiteX352" fmla="*/ 2396655 w 2647519"/>
                            <a:gd name="connsiteY352" fmla="*/ 1930717 h 2612594"/>
                            <a:gd name="connsiteX353" fmla="*/ 2361413 w 2647519"/>
                            <a:gd name="connsiteY353" fmla="*/ 1990725 h 2612594"/>
                            <a:gd name="connsiteX354" fmla="*/ 2322360 w 2647519"/>
                            <a:gd name="connsiteY354" fmla="*/ 2049780 h 2612594"/>
                            <a:gd name="connsiteX355" fmla="*/ 2296643 w 2647519"/>
                            <a:gd name="connsiteY355" fmla="*/ 2083117 h 2612594"/>
                            <a:gd name="connsiteX356" fmla="*/ 2269020 w 2647519"/>
                            <a:gd name="connsiteY356" fmla="*/ 2115502 h 2612594"/>
                            <a:gd name="connsiteX357" fmla="*/ 2259495 w 2647519"/>
                            <a:gd name="connsiteY357" fmla="*/ 2128837 h 2612594"/>
                            <a:gd name="connsiteX358" fmla="*/ 2249018 w 2647519"/>
                            <a:gd name="connsiteY358" fmla="*/ 2142172 h 2612594"/>
                            <a:gd name="connsiteX359" fmla="*/ 2232825 w 2647519"/>
                            <a:gd name="connsiteY359" fmla="*/ 2155507 h 2612594"/>
                            <a:gd name="connsiteX360" fmla="*/ 2206342 w 2647519"/>
                            <a:gd name="connsiteY360" fmla="*/ 2184829 h 2612594"/>
                            <a:gd name="connsiteX361" fmla="*/ 2207107 w 2647519"/>
                            <a:gd name="connsiteY361" fmla="*/ 2187892 h 2612594"/>
                            <a:gd name="connsiteX362" fmla="*/ 2179485 w 2647519"/>
                            <a:gd name="connsiteY362" fmla="*/ 2216467 h 2612594"/>
                            <a:gd name="connsiteX363" fmla="*/ 2149957 w 2647519"/>
                            <a:gd name="connsiteY363" fmla="*/ 2237422 h 2612594"/>
                            <a:gd name="connsiteX364" fmla="*/ 2126145 w 2647519"/>
                            <a:gd name="connsiteY364" fmla="*/ 2256472 h 2612594"/>
                            <a:gd name="connsiteX365" fmla="*/ 2103587 w 2647519"/>
                            <a:gd name="connsiteY365" fmla="*/ 2272957 h 2612594"/>
                            <a:gd name="connsiteX366" fmla="*/ 2107095 w 2647519"/>
                            <a:gd name="connsiteY366" fmla="*/ 2272665 h 2612594"/>
                            <a:gd name="connsiteX367" fmla="*/ 2131860 w 2647519"/>
                            <a:gd name="connsiteY367" fmla="*/ 2254567 h 2612594"/>
                            <a:gd name="connsiteX368" fmla="*/ 2155673 w 2647519"/>
                            <a:gd name="connsiteY368" fmla="*/ 2235517 h 2612594"/>
                            <a:gd name="connsiteX369" fmla="*/ 2185200 w 2647519"/>
                            <a:gd name="connsiteY369" fmla="*/ 2214562 h 2612594"/>
                            <a:gd name="connsiteX370" fmla="*/ 2212823 w 2647519"/>
                            <a:gd name="connsiteY370" fmla="*/ 2185987 h 2612594"/>
                            <a:gd name="connsiteX371" fmla="*/ 2211870 w 2647519"/>
                            <a:gd name="connsiteY371" fmla="*/ 2182177 h 2612594"/>
                            <a:gd name="connsiteX372" fmla="*/ 2238540 w 2647519"/>
                            <a:gd name="connsiteY372" fmla="*/ 2152650 h 2612594"/>
                            <a:gd name="connsiteX373" fmla="*/ 2254733 w 2647519"/>
                            <a:gd name="connsiteY373" fmla="*/ 2139315 h 2612594"/>
                            <a:gd name="connsiteX374" fmla="*/ 2265210 w 2647519"/>
                            <a:gd name="connsiteY374" fmla="*/ 2125980 h 2612594"/>
                            <a:gd name="connsiteX375" fmla="*/ 2274735 w 2647519"/>
                            <a:gd name="connsiteY375" fmla="*/ 2112645 h 2612594"/>
                            <a:gd name="connsiteX376" fmla="*/ 2302358 w 2647519"/>
                            <a:gd name="connsiteY376" fmla="*/ 2080260 h 2612594"/>
                            <a:gd name="connsiteX377" fmla="*/ 2328075 w 2647519"/>
                            <a:gd name="connsiteY377" fmla="*/ 2046922 h 2612594"/>
                            <a:gd name="connsiteX378" fmla="*/ 2367128 w 2647519"/>
                            <a:gd name="connsiteY378" fmla="*/ 1987867 h 2612594"/>
                            <a:gd name="connsiteX379" fmla="*/ 2402370 w 2647519"/>
                            <a:gd name="connsiteY379" fmla="*/ 1927860 h 2612594"/>
                            <a:gd name="connsiteX380" fmla="*/ 2429993 w 2647519"/>
                            <a:gd name="connsiteY380" fmla="*/ 1883092 h 2612594"/>
                            <a:gd name="connsiteX381" fmla="*/ 2455710 w 2647519"/>
                            <a:gd name="connsiteY381" fmla="*/ 1837372 h 2612594"/>
                            <a:gd name="connsiteX382" fmla="*/ 2465235 w 2647519"/>
                            <a:gd name="connsiteY382" fmla="*/ 1820227 h 2612594"/>
                            <a:gd name="connsiteX383" fmla="*/ 2472855 w 2647519"/>
                            <a:gd name="connsiteY383" fmla="*/ 1804035 h 2612594"/>
                            <a:gd name="connsiteX384" fmla="*/ 2485238 w 2647519"/>
                            <a:gd name="connsiteY384" fmla="*/ 1773555 h 2612594"/>
                            <a:gd name="connsiteX385" fmla="*/ 2511908 w 2647519"/>
                            <a:gd name="connsiteY385" fmla="*/ 1715452 h 2612594"/>
                            <a:gd name="connsiteX386" fmla="*/ 2522385 w 2647519"/>
                            <a:gd name="connsiteY386" fmla="*/ 1676400 h 2612594"/>
                            <a:gd name="connsiteX387" fmla="*/ 2548103 w 2647519"/>
                            <a:gd name="connsiteY387" fmla="*/ 1598295 h 2612594"/>
                            <a:gd name="connsiteX388" fmla="*/ 2559533 w 2647519"/>
                            <a:gd name="connsiteY388" fmla="*/ 1537335 h 2612594"/>
                            <a:gd name="connsiteX389" fmla="*/ 2574773 w 2647519"/>
                            <a:gd name="connsiteY389" fmla="*/ 1463992 h 2612594"/>
                            <a:gd name="connsiteX390" fmla="*/ 2578209 w 2647519"/>
                            <a:gd name="connsiteY390" fmla="*/ 1451109 h 2612594"/>
                            <a:gd name="connsiteX391" fmla="*/ 2575725 w 2647519"/>
                            <a:gd name="connsiteY391" fmla="*/ 1450657 h 2612594"/>
                            <a:gd name="connsiteX392" fmla="*/ 2576677 w 2647519"/>
                            <a:gd name="connsiteY392" fmla="*/ 1426845 h 2612594"/>
                            <a:gd name="connsiteX393" fmla="*/ 2597632 w 2647519"/>
                            <a:gd name="connsiteY393" fmla="*/ 1404937 h 2612594"/>
                            <a:gd name="connsiteX394" fmla="*/ 2586540 w 2647519"/>
                            <a:gd name="connsiteY394" fmla="*/ 1451152 h 2612594"/>
                            <a:gd name="connsiteX395" fmla="*/ 2586541 w 2647519"/>
                            <a:gd name="connsiteY395" fmla="*/ 1451152 h 2612594"/>
                            <a:gd name="connsiteX396" fmla="*/ 2597633 w 2647519"/>
                            <a:gd name="connsiteY396" fmla="*/ 1404938 h 2612594"/>
                            <a:gd name="connsiteX397" fmla="*/ 2606205 w 2647519"/>
                            <a:gd name="connsiteY397" fmla="*/ 1395412 h 2612594"/>
                            <a:gd name="connsiteX398" fmla="*/ 2600490 w 2647519"/>
                            <a:gd name="connsiteY398" fmla="*/ 1407795 h 2612594"/>
                            <a:gd name="connsiteX399" fmla="*/ 2600490 w 2647519"/>
                            <a:gd name="connsiteY399" fmla="*/ 1407795 h 2612594"/>
                            <a:gd name="connsiteX400" fmla="*/ 2599180 w 2647519"/>
                            <a:gd name="connsiteY400" fmla="*/ 1433750 h 2612594"/>
                            <a:gd name="connsiteX401" fmla="*/ 2598585 w 2647519"/>
                            <a:gd name="connsiteY401" fmla="*/ 1458277 h 2612594"/>
                            <a:gd name="connsiteX402" fmla="*/ 2589060 w 2647519"/>
                            <a:gd name="connsiteY402" fmla="*/ 1487586 h 2612594"/>
                            <a:gd name="connsiteX403" fmla="*/ 2589060 w 2647519"/>
                            <a:gd name="connsiteY403" fmla="*/ 1490934 h 2612594"/>
                            <a:gd name="connsiteX404" fmla="*/ 2600490 w 2647519"/>
                            <a:gd name="connsiteY404" fmla="*/ 1458277 h 2612594"/>
                            <a:gd name="connsiteX405" fmla="*/ 2602395 w 2647519"/>
                            <a:gd name="connsiteY405" fmla="*/ 1407794 h 2612594"/>
                            <a:gd name="connsiteX406" fmla="*/ 2606836 w 2647519"/>
                            <a:gd name="connsiteY406" fmla="*/ 1398173 h 2612594"/>
                            <a:gd name="connsiteX407" fmla="*/ 2565247 w 2647519"/>
                            <a:gd name="connsiteY407" fmla="*/ 1354454 h 2612594"/>
                            <a:gd name="connsiteX408" fmla="*/ 2559005 w 2647519"/>
                            <a:gd name="connsiteY408" fmla="*/ 1369208 h 2612594"/>
                            <a:gd name="connsiteX409" fmla="*/ 2556675 w 2647519"/>
                            <a:gd name="connsiteY409" fmla="*/ 1390650 h 2612594"/>
                            <a:gd name="connsiteX410" fmla="*/ 2553670 w 2647519"/>
                            <a:gd name="connsiteY410" fmla="*/ 1380633 h 2612594"/>
                            <a:gd name="connsiteX411" fmla="*/ 2552571 w 2647519"/>
                            <a:gd name="connsiteY411" fmla="*/ 1382047 h 2612594"/>
                            <a:gd name="connsiteX412" fmla="*/ 2555723 w 2647519"/>
                            <a:gd name="connsiteY412" fmla="*/ 1392555 h 2612594"/>
                            <a:gd name="connsiteX413" fmla="*/ 2553818 w 2647519"/>
                            <a:gd name="connsiteY413" fmla="*/ 1407795 h 2612594"/>
                            <a:gd name="connsiteX414" fmla="*/ 2557628 w 2647519"/>
                            <a:gd name="connsiteY414" fmla="*/ 1420177 h 2612594"/>
                            <a:gd name="connsiteX415" fmla="*/ 2560581 w 2647519"/>
                            <a:gd name="connsiteY415" fmla="*/ 1420013 h 2612594"/>
                            <a:gd name="connsiteX416" fmla="*/ 2558580 w 2647519"/>
                            <a:gd name="connsiteY416" fmla="*/ 1413509 h 2612594"/>
                            <a:gd name="connsiteX417" fmla="*/ 2560485 w 2647519"/>
                            <a:gd name="connsiteY417" fmla="*/ 1398269 h 2612594"/>
                            <a:gd name="connsiteX418" fmla="*/ 2565247 w 2647519"/>
                            <a:gd name="connsiteY418" fmla="*/ 1354454 h 2612594"/>
                            <a:gd name="connsiteX419" fmla="*/ 2645258 w 2647519"/>
                            <a:gd name="connsiteY419" fmla="*/ 1328737 h 2612594"/>
                            <a:gd name="connsiteX420" fmla="*/ 2647163 w 2647519"/>
                            <a:gd name="connsiteY420" fmla="*/ 1329689 h 2612594"/>
                            <a:gd name="connsiteX421" fmla="*/ 2646210 w 2647519"/>
                            <a:gd name="connsiteY421" fmla="*/ 1369694 h 2612594"/>
                            <a:gd name="connsiteX422" fmla="*/ 2647163 w 2647519"/>
                            <a:gd name="connsiteY422" fmla="*/ 1397317 h 2612594"/>
                            <a:gd name="connsiteX423" fmla="*/ 2644305 w 2647519"/>
                            <a:gd name="connsiteY423" fmla="*/ 1447799 h 2612594"/>
                            <a:gd name="connsiteX424" fmla="*/ 2641448 w 2647519"/>
                            <a:gd name="connsiteY424" fmla="*/ 1476374 h 2612594"/>
                            <a:gd name="connsiteX425" fmla="*/ 2632875 w 2647519"/>
                            <a:gd name="connsiteY425" fmla="*/ 1518284 h 2612594"/>
                            <a:gd name="connsiteX426" fmla="*/ 2630018 w 2647519"/>
                            <a:gd name="connsiteY426" fmla="*/ 1553527 h 2612594"/>
                            <a:gd name="connsiteX427" fmla="*/ 2615730 w 2647519"/>
                            <a:gd name="connsiteY427" fmla="*/ 1618297 h 2612594"/>
                            <a:gd name="connsiteX428" fmla="*/ 2602395 w 2647519"/>
                            <a:gd name="connsiteY428" fmla="*/ 1674494 h 2612594"/>
                            <a:gd name="connsiteX429" fmla="*/ 2578583 w 2647519"/>
                            <a:gd name="connsiteY429" fmla="*/ 1684972 h 2612594"/>
                            <a:gd name="connsiteX430" fmla="*/ 2580488 w 2647519"/>
                            <a:gd name="connsiteY430" fmla="*/ 1679257 h 2612594"/>
                            <a:gd name="connsiteX431" fmla="*/ 2584298 w 2647519"/>
                            <a:gd name="connsiteY431" fmla="*/ 1639252 h 2612594"/>
                            <a:gd name="connsiteX432" fmla="*/ 2598585 w 2647519"/>
                            <a:gd name="connsiteY432" fmla="*/ 1597342 h 2612594"/>
                            <a:gd name="connsiteX433" fmla="*/ 2610015 w 2647519"/>
                            <a:gd name="connsiteY433" fmla="*/ 1590675 h 2612594"/>
                            <a:gd name="connsiteX434" fmla="*/ 2610015 w 2647519"/>
                            <a:gd name="connsiteY434" fmla="*/ 1590674 h 2612594"/>
                            <a:gd name="connsiteX435" fmla="*/ 2622398 w 2647519"/>
                            <a:gd name="connsiteY435" fmla="*/ 1518284 h 2612594"/>
                            <a:gd name="connsiteX436" fmla="*/ 2629065 w 2647519"/>
                            <a:gd name="connsiteY436" fmla="*/ 1483994 h 2612594"/>
                            <a:gd name="connsiteX437" fmla="*/ 2634780 w 2647519"/>
                            <a:gd name="connsiteY437" fmla="*/ 1448752 h 2612594"/>
                            <a:gd name="connsiteX438" fmla="*/ 2639543 w 2647519"/>
                            <a:gd name="connsiteY438" fmla="*/ 1415414 h 2612594"/>
                            <a:gd name="connsiteX439" fmla="*/ 2641448 w 2647519"/>
                            <a:gd name="connsiteY439" fmla="*/ 1383982 h 2612594"/>
                            <a:gd name="connsiteX440" fmla="*/ 2642400 w 2647519"/>
                            <a:gd name="connsiteY440" fmla="*/ 1357312 h 2612594"/>
                            <a:gd name="connsiteX441" fmla="*/ 2644305 w 2647519"/>
                            <a:gd name="connsiteY441" fmla="*/ 1343024 h 2612594"/>
                            <a:gd name="connsiteX442" fmla="*/ 2645258 w 2647519"/>
                            <a:gd name="connsiteY442" fmla="*/ 1328737 h 2612594"/>
                            <a:gd name="connsiteX443" fmla="*/ 134151 w 2647519"/>
                            <a:gd name="connsiteY443" fmla="*/ 887095 h 2612594"/>
                            <a:gd name="connsiteX444" fmla="*/ 134625 w 2647519"/>
                            <a:gd name="connsiteY444" fmla="*/ 887332 h 2612594"/>
                            <a:gd name="connsiteX445" fmla="*/ 134670 w 2647519"/>
                            <a:gd name="connsiteY445" fmla="*/ 887199 h 2612594"/>
                            <a:gd name="connsiteX446" fmla="*/ 191618 w 2647519"/>
                            <a:gd name="connsiteY446" fmla="*/ 750570 h 2612594"/>
                            <a:gd name="connsiteX447" fmla="*/ 170663 w 2647519"/>
                            <a:gd name="connsiteY447" fmla="*/ 789622 h 2612594"/>
                            <a:gd name="connsiteX448" fmla="*/ 153518 w 2647519"/>
                            <a:gd name="connsiteY448" fmla="*/ 803910 h 2612594"/>
                            <a:gd name="connsiteX449" fmla="*/ 153477 w 2647519"/>
                            <a:gd name="connsiteY449" fmla="*/ 804822 h 2612594"/>
                            <a:gd name="connsiteX450" fmla="*/ 151819 w 2647519"/>
                            <a:gd name="connsiteY450" fmla="*/ 841286 h 2612594"/>
                            <a:gd name="connsiteX451" fmla="*/ 151866 w 2647519"/>
                            <a:gd name="connsiteY451" fmla="*/ 841199 h 2612594"/>
                            <a:gd name="connsiteX452" fmla="*/ 153518 w 2647519"/>
                            <a:gd name="connsiteY452" fmla="*/ 804862 h 2612594"/>
                            <a:gd name="connsiteX453" fmla="*/ 170663 w 2647519"/>
                            <a:gd name="connsiteY453" fmla="*/ 790574 h 2612594"/>
                            <a:gd name="connsiteX454" fmla="*/ 191618 w 2647519"/>
                            <a:gd name="connsiteY454" fmla="*/ 751522 h 2612594"/>
                            <a:gd name="connsiteX455" fmla="*/ 192332 w 2647519"/>
                            <a:gd name="connsiteY455" fmla="*/ 751998 h 2612594"/>
                            <a:gd name="connsiteX456" fmla="*/ 192689 w 2647519"/>
                            <a:gd name="connsiteY456" fmla="*/ 751284 h 2612594"/>
                            <a:gd name="connsiteX457" fmla="*/ 203047 w 2647519"/>
                            <a:gd name="connsiteY457" fmla="*/ 667702 h 2612594"/>
                            <a:gd name="connsiteX458" fmla="*/ 189712 w 2647519"/>
                            <a:gd name="connsiteY458" fmla="*/ 677227 h 2612594"/>
                            <a:gd name="connsiteX459" fmla="*/ 169710 w 2647519"/>
                            <a:gd name="connsiteY459" fmla="*/ 719137 h 2612594"/>
                            <a:gd name="connsiteX460" fmla="*/ 174286 w 2647519"/>
                            <a:gd name="connsiteY460" fmla="*/ 722798 h 2612594"/>
                            <a:gd name="connsiteX461" fmla="*/ 174435 w 2647519"/>
                            <a:gd name="connsiteY461" fmla="*/ 722155 h 2612594"/>
                            <a:gd name="connsiteX462" fmla="*/ 170663 w 2647519"/>
                            <a:gd name="connsiteY462" fmla="*/ 719137 h 2612594"/>
                            <a:gd name="connsiteX463" fmla="*/ 190665 w 2647519"/>
                            <a:gd name="connsiteY463" fmla="*/ 677227 h 2612594"/>
                            <a:gd name="connsiteX464" fmla="*/ 202473 w 2647519"/>
                            <a:gd name="connsiteY464" fmla="*/ 668793 h 2612594"/>
                            <a:gd name="connsiteX465" fmla="*/ 276390 w 2647519"/>
                            <a:gd name="connsiteY465" fmla="*/ 613410 h 2612594"/>
                            <a:gd name="connsiteX466" fmla="*/ 275187 w 2647519"/>
                            <a:gd name="connsiteY466" fmla="*/ 614373 h 2612594"/>
                            <a:gd name="connsiteX467" fmla="*/ 270080 w 2647519"/>
                            <a:gd name="connsiteY467" fmla="*/ 634008 h 2612594"/>
                            <a:gd name="connsiteX468" fmla="*/ 266865 w 2647519"/>
                            <a:gd name="connsiteY468" fmla="*/ 643890 h 2612594"/>
                            <a:gd name="connsiteX469" fmla="*/ 179235 w 2647519"/>
                            <a:gd name="connsiteY469" fmla="*/ 803910 h 2612594"/>
                            <a:gd name="connsiteX470" fmla="*/ 166852 w 2647519"/>
                            <a:gd name="connsiteY470" fmla="*/ 842962 h 2612594"/>
                            <a:gd name="connsiteX471" fmla="*/ 155422 w 2647519"/>
                            <a:gd name="connsiteY471" fmla="*/ 882967 h 2612594"/>
                            <a:gd name="connsiteX472" fmla="*/ 130657 w 2647519"/>
                            <a:gd name="connsiteY472" fmla="*/ 966787 h 2612594"/>
                            <a:gd name="connsiteX473" fmla="*/ 114465 w 2647519"/>
                            <a:gd name="connsiteY473" fmla="*/ 1023937 h 2612594"/>
                            <a:gd name="connsiteX474" fmla="*/ 106845 w 2647519"/>
                            <a:gd name="connsiteY474" fmla="*/ 1066800 h 2612594"/>
                            <a:gd name="connsiteX475" fmla="*/ 103035 w 2647519"/>
                            <a:gd name="connsiteY475" fmla="*/ 1088707 h 2612594"/>
                            <a:gd name="connsiteX476" fmla="*/ 100177 w 2647519"/>
                            <a:gd name="connsiteY476" fmla="*/ 1110615 h 2612594"/>
                            <a:gd name="connsiteX477" fmla="*/ 91605 w 2647519"/>
                            <a:gd name="connsiteY477" fmla="*/ 1169670 h 2612594"/>
                            <a:gd name="connsiteX478" fmla="*/ 88747 w 2647519"/>
                            <a:gd name="connsiteY478" fmla="*/ 1205865 h 2612594"/>
                            <a:gd name="connsiteX479" fmla="*/ 93510 w 2647519"/>
                            <a:gd name="connsiteY479" fmla="*/ 1243965 h 2612594"/>
                            <a:gd name="connsiteX480" fmla="*/ 95742 w 2647519"/>
                            <a:gd name="connsiteY480" fmla="*/ 1223205 h 2612594"/>
                            <a:gd name="connsiteX481" fmla="*/ 95415 w 2647519"/>
                            <a:gd name="connsiteY481" fmla="*/ 1216342 h 2612594"/>
                            <a:gd name="connsiteX482" fmla="*/ 99225 w 2647519"/>
                            <a:gd name="connsiteY482" fmla="*/ 1176337 h 2612594"/>
                            <a:gd name="connsiteX483" fmla="*/ 107797 w 2647519"/>
                            <a:gd name="connsiteY483" fmla="*/ 1117282 h 2612594"/>
                            <a:gd name="connsiteX484" fmla="*/ 114596 w 2647519"/>
                            <a:gd name="connsiteY484" fmla="*/ 1109123 h 2612594"/>
                            <a:gd name="connsiteX485" fmla="*/ 124469 w 2647519"/>
                            <a:gd name="connsiteY485" fmla="*/ 1043051 h 2612594"/>
                            <a:gd name="connsiteX486" fmla="*/ 123990 w 2647519"/>
                            <a:gd name="connsiteY486" fmla="*/ 1031557 h 2612594"/>
                            <a:gd name="connsiteX487" fmla="*/ 133400 w 2647519"/>
                            <a:gd name="connsiteY487" fmla="*/ 1004581 h 2612594"/>
                            <a:gd name="connsiteX488" fmla="*/ 138999 w 2647519"/>
                            <a:gd name="connsiteY488" fmla="*/ 981931 h 2612594"/>
                            <a:gd name="connsiteX489" fmla="*/ 137325 w 2647519"/>
                            <a:gd name="connsiteY489" fmla="*/ 985837 h 2612594"/>
                            <a:gd name="connsiteX490" fmla="*/ 131610 w 2647519"/>
                            <a:gd name="connsiteY490" fmla="*/ 983932 h 2612594"/>
                            <a:gd name="connsiteX491" fmla="*/ 117322 w 2647519"/>
                            <a:gd name="connsiteY491" fmla="*/ 1024890 h 2612594"/>
                            <a:gd name="connsiteX492" fmla="*/ 118275 w 2647519"/>
                            <a:gd name="connsiteY492" fmla="*/ 1047750 h 2612594"/>
                            <a:gd name="connsiteX493" fmla="*/ 111607 w 2647519"/>
                            <a:gd name="connsiteY493" fmla="*/ 1091565 h 2612594"/>
                            <a:gd name="connsiteX494" fmla="*/ 110655 w 2647519"/>
                            <a:gd name="connsiteY494" fmla="*/ 1099185 h 2612594"/>
                            <a:gd name="connsiteX495" fmla="*/ 101130 w 2647519"/>
                            <a:gd name="connsiteY495" fmla="*/ 1110615 h 2612594"/>
                            <a:gd name="connsiteX496" fmla="*/ 103987 w 2647519"/>
                            <a:gd name="connsiteY496" fmla="*/ 1088707 h 2612594"/>
                            <a:gd name="connsiteX497" fmla="*/ 107797 w 2647519"/>
                            <a:gd name="connsiteY497" fmla="*/ 1066800 h 2612594"/>
                            <a:gd name="connsiteX498" fmla="*/ 115417 w 2647519"/>
                            <a:gd name="connsiteY498" fmla="*/ 1023937 h 2612594"/>
                            <a:gd name="connsiteX499" fmla="*/ 131610 w 2647519"/>
                            <a:gd name="connsiteY499" fmla="*/ 966787 h 2612594"/>
                            <a:gd name="connsiteX500" fmla="*/ 156375 w 2647519"/>
                            <a:gd name="connsiteY500" fmla="*/ 882967 h 2612594"/>
                            <a:gd name="connsiteX501" fmla="*/ 167805 w 2647519"/>
                            <a:gd name="connsiteY501" fmla="*/ 842962 h 2612594"/>
                            <a:gd name="connsiteX502" fmla="*/ 180187 w 2647519"/>
                            <a:gd name="connsiteY502" fmla="*/ 803910 h 2612594"/>
                            <a:gd name="connsiteX503" fmla="*/ 267817 w 2647519"/>
                            <a:gd name="connsiteY503" fmla="*/ 643890 h 2612594"/>
                            <a:gd name="connsiteX504" fmla="*/ 276390 w 2647519"/>
                            <a:gd name="connsiteY504" fmla="*/ 613410 h 2612594"/>
                            <a:gd name="connsiteX505" fmla="*/ 293536 w 2647519"/>
                            <a:gd name="connsiteY505" fmla="*/ 518160 h 2612594"/>
                            <a:gd name="connsiteX506" fmla="*/ 293535 w 2647519"/>
                            <a:gd name="connsiteY506" fmla="*/ 518160 h 2612594"/>
                            <a:gd name="connsiteX507" fmla="*/ 298297 w 2647519"/>
                            <a:gd name="connsiteY507" fmla="*/ 521970 h 2612594"/>
                            <a:gd name="connsiteX508" fmla="*/ 298297 w 2647519"/>
                            <a:gd name="connsiteY508" fmla="*/ 521969 h 2612594"/>
                            <a:gd name="connsiteX509" fmla="*/ 465169 w 2647519"/>
                            <a:gd name="connsiteY509" fmla="*/ 382550 h 2612594"/>
                            <a:gd name="connsiteX510" fmla="*/ 464986 w 2647519"/>
                            <a:gd name="connsiteY510" fmla="*/ 382696 h 2612594"/>
                            <a:gd name="connsiteX511" fmla="*/ 464431 w 2647519"/>
                            <a:gd name="connsiteY511" fmla="*/ 383323 h 2612594"/>
                            <a:gd name="connsiteX512" fmla="*/ 456650 w 2647519"/>
                            <a:gd name="connsiteY512" fmla="*/ 391477 h 2612594"/>
                            <a:gd name="connsiteX513" fmla="*/ 454683 w 2647519"/>
                            <a:gd name="connsiteY513" fmla="*/ 394339 h 2612594"/>
                            <a:gd name="connsiteX514" fmla="*/ 453399 w 2647519"/>
                            <a:gd name="connsiteY514" fmla="*/ 395790 h 2612594"/>
                            <a:gd name="connsiteX515" fmla="*/ 447840 w 2647519"/>
                            <a:gd name="connsiteY515" fmla="*/ 403860 h 2612594"/>
                            <a:gd name="connsiteX516" fmla="*/ 389738 w 2647519"/>
                            <a:gd name="connsiteY516" fmla="*/ 472440 h 2612594"/>
                            <a:gd name="connsiteX517" fmla="*/ 373545 w 2647519"/>
                            <a:gd name="connsiteY517" fmla="*/ 491490 h 2612594"/>
                            <a:gd name="connsiteX518" fmla="*/ 357353 w 2647519"/>
                            <a:gd name="connsiteY518" fmla="*/ 511492 h 2612594"/>
                            <a:gd name="connsiteX519" fmla="*/ 285782 w 2647519"/>
                            <a:gd name="connsiteY519" fmla="*/ 590597 h 2612594"/>
                            <a:gd name="connsiteX520" fmla="*/ 358305 w 2647519"/>
                            <a:gd name="connsiteY520" fmla="*/ 510540 h 2612594"/>
                            <a:gd name="connsiteX521" fmla="*/ 374497 w 2647519"/>
                            <a:gd name="connsiteY521" fmla="*/ 490537 h 2612594"/>
                            <a:gd name="connsiteX522" fmla="*/ 390690 w 2647519"/>
                            <a:gd name="connsiteY522" fmla="*/ 471487 h 2612594"/>
                            <a:gd name="connsiteX523" fmla="*/ 448792 w 2647519"/>
                            <a:gd name="connsiteY523" fmla="*/ 402907 h 2612594"/>
                            <a:gd name="connsiteX524" fmla="*/ 454683 w 2647519"/>
                            <a:gd name="connsiteY524" fmla="*/ 394339 h 2612594"/>
                            <a:gd name="connsiteX525" fmla="*/ 464431 w 2647519"/>
                            <a:gd name="connsiteY525" fmla="*/ 383323 h 2612594"/>
                            <a:gd name="connsiteX526" fmla="*/ 489348 w 2647519"/>
                            <a:gd name="connsiteY526" fmla="*/ 316869 h 2612594"/>
                            <a:gd name="connsiteX527" fmla="*/ 481127 w 2647519"/>
                            <a:gd name="connsiteY527" fmla="*/ 319733 h 2612594"/>
                            <a:gd name="connsiteX528" fmla="*/ 475013 w 2647519"/>
                            <a:gd name="connsiteY528" fmla="*/ 322003 h 2612594"/>
                            <a:gd name="connsiteX529" fmla="*/ 473558 w 2647519"/>
                            <a:gd name="connsiteY529" fmla="*/ 323849 h 2612594"/>
                            <a:gd name="connsiteX530" fmla="*/ 463080 w 2647519"/>
                            <a:gd name="connsiteY530" fmla="*/ 333374 h 2612594"/>
                            <a:gd name="connsiteX531" fmla="*/ 436410 w 2647519"/>
                            <a:gd name="connsiteY531" fmla="*/ 350519 h 2612594"/>
                            <a:gd name="connsiteX532" fmla="*/ 418313 w 2647519"/>
                            <a:gd name="connsiteY532" fmla="*/ 370522 h 2612594"/>
                            <a:gd name="connsiteX533" fmla="*/ 401168 w 2647519"/>
                            <a:gd name="connsiteY533" fmla="*/ 390524 h 2612594"/>
                            <a:gd name="connsiteX534" fmla="*/ 389738 w 2647519"/>
                            <a:gd name="connsiteY534" fmla="*/ 401002 h 2612594"/>
                            <a:gd name="connsiteX535" fmla="*/ 389349 w 2647519"/>
                            <a:gd name="connsiteY535" fmla="*/ 400516 h 2612594"/>
                            <a:gd name="connsiteX536" fmla="*/ 378546 w 2647519"/>
                            <a:gd name="connsiteY536" fmla="*/ 413504 h 2612594"/>
                            <a:gd name="connsiteX537" fmla="*/ 360210 w 2647519"/>
                            <a:gd name="connsiteY537" fmla="*/ 436245 h 2612594"/>
                            <a:gd name="connsiteX538" fmla="*/ 330683 w 2647519"/>
                            <a:gd name="connsiteY538" fmla="*/ 468630 h 2612594"/>
                            <a:gd name="connsiteX539" fmla="*/ 335445 w 2647519"/>
                            <a:gd name="connsiteY539" fmla="*/ 474344 h 2612594"/>
                            <a:gd name="connsiteX540" fmla="*/ 335536 w 2647519"/>
                            <a:gd name="connsiteY540" fmla="*/ 474264 h 2612594"/>
                            <a:gd name="connsiteX541" fmla="*/ 331635 w 2647519"/>
                            <a:gd name="connsiteY541" fmla="*/ 469582 h 2612594"/>
                            <a:gd name="connsiteX542" fmla="*/ 361162 w 2647519"/>
                            <a:gd name="connsiteY542" fmla="*/ 437197 h 2612594"/>
                            <a:gd name="connsiteX543" fmla="*/ 390690 w 2647519"/>
                            <a:gd name="connsiteY543" fmla="*/ 401002 h 2612594"/>
                            <a:gd name="connsiteX544" fmla="*/ 402120 w 2647519"/>
                            <a:gd name="connsiteY544" fmla="*/ 390525 h 2612594"/>
                            <a:gd name="connsiteX545" fmla="*/ 419265 w 2647519"/>
                            <a:gd name="connsiteY545" fmla="*/ 370522 h 2612594"/>
                            <a:gd name="connsiteX546" fmla="*/ 437362 w 2647519"/>
                            <a:gd name="connsiteY546" fmla="*/ 350520 h 2612594"/>
                            <a:gd name="connsiteX547" fmla="*/ 464032 w 2647519"/>
                            <a:gd name="connsiteY547" fmla="*/ 333375 h 2612594"/>
                            <a:gd name="connsiteX548" fmla="*/ 474510 w 2647519"/>
                            <a:gd name="connsiteY548" fmla="*/ 323850 h 2612594"/>
                            <a:gd name="connsiteX549" fmla="*/ 485940 w 2647519"/>
                            <a:gd name="connsiteY549" fmla="*/ 319564 h 2612594"/>
                            <a:gd name="connsiteX550" fmla="*/ 489548 w 2647519"/>
                            <a:gd name="connsiteY550" fmla="*/ 318444 h 2612594"/>
                            <a:gd name="connsiteX551" fmla="*/ 1868970 w 2647519"/>
                            <a:gd name="connsiteY551" fmla="*/ 144780 h 2612594"/>
                            <a:gd name="connsiteX552" fmla="*/ 1917547 w 2647519"/>
                            <a:gd name="connsiteY552" fmla="*/ 166687 h 2612594"/>
                            <a:gd name="connsiteX553" fmla="*/ 1938502 w 2647519"/>
                            <a:gd name="connsiteY553" fmla="*/ 183832 h 2612594"/>
                            <a:gd name="connsiteX554" fmla="*/ 1891830 w 2647519"/>
                            <a:gd name="connsiteY554" fmla="*/ 160972 h 2612594"/>
                            <a:gd name="connsiteX555" fmla="*/ 1868970 w 2647519"/>
                            <a:gd name="connsiteY555" fmla="*/ 144780 h 2612594"/>
                            <a:gd name="connsiteX556" fmla="*/ 1710855 w 2647519"/>
                            <a:gd name="connsiteY556" fmla="*/ 75247 h 2612594"/>
                            <a:gd name="connsiteX557" fmla="*/ 1748955 w 2647519"/>
                            <a:gd name="connsiteY557" fmla="*/ 83819 h 2612594"/>
                            <a:gd name="connsiteX558" fmla="*/ 1802295 w 2647519"/>
                            <a:gd name="connsiteY558" fmla="*/ 110489 h 2612594"/>
                            <a:gd name="connsiteX559" fmla="*/ 1710855 w 2647519"/>
                            <a:gd name="connsiteY559" fmla="*/ 75247 h 2612594"/>
                            <a:gd name="connsiteX560" fmla="*/ 1137451 w 2647519"/>
                            <a:gd name="connsiteY560" fmla="*/ 68937 h 2612594"/>
                            <a:gd name="connsiteX561" fmla="*/ 1117448 w 2647519"/>
                            <a:gd name="connsiteY561" fmla="*/ 71437 h 2612594"/>
                            <a:gd name="connsiteX562" fmla="*/ 1074585 w 2647519"/>
                            <a:gd name="connsiteY562" fmla="*/ 77152 h 2612594"/>
                            <a:gd name="connsiteX563" fmla="*/ 1032675 w 2647519"/>
                            <a:gd name="connsiteY563" fmla="*/ 86677 h 2612594"/>
                            <a:gd name="connsiteX564" fmla="*/ 1014578 w 2647519"/>
                            <a:gd name="connsiteY564" fmla="*/ 92392 h 2612594"/>
                            <a:gd name="connsiteX565" fmla="*/ 993623 w 2647519"/>
                            <a:gd name="connsiteY565" fmla="*/ 98107 h 2612594"/>
                            <a:gd name="connsiteX566" fmla="*/ 947769 w 2647519"/>
                            <a:gd name="connsiteY566" fmla="*/ 107115 h 2612594"/>
                            <a:gd name="connsiteX567" fmla="*/ 939330 w 2647519"/>
                            <a:gd name="connsiteY567" fmla="*/ 110490 h 2612594"/>
                            <a:gd name="connsiteX568" fmla="*/ 881228 w 2647519"/>
                            <a:gd name="connsiteY568" fmla="*/ 130492 h 2612594"/>
                            <a:gd name="connsiteX569" fmla="*/ 824078 w 2647519"/>
                            <a:gd name="connsiteY569" fmla="*/ 153352 h 2612594"/>
                            <a:gd name="connsiteX570" fmla="*/ 784073 w 2647519"/>
                            <a:gd name="connsiteY570" fmla="*/ 171450 h 2612594"/>
                            <a:gd name="connsiteX571" fmla="*/ 757403 w 2647519"/>
                            <a:gd name="connsiteY571" fmla="*/ 181927 h 2612594"/>
                            <a:gd name="connsiteX572" fmla="*/ 691680 w 2647519"/>
                            <a:gd name="connsiteY572" fmla="*/ 212407 h 2612594"/>
                            <a:gd name="connsiteX573" fmla="*/ 660248 w 2647519"/>
                            <a:gd name="connsiteY573" fmla="*/ 232410 h 2612594"/>
                            <a:gd name="connsiteX574" fmla="*/ 629768 w 2647519"/>
                            <a:gd name="connsiteY574" fmla="*/ 252412 h 2612594"/>
                            <a:gd name="connsiteX575" fmla="*/ 581190 w 2647519"/>
                            <a:gd name="connsiteY575" fmla="*/ 288607 h 2612594"/>
                            <a:gd name="connsiteX576" fmla="*/ 535470 w 2647519"/>
                            <a:gd name="connsiteY576" fmla="*/ 324802 h 2612594"/>
                            <a:gd name="connsiteX577" fmla="*/ 491713 w 2647519"/>
                            <a:gd name="connsiteY577" fmla="*/ 362974 h 2612594"/>
                            <a:gd name="connsiteX578" fmla="*/ 495465 w 2647519"/>
                            <a:gd name="connsiteY578" fmla="*/ 367665 h 2612594"/>
                            <a:gd name="connsiteX579" fmla="*/ 504752 w 2647519"/>
                            <a:gd name="connsiteY579" fmla="*/ 361295 h 2612594"/>
                            <a:gd name="connsiteX580" fmla="*/ 512656 w 2647519"/>
                            <a:gd name="connsiteY580" fmla="*/ 355403 h 2612594"/>
                            <a:gd name="connsiteX581" fmla="*/ 541185 w 2647519"/>
                            <a:gd name="connsiteY581" fmla="*/ 330517 h 2612594"/>
                            <a:gd name="connsiteX582" fmla="*/ 586905 w 2647519"/>
                            <a:gd name="connsiteY582" fmla="*/ 294322 h 2612594"/>
                            <a:gd name="connsiteX583" fmla="*/ 635482 w 2647519"/>
                            <a:gd name="connsiteY583" fmla="*/ 258127 h 2612594"/>
                            <a:gd name="connsiteX584" fmla="*/ 665962 w 2647519"/>
                            <a:gd name="connsiteY584" fmla="*/ 238124 h 2612594"/>
                            <a:gd name="connsiteX585" fmla="*/ 697395 w 2647519"/>
                            <a:gd name="connsiteY585" fmla="*/ 218122 h 2612594"/>
                            <a:gd name="connsiteX586" fmla="*/ 763117 w 2647519"/>
                            <a:gd name="connsiteY586" fmla="*/ 187642 h 2612594"/>
                            <a:gd name="connsiteX587" fmla="*/ 788835 w 2647519"/>
                            <a:gd name="connsiteY587" fmla="*/ 174307 h 2612594"/>
                            <a:gd name="connsiteX588" fmla="*/ 828840 w 2647519"/>
                            <a:gd name="connsiteY588" fmla="*/ 156209 h 2612594"/>
                            <a:gd name="connsiteX589" fmla="*/ 885990 w 2647519"/>
                            <a:gd name="connsiteY589" fmla="*/ 133349 h 2612594"/>
                            <a:gd name="connsiteX590" fmla="*/ 944092 w 2647519"/>
                            <a:gd name="connsiteY590" fmla="*/ 113347 h 2612594"/>
                            <a:gd name="connsiteX591" fmla="*/ 968499 w 2647519"/>
                            <a:gd name="connsiteY591" fmla="*/ 108553 h 2612594"/>
                            <a:gd name="connsiteX592" fmla="*/ 980289 w 2647519"/>
                            <a:gd name="connsiteY592" fmla="*/ 104524 h 2612594"/>
                            <a:gd name="connsiteX593" fmla="*/ 1140765 w 2647519"/>
                            <a:gd name="connsiteY593" fmla="*/ 69904 h 2612594"/>
                            <a:gd name="connsiteX594" fmla="*/ 1478087 w 2647519"/>
                            <a:gd name="connsiteY594" fmla="*/ 48458 h 2612594"/>
                            <a:gd name="connsiteX595" fmla="*/ 1498447 w 2647519"/>
                            <a:gd name="connsiteY595" fmla="*/ 50482 h 2612594"/>
                            <a:gd name="connsiteX596" fmla="*/ 1526070 w 2647519"/>
                            <a:gd name="connsiteY596" fmla="*/ 60007 h 2612594"/>
                            <a:gd name="connsiteX597" fmla="*/ 1505115 w 2647519"/>
                            <a:gd name="connsiteY597" fmla="*/ 57150 h 2612594"/>
                            <a:gd name="connsiteX598" fmla="*/ 1461300 w 2647519"/>
                            <a:gd name="connsiteY598" fmla="*/ 48577 h 2612594"/>
                            <a:gd name="connsiteX599" fmla="*/ 1478087 w 2647519"/>
                            <a:gd name="connsiteY599" fmla="*/ 48458 h 2612594"/>
                            <a:gd name="connsiteX600" fmla="*/ 1588935 w 2647519"/>
                            <a:gd name="connsiteY600" fmla="*/ 40957 h 2612594"/>
                            <a:gd name="connsiteX601" fmla="*/ 1627987 w 2647519"/>
                            <a:gd name="connsiteY601" fmla="*/ 43814 h 2612594"/>
                            <a:gd name="connsiteX602" fmla="*/ 1675612 w 2647519"/>
                            <a:gd name="connsiteY602" fmla="*/ 62864 h 2612594"/>
                            <a:gd name="connsiteX603" fmla="*/ 1616557 w 2647519"/>
                            <a:gd name="connsiteY603" fmla="*/ 52387 h 2612594"/>
                            <a:gd name="connsiteX604" fmla="*/ 1588935 w 2647519"/>
                            <a:gd name="connsiteY604" fmla="*/ 40957 h 2612594"/>
                            <a:gd name="connsiteX605" fmla="*/ 1270324 w 2647519"/>
                            <a:gd name="connsiteY605" fmla="*/ 40719 h 2612594"/>
                            <a:gd name="connsiteX606" fmla="*/ 1160310 w 2647519"/>
                            <a:gd name="connsiteY606" fmla="*/ 46672 h 2612594"/>
                            <a:gd name="connsiteX607" fmla="*/ 1084110 w 2647519"/>
                            <a:gd name="connsiteY607" fmla="*/ 57149 h 2612594"/>
                            <a:gd name="connsiteX608" fmla="*/ 1047915 w 2647519"/>
                            <a:gd name="connsiteY608" fmla="*/ 66674 h 2612594"/>
                            <a:gd name="connsiteX609" fmla="*/ 1016482 w 2647519"/>
                            <a:gd name="connsiteY609" fmla="*/ 78104 h 2612594"/>
                            <a:gd name="connsiteX610" fmla="*/ 972667 w 2647519"/>
                            <a:gd name="connsiteY610" fmla="*/ 83819 h 2612594"/>
                            <a:gd name="connsiteX611" fmla="*/ 806932 w 2647519"/>
                            <a:gd name="connsiteY611" fmla="*/ 147637 h 2612594"/>
                            <a:gd name="connsiteX612" fmla="*/ 746925 w 2647519"/>
                            <a:gd name="connsiteY612" fmla="*/ 174307 h 2612594"/>
                            <a:gd name="connsiteX613" fmla="*/ 728827 w 2647519"/>
                            <a:gd name="connsiteY613" fmla="*/ 180974 h 2612594"/>
                            <a:gd name="connsiteX614" fmla="*/ 712635 w 2647519"/>
                            <a:gd name="connsiteY614" fmla="*/ 189547 h 2612594"/>
                            <a:gd name="connsiteX615" fmla="*/ 682155 w 2647519"/>
                            <a:gd name="connsiteY615" fmla="*/ 205739 h 2612594"/>
                            <a:gd name="connsiteX616" fmla="*/ 634530 w 2647519"/>
                            <a:gd name="connsiteY616" fmla="*/ 230504 h 2612594"/>
                            <a:gd name="connsiteX617" fmla="*/ 598335 w 2647519"/>
                            <a:gd name="connsiteY617" fmla="*/ 259079 h 2612594"/>
                            <a:gd name="connsiteX618" fmla="*/ 493560 w 2647519"/>
                            <a:gd name="connsiteY618" fmla="*/ 340994 h 2612594"/>
                            <a:gd name="connsiteX619" fmla="*/ 471664 w 2647519"/>
                            <a:gd name="connsiteY619" fmla="*/ 360034 h 2612594"/>
                            <a:gd name="connsiteX620" fmla="*/ 450243 w 2647519"/>
                            <a:gd name="connsiteY620" fmla="*/ 379593 h 2612594"/>
                            <a:gd name="connsiteX621" fmla="*/ 450697 w 2647519"/>
                            <a:gd name="connsiteY621" fmla="*/ 380047 h 2612594"/>
                            <a:gd name="connsiteX622" fmla="*/ 285915 w 2647519"/>
                            <a:gd name="connsiteY622" fmla="*/ 573404 h 2612594"/>
                            <a:gd name="connsiteX623" fmla="*/ 252577 w 2647519"/>
                            <a:gd name="connsiteY623" fmla="*/ 619124 h 2612594"/>
                            <a:gd name="connsiteX624" fmla="*/ 237337 w 2647519"/>
                            <a:gd name="connsiteY624" fmla="*/ 646747 h 2612594"/>
                            <a:gd name="connsiteX625" fmla="*/ 222097 w 2647519"/>
                            <a:gd name="connsiteY625" fmla="*/ 672464 h 2612594"/>
                            <a:gd name="connsiteX626" fmla="*/ 193522 w 2647519"/>
                            <a:gd name="connsiteY626" fmla="*/ 725804 h 2612594"/>
                            <a:gd name="connsiteX627" fmla="*/ 162439 w 2647519"/>
                            <a:gd name="connsiteY627" fmla="*/ 774784 h 2612594"/>
                            <a:gd name="connsiteX628" fmla="*/ 162090 w 2647519"/>
                            <a:gd name="connsiteY628" fmla="*/ 776287 h 2612594"/>
                            <a:gd name="connsiteX629" fmla="*/ 151612 w 2647519"/>
                            <a:gd name="connsiteY629" fmla="*/ 804862 h 2612594"/>
                            <a:gd name="connsiteX630" fmla="*/ 143992 w 2647519"/>
                            <a:gd name="connsiteY630" fmla="*/ 818197 h 2612594"/>
                            <a:gd name="connsiteX631" fmla="*/ 142087 w 2647519"/>
                            <a:gd name="connsiteY631" fmla="*/ 820102 h 2612594"/>
                            <a:gd name="connsiteX632" fmla="*/ 133634 w 2647519"/>
                            <a:gd name="connsiteY632" fmla="*/ 848201 h 2612594"/>
                            <a:gd name="connsiteX633" fmla="*/ 131610 w 2647519"/>
                            <a:gd name="connsiteY633" fmla="*/ 864870 h 2612594"/>
                            <a:gd name="connsiteX634" fmla="*/ 129705 w 2647519"/>
                            <a:gd name="connsiteY634" fmla="*/ 888682 h 2612594"/>
                            <a:gd name="connsiteX635" fmla="*/ 116370 w 2647519"/>
                            <a:gd name="connsiteY635" fmla="*/ 927735 h 2612594"/>
                            <a:gd name="connsiteX636" fmla="*/ 103987 w 2647519"/>
                            <a:gd name="connsiteY636" fmla="*/ 966787 h 2612594"/>
                            <a:gd name="connsiteX637" fmla="*/ 90652 w 2647519"/>
                            <a:gd name="connsiteY637" fmla="*/ 1023937 h 2612594"/>
                            <a:gd name="connsiteX638" fmla="*/ 83032 w 2647519"/>
                            <a:gd name="connsiteY638" fmla="*/ 1076325 h 2612594"/>
                            <a:gd name="connsiteX639" fmla="*/ 78270 w 2647519"/>
                            <a:gd name="connsiteY639" fmla="*/ 1128712 h 2612594"/>
                            <a:gd name="connsiteX640" fmla="*/ 84937 w 2647519"/>
                            <a:gd name="connsiteY640" fmla="*/ 1092517 h 2612594"/>
                            <a:gd name="connsiteX641" fmla="*/ 85555 w 2647519"/>
                            <a:gd name="connsiteY641" fmla="*/ 1089530 h 2612594"/>
                            <a:gd name="connsiteX642" fmla="*/ 86842 w 2647519"/>
                            <a:gd name="connsiteY642" fmla="*/ 1075372 h 2612594"/>
                            <a:gd name="connsiteX643" fmla="*/ 94462 w 2647519"/>
                            <a:gd name="connsiteY643" fmla="*/ 1022985 h 2612594"/>
                            <a:gd name="connsiteX644" fmla="*/ 96848 w 2647519"/>
                            <a:gd name="connsiteY644" fmla="*/ 1023781 h 2612594"/>
                            <a:gd name="connsiteX645" fmla="*/ 97055 w 2647519"/>
                            <a:gd name="connsiteY645" fmla="*/ 1022896 h 2612594"/>
                            <a:gd name="connsiteX646" fmla="*/ 94463 w 2647519"/>
                            <a:gd name="connsiteY646" fmla="*/ 1022032 h 2612594"/>
                            <a:gd name="connsiteX647" fmla="*/ 107798 w 2647519"/>
                            <a:gd name="connsiteY647" fmla="*/ 964882 h 2612594"/>
                            <a:gd name="connsiteX648" fmla="*/ 120180 w 2647519"/>
                            <a:gd name="connsiteY648" fmla="*/ 925829 h 2612594"/>
                            <a:gd name="connsiteX649" fmla="*/ 133454 w 2647519"/>
                            <a:gd name="connsiteY649" fmla="*/ 886956 h 2612594"/>
                            <a:gd name="connsiteX650" fmla="*/ 132563 w 2647519"/>
                            <a:gd name="connsiteY650" fmla="*/ 886777 h 2612594"/>
                            <a:gd name="connsiteX651" fmla="*/ 134468 w 2647519"/>
                            <a:gd name="connsiteY651" fmla="*/ 862965 h 2612594"/>
                            <a:gd name="connsiteX652" fmla="*/ 144945 w 2647519"/>
                            <a:gd name="connsiteY652" fmla="*/ 818197 h 2612594"/>
                            <a:gd name="connsiteX653" fmla="*/ 152565 w 2647519"/>
                            <a:gd name="connsiteY653" fmla="*/ 804862 h 2612594"/>
                            <a:gd name="connsiteX654" fmla="*/ 152821 w 2647519"/>
                            <a:gd name="connsiteY654" fmla="*/ 804166 h 2612594"/>
                            <a:gd name="connsiteX655" fmla="*/ 163043 w 2647519"/>
                            <a:gd name="connsiteY655" fmla="*/ 776287 h 2612594"/>
                            <a:gd name="connsiteX656" fmla="*/ 194475 w 2647519"/>
                            <a:gd name="connsiteY656" fmla="*/ 726757 h 2612594"/>
                            <a:gd name="connsiteX657" fmla="*/ 223050 w 2647519"/>
                            <a:gd name="connsiteY657" fmla="*/ 673417 h 2612594"/>
                            <a:gd name="connsiteX658" fmla="*/ 238290 w 2647519"/>
                            <a:gd name="connsiteY658" fmla="*/ 647700 h 2612594"/>
                            <a:gd name="connsiteX659" fmla="*/ 253530 w 2647519"/>
                            <a:gd name="connsiteY659" fmla="*/ 620077 h 2612594"/>
                            <a:gd name="connsiteX660" fmla="*/ 286868 w 2647519"/>
                            <a:gd name="connsiteY660" fmla="*/ 574357 h 2612594"/>
                            <a:gd name="connsiteX661" fmla="*/ 451650 w 2647519"/>
                            <a:gd name="connsiteY661" fmla="*/ 381000 h 2612594"/>
                            <a:gd name="connsiteX662" fmla="*/ 495465 w 2647519"/>
                            <a:gd name="connsiteY662" fmla="*/ 340995 h 2612594"/>
                            <a:gd name="connsiteX663" fmla="*/ 600240 w 2647519"/>
                            <a:gd name="connsiteY663" fmla="*/ 259080 h 2612594"/>
                            <a:gd name="connsiteX664" fmla="*/ 636435 w 2647519"/>
                            <a:gd name="connsiteY664" fmla="*/ 230505 h 2612594"/>
                            <a:gd name="connsiteX665" fmla="*/ 684060 w 2647519"/>
                            <a:gd name="connsiteY665" fmla="*/ 205740 h 2612594"/>
                            <a:gd name="connsiteX666" fmla="*/ 714540 w 2647519"/>
                            <a:gd name="connsiteY666" fmla="*/ 189547 h 2612594"/>
                            <a:gd name="connsiteX667" fmla="*/ 730733 w 2647519"/>
                            <a:gd name="connsiteY667" fmla="*/ 180975 h 2612594"/>
                            <a:gd name="connsiteX668" fmla="*/ 748830 w 2647519"/>
                            <a:gd name="connsiteY668" fmla="*/ 174307 h 2612594"/>
                            <a:gd name="connsiteX669" fmla="*/ 808838 w 2647519"/>
                            <a:gd name="connsiteY669" fmla="*/ 147637 h 2612594"/>
                            <a:gd name="connsiteX670" fmla="*/ 974573 w 2647519"/>
                            <a:gd name="connsiteY670" fmla="*/ 83820 h 2612594"/>
                            <a:gd name="connsiteX671" fmla="*/ 1018388 w 2647519"/>
                            <a:gd name="connsiteY671" fmla="*/ 78105 h 2612594"/>
                            <a:gd name="connsiteX672" fmla="*/ 1049820 w 2647519"/>
                            <a:gd name="connsiteY672" fmla="*/ 66675 h 2612594"/>
                            <a:gd name="connsiteX673" fmla="*/ 1086015 w 2647519"/>
                            <a:gd name="connsiteY673" fmla="*/ 57150 h 2612594"/>
                            <a:gd name="connsiteX674" fmla="*/ 1162215 w 2647519"/>
                            <a:gd name="connsiteY674" fmla="*/ 46672 h 2612594"/>
                            <a:gd name="connsiteX675" fmla="*/ 1272229 w 2647519"/>
                            <a:gd name="connsiteY675" fmla="*/ 41076 h 2612594"/>
                            <a:gd name="connsiteX676" fmla="*/ 1360655 w 2647519"/>
                            <a:gd name="connsiteY676" fmla="*/ 44043 h 2612594"/>
                            <a:gd name="connsiteX677" fmla="*/ 1404150 w 2647519"/>
                            <a:gd name="connsiteY677" fmla="*/ 0 h 2612594"/>
                            <a:gd name="connsiteX678" fmla="*/ 1448917 w 2647519"/>
                            <a:gd name="connsiteY678" fmla="*/ 2857 h 2612594"/>
                            <a:gd name="connsiteX679" fmla="*/ 1494637 w 2647519"/>
                            <a:gd name="connsiteY679" fmla="*/ 7620 h 2612594"/>
                            <a:gd name="connsiteX680" fmla="*/ 1525117 w 2647519"/>
                            <a:gd name="connsiteY680" fmla="*/ 15240 h 2612594"/>
                            <a:gd name="connsiteX681" fmla="*/ 1545120 w 2647519"/>
                            <a:gd name="connsiteY681" fmla="*/ 24765 h 2612594"/>
                            <a:gd name="connsiteX682" fmla="*/ 1569885 w 2647519"/>
                            <a:gd name="connsiteY682" fmla="*/ 20002 h 2612594"/>
                            <a:gd name="connsiteX683" fmla="*/ 1607032 w 2647519"/>
                            <a:gd name="connsiteY683" fmla="*/ 28575 h 2612594"/>
                            <a:gd name="connsiteX684" fmla="*/ 1629892 w 2647519"/>
                            <a:gd name="connsiteY684" fmla="*/ 35242 h 2612594"/>
                            <a:gd name="connsiteX685" fmla="*/ 1628940 w 2647519"/>
                            <a:gd name="connsiteY685" fmla="*/ 36195 h 2612594"/>
                            <a:gd name="connsiteX686" fmla="*/ 1627987 w 2647519"/>
                            <a:gd name="connsiteY686" fmla="*/ 42862 h 2612594"/>
                            <a:gd name="connsiteX687" fmla="*/ 1588935 w 2647519"/>
                            <a:gd name="connsiteY687" fmla="*/ 40005 h 2612594"/>
                            <a:gd name="connsiteX688" fmla="*/ 1575600 w 2647519"/>
                            <a:gd name="connsiteY688" fmla="*/ 36195 h 2612594"/>
                            <a:gd name="connsiteX689" fmla="*/ 1562265 w 2647519"/>
                            <a:gd name="connsiteY689" fmla="*/ 33337 h 2612594"/>
                            <a:gd name="connsiteX690" fmla="*/ 1536547 w 2647519"/>
                            <a:gd name="connsiteY690" fmla="*/ 27622 h 2612594"/>
                            <a:gd name="connsiteX691" fmla="*/ 1510830 w 2647519"/>
                            <a:gd name="connsiteY691" fmla="*/ 21907 h 2612594"/>
                            <a:gd name="connsiteX692" fmla="*/ 1484160 w 2647519"/>
                            <a:gd name="connsiteY692" fmla="*/ 18097 h 2612594"/>
                            <a:gd name="connsiteX693" fmla="*/ 1454633 w 2647519"/>
                            <a:gd name="connsiteY693" fmla="*/ 18097 h 2612594"/>
                            <a:gd name="connsiteX694" fmla="*/ 1430820 w 2647519"/>
                            <a:gd name="connsiteY694" fmla="*/ 18097 h 2612594"/>
                            <a:gd name="connsiteX695" fmla="*/ 1393673 w 2647519"/>
                            <a:gd name="connsiteY695" fmla="*/ 18097 h 2612594"/>
                            <a:gd name="connsiteX696" fmla="*/ 1391928 w 2647519"/>
                            <a:gd name="connsiteY696" fmla="*/ 17540 h 2612594"/>
                            <a:gd name="connsiteX697" fmla="*/ 1375575 w 2647519"/>
                            <a:gd name="connsiteY697" fmla="*/ 25717 h 2612594"/>
                            <a:gd name="connsiteX698" fmla="*/ 1381290 w 2647519"/>
                            <a:gd name="connsiteY698" fmla="*/ 35242 h 2612594"/>
                            <a:gd name="connsiteX699" fmla="*/ 1438440 w 2647519"/>
                            <a:gd name="connsiteY699" fmla="*/ 46672 h 2612594"/>
                            <a:gd name="connsiteX700" fmla="*/ 1413008 w 2647519"/>
                            <a:gd name="connsiteY700" fmla="*/ 47116 h 2612594"/>
                            <a:gd name="connsiteX701" fmla="*/ 1413437 w 2647519"/>
                            <a:gd name="connsiteY701" fmla="*/ 47149 h 2612594"/>
                            <a:gd name="connsiteX702" fmla="*/ 1440345 w 2647519"/>
                            <a:gd name="connsiteY702" fmla="*/ 46672 h 2612594"/>
                            <a:gd name="connsiteX703" fmla="*/ 1463205 w 2647519"/>
                            <a:gd name="connsiteY703" fmla="*/ 49530 h 2612594"/>
                            <a:gd name="connsiteX704" fmla="*/ 1507020 w 2647519"/>
                            <a:gd name="connsiteY704" fmla="*/ 58102 h 2612594"/>
                            <a:gd name="connsiteX705" fmla="*/ 1527975 w 2647519"/>
                            <a:gd name="connsiteY705" fmla="*/ 60960 h 2612594"/>
                            <a:gd name="connsiteX706" fmla="*/ 1563218 w 2647519"/>
                            <a:gd name="connsiteY706" fmla="*/ 68580 h 2612594"/>
                            <a:gd name="connsiteX707" fmla="*/ 1599413 w 2647519"/>
                            <a:gd name="connsiteY707" fmla="*/ 76200 h 2612594"/>
                            <a:gd name="connsiteX708" fmla="*/ 1634655 w 2647519"/>
                            <a:gd name="connsiteY708" fmla="*/ 84772 h 2612594"/>
                            <a:gd name="connsiteX709" fmla="*/ 1669898 w 2647519"/>
                            <a:gd name="connsiteY709" fmla="*/ 95250 h 2612594"/>
                            <a:gd name="connsiteX710" fmla="*/ 1687043 w 2647519"/>
                            <a:gd name="connsiteY710" fmla="*/ 100012 h 2612594"/>
                            <a:gd name="connsiteX711" fmla="*/ 1704188 w 2647519"/>
                            <a:gd name="connsiteY711" fmla="*/ 105727 h 2612594"/>
                            <a:gd name="connsiteX712" fmla="*/ 1704409 w 2647519"/>
                            <a:gd name="connsiteY712" fmla="*/ 105929 h 2612594"/>
                            <a:gd name="connsiteX713" fmla="*/ 1716704 w 2647519"/>
                            <a:gd name="connsiteY713" fmla="*/ 108049 h 2612594"/>
                            <a:gd name="connsiteX714" fmla="*/ 1746499 w 2647519"/>
                            <a:gd name="connsiteY714" fmla="*/ 119121 h 2612594"/>
                            <a:gd name="connsiteX715" fmla="*/ 1750661 w 2647519"/>
                            <a:gd name="connsiteY715" fmla="*/ 125427 h 2612594"/>
                            <a:gd name="connsiteX716" fmla="*/ 1751813 w 2647519"/>
                            <a:gd name="connsiteY716" fmla="*/ 125730 h 2612594"/>
                            <a:gd name="connsiteX717" fmla="*/ 1778483 w 2647519"/>
                            <a:gd name="connsiteY717" fmla="*/ 136207 h 2612594"/>
                            <a:gd name="connsiteX718" fmla="*/ 1801343 w 2647519"/>
                            <a:gd name="connsiteY718" fmla="*/ 145732 h 2612594"/>
                            <a:gd name="connsiteX719" fmla="*/ 1824203 w 2647519"/>
                            <a:gd name="connsiteY719" fmla="*/ 156210 h 2612594"/>
                            <a:gd name="connsiteX720" fmla="*/ 1841348 w 2647519"/>
                            <a:gd name="connsiteY720" fmla="*/ 165735 h 2612594"/>
                            <a:gd name="connsiteX721" fmla="*/ 1852778 w 2647519"/>
                            <a:gd name="connsiteY721" fmla="*/ 171450 h 2612594"/>
                            <a:gd name="connsiteX722" fmla="*/ 1865160 w 2647519"/>
                            <a:gd name="connsiteY722" fmla="*/ 178117 h 2612594"/>
                            <a:gd name="connsiteX723" fmla="*/ 1907070 w 2647519"/>
                            <a:gd name="connsiteY723" fmla="*/ 201930 h 2612594"/>
                            <a:gd name="connsiteX724" fmla="*/ 1960410 w 2647519"/>
                            <a:gd name="connsiteY724" fmla="*/ 236220 h 2612594"/>
                            <a:gd name="connsiteX725" fmla="*/ 1988033 w 2647519"/>
                            <a:gd name="connsiteY725" fmla="*/ 255270 h 2612594"/>
                            <a:gd name="connsiteX726" fmla="*/ 1988832 w 2647519"/>
                            <a:gd name="connsiteY726" fmla="*/ 255841 h 2612594"/>
                            <a:gd name="connsiteX727" fmla="*/ 2002949 w 2647519"/>
                            <a:gd name="connsiteY727" fmla="*/ 264417 h 2612594"/>
                            <a:gd name="connsiteX728" fmla="*/ 2540483 w 2647519"/>
                            <a:gd name="connsiteY728" fmla="*/ 1275397 h 2612594"/>
                            <a:gd name="connsiteX729" fmla="*/ 2540080 w 2647519"/>
                            <a:gd name="connsiteY729" fmla="*/ 1283368 h 2612594"/>
                            <a:gd name="connsiteX730" fmla="*/ 2550960 w 2647519"/>
                            <a:gd name="connsiteY730" fmla="*/ 1284922 h 2612594"/>
                            <a:gd name="connsiteX731" fmla="*/ 2561437 w 2647519"/>
                            <a:gd name="connsiteY731" fmla="*/ 1292542 h 2612594"/>
                            <a:gd name="connsiteX732" fmla="*/ 2566200 w 2647519"/>
                            <a:gd name="connsiteY732" fmla="*/ 1318259 h 2612594"/>
                            <a:gd name="connsiteX733" fmla="*/ 2584297 w 2647519"/>
                            <a:gd name="connsiteY733" fmla="*/ 1348739 h 2612594"/>
                            <a:gd name="connsiteX734" fmla="*/ 2591918 w 2647519"/>
                            <a:gd name="connsiteY734" fmla="*/ 1349432 h 2612594"/>
                            <a:gd name="connsiteX735" fmla="*/ 2591918 w 2647519"/>
                            <a:gd name="connsiteY735" fmla="*/ 1342072 h 2612594"/>
                            <a:gd name="connsiteX736" fmla="*/ 2599661 w 2647519"/>
                            <a:gd name="connsiteY736" fmla="*/ 1320563 h 2612594"/>
                            <a:gd name="connsiteX737" fmla="*/ 2599537 w 2647519"/>
                            <a:gd name="connsiteY737" fmla="*/ 1316355 h 2612594"/>
                            <a:gd name="connsiteX738" fmla="*/ 2607157 w 2647519"/>
                            <a:gd name="connsiteY738" fmla="*/ 1290637 h 2612594"/>
                            <a:gd name="connsiteX739" fmla="*/ 2617635 w 2647519"/>
                            <a:gd name="connsiteY739" fmla="*/ 1290637 h 2612594"/>
                            <a:gd name="connsiteX740" fmla="*/ 2633827 w 2647519"/>
                            <a:gd name="connsiteY740" fmla="*/ 1280160 h 2612594"/>
                            <a:gd name="connsiteX741" fmla="*/ 2635732 w 2647519"/>
                            <a:gd name="connsiteY741" fmla="*/ 1322070 h 2612594"/>
                            <a:gd name="connsiteX742" fmla="*/ 2630970 w 2647519"/>
                            <a:gd name="connsiteY742" fmla="*/ 1342072 h 2612594"/>
                            <a:gd name="connsiteX743" fmla="*/ 2625255 w 2647519"/>
                            <a:gd name="connsiteY743" fmla="*/ 1361122 h 2612594"/>
                            <a:gd name="connsiteX744" fmla="*/ 2622397 w 2647519"/>
                            <a:gd name="connsiteY744" fmla="*/ 1392555 h 2612594"/>
                            <a:gd name="connsiteX745" fmla="*/ 2621445 w 2647519"/>
                            <a:gd name="connsiteY745" fmla="*/ 1408747 h 2612594"/>
                            <a:gd name="connsiteX746" fmla="*/ 2619540 w 2647519"/>
                            <a:gd name="connsiteY746" fmla="*/ 1424940 h 2612594"/>
                            <a:gd name="connsiteX747" fmla="*/ 2615478 w 2647519"/>
                            <a:gd name="connsiteY747" fmla="*/ 1427648 h 2612594"/>
                            <a:gd name="connsiteX748" fmla="*/ 2615730 w 2647519"/>
                            <a:gd name="connsiteY748" fmla="*/ 1428749 h 2612594"/>
                            <a:gd name="connsiteX749" fmla="*/ 2619621 w 2647519"/>
                            <a:gd name="connsiteY749" fmla="*/ 1426155 h 2612594"/>
                            <a:gd name="connsiteX750" fmla="*/ 2621445 w 2647519"/>
                            <a:gd name="connsiteY750" fmla="*/ 1410652 h 2612594"/>
                            <a:gd name="connsiteX751" fmla="*/ 2622397 w 2647519"/>
                            <a:gd name="connsiteY751" fmla="*/ 1394460 h 2612594"/>
                            <a:gd name="connsiteX752" fmla="*/ 2625255 w 2647519"/>
                            <a:gd name="connsiteY752" fmla="*/ 1363027 h 2612594"/>
                            <a:gd name="connsiteX753" fmla="*/ 2630970 w 2647519"/>
                            <a:gd name="connsiteY753" fmla="*/ 1343977 h 2612594"/>
                            <a:gd name="connsiteX754" fmla="*/ 2635732 w 2647519"/>
                            <a:gd name="connsiteY754" fmla="*/ 1323975 h 2612594"/>
                            <a:gd name="connsiteX755" fmla="*/ 2643352 w 2647519"/>
                            <a:gd name="connsiteY755" fmla="*/ 1329690 h 2612594"/>
                            <a:gd name="connsiteX756" fmla="*/ 2642400 w 2647519"/>
                            <a:gd name="connsiteY756" fmla="*/ 1343977 h 2612594"/>
                            <a:gd name="connsiteX757" fmla="*/ 2640495 w 2647519"/>
                            <a:gd name="connsiteY757" fmla="*/ 1358265 h 2612594"/>
                            <a:gd name="connsiteX758" fmla="*/ 2639542 w 2647519"/>
                            <a:gd name="connsiteY758" fmla="*/ 1384935 h 2612594"/>
                            <a:gd name="connsiteX759" fmla="*/ 2637637 w 2647519"/>
                            <a:gd name="connsiteY759" fmla="*/ 1416367 h 2612594"/>
                            <a:gd name="connsiteX760" fmla="*/ 2632875 w 2647519"/>
                            <a:gd name="connsiteY760" fmla="*/ 1449705 h 2612594"/>
                            <a:gd name="connsiteX761" fmla="*/ 2627160 w 2647519"/>
                            <a:gd name="connsiteY761" fmla="*/ 1484947 h 2612594"/>
                            <a:gd name="connsiteX762" fmla="*/ 2620492 w 2647519"/>
                            <a:gd name="connsiteY762" fmla="*/ 1519237 h 2612594"/>
                            <a:gd name="connsiteX763" fmla="*/ 2608110 w 2647519"/>
                            <a:gd name="connsiteY763" fmla="*/ 1591627 h 2612594"/>
                            <a:gd name="connsiteX764" fmla="*/ 2596680 w 2647519"/>
                            <a:gd name="connsiteY764" fmla="*/ 1598295 h 2612594"/>
                            <a:gd name="connsiteX765" fmla="*/ 2582392 w 2647519"/>
                            <a:gd name="connsiteY765" fmla="*/ 1640205 h 2612594"/>
                            <a:gd name="connsiteX766" fmla="*/ 2578582 w 2647519"/>
                            <a:gd name="connsiteY766" fmla="*/ 1680210 h 2612594"/>
                            <a:gd name="connsiteX767" fmla="*/ 2576677 w 2647519"/>
                            <a:gd name="connsiteY767" fmla="*/ 1685925 h 2612594"/>
                            <a:gd name="connsiteX768" fmla="*/ 2560485 w 2647519"/>
                            <a:gd name="connsiteY768" fmla="*/ 1729740 h 2612594"/>
                            <a:gd name="connsiteX769" fmla="*/ 2555722 w 2647519"/>
                            <a:gd name="connsiteY769" fmla="*/ 1733550 h 2612594"/>
                            <a:gd name="connsiteX770" fmla="*/ 2535720 w 2647519"/>
                            <a:gd name="connsiteY770" fmla="*/ 1780222 h 2612594"/>
                            <a:gd name="connsiteX771" fmla="*/ 2556675 w 2647519"/>
                            <a:gd name="connsiteY771" fmla="*/ 1733550 h 2612594"/>
                            <a:gd name="connsiteX772" fmla="*/ 2561437 w 2647519"/>
                            <a:gd name="connsiteY772" fmla="*/ 1729740 h 2612594"/>
                            <a:gd name="connsiteX773" fmla="*/ 2530957 w 2647519"/>
                            <a:gd name="connsiteY773" fmla="*/ 1816417 h 2612594"/>
                            <a:gd name="connsiteX774" fmla="*/ 2514765 w 2647519"/>
                            <a:gd name="connsiteY774" fmla="*/ 1824990 h 2612594"/>
                            <a:gd name="connsiteX775" fmla="*/ 2511407 w 2647519"/>
                            <a:gd name="connsiteY775" fmla="*/ 1831707 h 2612594"/>
                            <a:gd name="connsiteX776" fmla="*/ 2511908 w 2647519"/>
                            <a:gd name="connsiteY776" fmla="*/ 1832609 h 2612594"/>
                            <a:gd name="connsiteX777" fmla="*/ 2515718 w 2647519"/>
                            <a:gd name="connsiteY777" fmla="*/ 1824989 h 2612594"/>
                            <a:gd name="connsiteX778" fmla="*/ 2531910 w 2647519"/>
                            <a:gd name="connsiteY778" fmla="*/ 1816417 h 2612594"/>
                            <a:gd name="connsiteX779" fmla="*/ 2520480 w 2647519"/>
                            <a:gd name="connsiteY779" fmla="*/ 1848802 h 2612594"/>
                            <a:gd name="connsiteX780" fmla="*/ 2499525 w 2647519"/>
                            <a:gd name="connsiteY780" fmla="*/ 1886902 h 2612594"/>
                            <a:gd name="connsiteX781" fmla="*/ 2489048 w 2647519"/>
                            <a:gd name="connsiteY781" fmla="*/ 1905952 h 2612594"/>
                            <a:gd name="connsiteX782" fmla="*/ 2477618 w 2647519"/>
                            <a:gd name="connsiteY782" fmla="*/ 1925002 h 2612594"/>
                            <a:gd name="connsiteX783" fmla="*/ 2469045 w 2647519"/>
                            <a:gd name="connsiteY783" fmla="*/ 1939289 h 2612594"/>
                            <a:gd name="connsiteX784" fmla="*/ 2456663 w 2647519"/>
                            <a:gd name="connsiteY784" fmla="*/ 1966912 h 2612594"/>
                            <a:gd name="connsiteX785" fmla="*/ 2443328 w 2647519"/>
                            <a:gd name="connsiteY785" fmla="*/ 1993582 h 2612594"/>
                            <a:gd name="connsiteX786" fmla="*/ 2422373 w 2647519"/>
                            <a:gd name="connsiteY786" fmla="*/ 2022157 h 2612594"/>
                            <a:gd name="connsiteX787" fmla="*/ 2401418 w 2647519"/>
                            <a:gd name="connsiteY787" fmla="*/ 2048827 h 2612594"/>
                            <a:gd name="connsiteX788" fmla="*/ 2402291 w 2647519"/>
                            <a:gd name="connsiteY788" fmla="*/ 2047029 h 2612594"/>
                            <a:gd name="connsiteX789" fmla="*/ 2378557 w 2647519"/>
                            <a:gd name="connsiteY789" fmla="*/ 2079307 h 2612594"/>
                            <a:gd name="connsiteX790" fmla="*/ 2327122 w 2647519"/>
                            <a:gd name="connsiteY790" fmla="*/ 2135505 h 2612594"/>
                            <a:gd name="connsiteX791" fmla="*/ 2316995 w 2647519"/>
                            <a:gd name="connsiteY791" fmla="*/ 2151085 h 2612594"/>
                            <a:gd name="connsiteX792" fmla="*/ 2327122 w 2647519"/>
                            <a:gd name="connsiteY792" fmla="*/ 2136457 h 2612594"/>
                            <a:gd name="connsiteX793" fmla="*/ 2378557 w 2647519"/>
                            <a:gd name="connsiteY793" fmla="*/ 2080259 h 2612594"/>
                            <a:gd name="connsiteX794" fmla="*/ 2339505 w 2647519"/>
                            <a:gd name="connsiteY794" fmla="*/ 2139314 h 2612594"/>
                            <a:gd name="connsiteX795" fmla="*/ 2319383 w 2647519"/>
                            <a:gd name="connsiteY795" fmla="*/ 2160388 h 2612594"/>
                            <a:gd name="connsiteX796" fmla="*/ 2303229 w 2647519"/>
                            <a:gd name="connsiteY796" fmla="*/ 2172263 h 2612594"/>
                            <a:gd name="connsiteX797" fmla="*/ 2302357 w 2647519"/>
                            <a:gd name="connsiteY797" fmla="*/ 2173605 h 2612594"/>
                            <a:gd name="connsiteX798" fmla="*/ 2292258 w 2647519"/>
                            <a:gd name="connsiteY798" fmla="*/ 2181374 h 2612594"/>
                            <a:gd name="connsiteX799" fmla="*/ 2291880 w 2647519"/>
                            <a:gd name="connsiteY799" fmla="*/ 2184082 h 2612594"/>
                            <a:gd name="connsiteX800" fmla="*/ 2247112 w 2647519"/>
                            <a:gd name="connsiteY800" fmla="*/ 2229802 h 2612594"/>
                            <a:gd name="connsiteX801" fmla="*/ 2199487 w 2647519"/>
                            <a:gd name="connsiteY801" fmla="*/ 2273617 h 2612594"/>
                            <a:gd name="connsiteX802" fmla="*/ 2197284 w 2647519"/>
                            <a:gd name="connsiteY802" fmla="*/ 2275215 h 2612594"/>
                            <a:gd name="connsiteX803" fmla="*/ 2181390 w 2647519"/>
                            <a:gd name="connsiteY803" fmla="*/ 2295524 h 2612594"/>
                            <a:gd name="connsiteX804" fmla="*/ 2143290 w 2647519"/>
                            <a:gd name="connsiteY804" fmla="*/ 2324099 h 2612594"/>
                            <a:gd name="connsiteX805" fmla="*/ 2107680 w 2647519"/>
                            <a:gd name="connsiteY805" fmla="*/ 2350806 h 2612594"/>
                            <a:gd name="connsiteX806" fmla="*/ 2107553 w 2647519"/>
                            <a:gd name="connsiteY806" fmla="*/ 2350961 h 2612594"/>
                            <a:gd name="connsiteX807" fmla="*/ 2143290 w 2647519"/>
                            <a:gd name="connsiteY807" fmla="*/ 2325052 h 2612594"/>
                            <a:gd name="connsiteX808" fmla="*/ 2181390 w 2647519"/>
                            <a:gd name="connsiteY808" fmla="*/ 2296477 h 2612594"/>
                            <a:gd name="connsiteX809" fmla="*/ 2149957 w 2647519"/>
                            <a:gd name="connsiteY809" fmla="*/ 2327909 h 2612594"/>
                            <a:gd name="connsiteX810" fmla="*/ 2124359 w 2647519"/>
                            <a:gd name="connsiteY810" fmla="*/ 2344578 h 2612594"/>
                            <a:gd name="connsiteX811" fmla="*/ 2106651 w 2647519"/>
                            <a:gd name="connsiteY811" fmla="*/ 2352057 h 2612594"/>
                            <a:gd name="connsiteX812" fmla="*/ 2106142 w 2647519"/>
                            <a:gd name="connsiteY812" fmla="*/ 2352675 h 2612594"/>
                            <a:gd name="connsiteX813" fmla="*/ 2087092 w 2647519"/>
                            <a:gd name="connsiteY813" fmla="*/ 2365057 h 2612594"/>
                            <a:gd name="connsiteX814" fmla="*/ 2079913 w 2647519"/>
                            <a:gd name="connsiteY814" fmla="*/ 2368384 h 2612594"/>
                            <a:gd name="connsiteX815" fmla="*/ 2061852 w 2647519"/>
                            <a:gd name="connsiteY815" fmla="*/ 2383036 h 2612594"/>
                            <a:gd name="connsiteX816" fmla="*/ 2044230 w 2647519"/>
                            <a:gd name="connsiteY816" fmla="*/ 2395537 h 2612594"/>
                            <a:gd name="connsiteX817" fmla="*/ 2017560 w 2647519"/>
                            <a:gd name="connsiteY817" fmla="*/ 2412682 h 2612594"/>
                            <a:gd name="connsiteX818" fmla="*/ 2008988 w 2647519"/>
                            <a:gd name="connsiteY818" fmla="*/ 2413635 h 2612594"/>
                            <a:gd name="connsiteX819" fmla="*/ 1999459 w 2647519"/>
                            <a:gd name="connsiteY819" fmla="*/ 2417870 h 2612594"/>
                            <a:gd name="connsiteX820" fmla="*/ 1997978 w 2647519"/>
                            <a:gd name="connsiteY820" fmla="*/ 2418994 h 2612594"/>
                            <a:gd name="connsiteX821" fmla="*/ 2009940 w 2647519"/>
                            <a:gd name="connsiteY821" fmla="*/ 2414587 h 2612594"/>
                            <a:gd name="connsiteX822" fmla="*/ 2018513 w 2647519"/>
                            <a:gd name="connsiteY822" fmla="*/ 2413635 h 2612594"/>
                            <a:gd name="connsiteX823" fmla="*/ 1984223 w 2647519"/>
                            <a:gd name="connsiteY823" fmla="*/ 2439352 h 2612594"/>
                            <a:gd name="connsiteX824" fmla="*/ 1962315 w 2647519"/>
                            <a:gd name="connsiteY824" fmla="*/ 2450783 h 2612594"/>
                            <a:gd name="connsiteX825" fmla="*/ 1940408 w 2647519"/>
                            <a:gd name="connsiteY825" fmla="*/ 2461260 h 2612594"/>
                            <a:gd name="connsiteX826" fmla="*/ 1924934 w 2647519"/>
                            <a:gd name="connsiteY826" fmla="*/ 2463581 h 2612594"/>
                            <a:gd name="connsiteX827" fmla="*/ 1922310 w 2647519"/>
                            <a:gd name="connsiteY827" fmla="*/ 2465070 h 2612594"/>
                            <a:gd name="connsiteX828" fmla="*/ 1849920 w 2647519"/>
                            <a:gd name="connsiteY828" fmla="*/ 2496502 h 2612594"/>
                            <a:gd name="connsiteX829" fmla="*/ 1846229 w 2647519"/>
                            <a:gd name="connsiteY829" fmla="*/ 2497341 h 2612594"/>
                            <a:gd name="connsiteX830" fmla="*/ 1824203 w 2647519"/>
                            <a:gd name="connsiteY830" fmla="*/ 2511742 h 2612594"/>
                            <a:gd name="connsiteX831" fmla="*/ 1836585 w 2647519"/>
                            <a:gd name="connsiteY831" fmla="*/ 2515552 h 2612594"/>
                            <a:gd name="connsiteX832" fmla="*/ 1790865 w 2647519"/>
                            <a:gd name="connsiteY832" fmla="*/ 2535555 h 2612594"/>
                            <a:gd name="connsiteX833" fmla="*/ 1794675 w 2647519"/>
                            <a:gd name="connsiteY833" fmla="*/ 2522220 h 2612594"/>
                            <a:gd name="connsiteX834" fmla="*/ 1779435 w 2647519"/>
                            <a:gd name="connsiteY834" fmla="*/ 2527935 h 2612594"/>
                            <a:gd name="connsiteX835" fmla="*/ 1765148 w 2647519"/>
                            <a:gd name="connsiteY835" fmla="*/ 2532697 h 2612594"/>
                            <a:gd name="connsiteX836" fmla="*/ 1735620 w 2647519"/>
                            <a:gd name="connsiteY836" fmla="*/ 2542222 h 2612594"/>
                            <a:gd name="connsiteX837" fmla="*/ 1731675 w 2647519"/>
                            <a:gd name="connsiteY837" fmla="*/ 2537487 h 2612594"/>
                            <a:gd name="connsiteX838" fmla="*/ 1717522 w 2647519"/>
                            <a:gd name="connsiteY838" fmla="*/ 2540317 h 2612594"/>
                            <a:gd name="connsiteX839" fmla="*/ 1700377 w 2647519"/>
                            <a:gd name="connsiteY839" fmla="*/ 2544127 h 2612594"/>
                            <a:gd name="connsiteX840" fmla="*/ 1665135 w 2647519"/>
                            <a:gd name="connsiteY840" fmla="*/ 2552700 h 2612594"/>
                            <a:gd name="connsiteX841" fmla="*/ 1663973 w 2647519"/>
                            <a:gd name="connsiteY841" fmla="*/ 2553240 h 2612594"/>
                            <a:gd name="connsiteX842" fmla="*/ 1697520 w 2647519"/>
                            <a:gd name="connsiteY842" fmla="*/ 2545079 h 2612594"/>
                            <a:gd name="connsiteX843" fmla="*/ 1714665 w 2647519"/>
                            <a:gd name="connsiteY843" fmla="*/ 2541269 h 2612594"/>
                            <a:gd name="connsiteX844" fmla="*/ 1728952 w 2647519"/>
                            <a:gd name="connsiteY844" fmla="*/ 2538412 h 2612594"/>
                            <a:gd name="connsiteX845" fmla="*/ 1734667 w 2647519"/>
                            <a:gd name="connsiteY845" fmla="*/ 2543174 h 2612594"/>
                            <a:gd name="connsiteX846" fmla="*/ 1764195 w 2647519"/>
                            <a:gd name="connsiteY846" fmla="*/ 2533649 h 2612594"/>
                            <a:gd name="connsiteX847" fmla="*/ 1778482 w 2647519"/>
                            <a:gd name="connsiteY847" fmla="*/ 2528887 h 2612594"/>
                            <a:gd name="connsiteX848" fmla="*/ 1793722 w 2647519"/>
                            <a:gd name="connsiteY848" fmla="*/ 2523172 h 2612594"/>
                            <a:gd name="connsiteX849" fmla="*/ 1789912 w 2647519"/>
                            <a:gd name="connsiteY849" fmla="*/ 2536507 h 2612594"/>
                            <a:gd name="connsiteX850" fmla="*/ 1749907 w 2647519"/>
                            <a:gd name="connsiteY850" fmla="*/ 2555557 h 2612594"/>
                            <a:gd name="connsiteX851" fmla="*/ 1747946 w 2647519"/>
                            <a:gd name="connsiteY851" fmla="*/ 2555008 h 2612594"/>
                            <a:gd name="connsiteX852" fmla="*/ 1720380 w 2647519"/>
                            <a:gd name="connsiteY852" fmla="*/ 2566034 h 2612594"/>
                            <a:gd name="connsiteX853" fmla="*/ 1697520 w 2647519"/>
                            <a:gd name="connsiteY853" fmla="*/ 2572702 h 2612594"/>
                            <a:gd name="connsiteX854" fmla="*/ 1663230 w 2647519"/>
                            <a:gd name="connsiteY854" fmla="*/ 2581274 h 2612594"/>
                            <a:gd name="connsiteX855" fmla="*/ 1649062 w 2647519"/>
                            <a:gd name="connsiteY855" fmla="*/ 2580084 h 2612594"/>
                            <a:gd name="connsiteX856" fmla="*/ 1619428 w 2647519"/>
                            <a:gd name="connsiteY856" fmla="*/ 2585850 h 2612594"/>
                            <a:gd name="connsiteX857" fmla="*/ 1618462 w 2647519"/>
                            <a:gd name="connsiteY857" fmla="*/ 2587942 h 2612594"/>
                            <a:gd name="connsiteX858" fmla="*/ 1539405 w 2647519"/>
                            <a:gd name="connsiteY858" fmla="*/ 2603182 h 2612594"/>
                            <a:gd name="connsiteX859" fmla="*/ 1521307 w 2647519"/>
                            <a:gd name="connsiteY859" fmla="*/ 2598419 h 2612594"/>
                            <a:gd name="connsiteX860" fmla="*/ 1506067 w 2647519"/>
                            <a:gd name="connsiteY860" fmla="*/ 2598419 h 2612594"/>
                            <a:gd name="connsiteX861" fmla="*/ 1479397 w 2647519"/>
                            <a:gd name="connsiteY861" fmla="*/ 2606992 h 2612594"/>
                            <a:gd name="connsiteX862" fmla="*/ 1455585 w 2647519"/>
                            <a:gd name="connsiteY862" fmla="*/ 2608897 h 2612594"/>
                            <a:gd name="connsiteX863" fmla="*/ 1431772 w 2647519"/>
                            <a:gd name="connsiteY863" fmla="*/ 2609849 h 2612594"/>
                            <a:gd name="connsiteX864" fmla="*/ 1429185 w 2647519"/>
                            <a:gd name="connsiteY864" fmla="*/ 2608741 h 2612594"/>
                            <a:gd name="connsiteX865" fmla="*/ 1407484 w 2647519"/>
                            <a:gd name="connsiteY865" fmla="*/ 2612588 h 2612594"/>
                            <a:gd name="connsiteX866" fmla="*/ 1381290 w 2647519"/>
                            <a:gd name="connsiteY866" fmla="*/ 2607944 h 2612594"/>
                            <a:gd name="connsiteX867" fmla="*/ 1382243 w 2647519"/>
                            <a:gd name="connsiteY867" fmla="*/ 2606992 h 2612594"/>
                            <a:gd name="connsiteX868" fmla="*/ 1387005 w 2647519"/>
                            <a:gd name="connsiteY868" fmla="*/ 2600324 h 2612594"/>
                            <a:gd name="connsiteX869" fmla="*/ 1365098 w 2647519"/>
                            <a:gd name="connsiteY869" fmla="*/ 2597467 h 2612594"/>
                            <a:gd name="connsiteX870" fmla="*/ 1375575 w 2647519"/>
                            <a:gd name="connsiteY870" fmla="*/ 2591752 h 2612594"/>
                            <a:gd name="connsiteX871" fmla="*/ 1407008 w 2647519"/>
                            <a:gd name="connsiteY871" fmla="*/ 2590799 h 2612594"/>
                            <a:gd name="connsiteX872" fmla="*/ 1437488 w 2647519"/>
                            <a:gd name="connsiteY872" fmla="*/ 2589847 h 2612594"/>
                            <a:gd name="connsiteX873" fmla="*/ 1481302 w 2647519"/>
                            <a:gd name="connsiteY873" fmla="*/ 2590799 h 2612594"/>
                            <a:gd name="connsiteX874" fmla="*/ 1511782 w 2647519"/>
                            <a:gd name="connsiteY874" fmla="*/ 2587942 h 2612594"/>
                            <a:gd name="connsiteX875" fmla="*/ 1568932 w 2647519"/>
                            <a:gd name="connsiteY875" fmla="*/ 2575559 h 2612594"/>
                            <a:gd name="connsiteX876" fmla="*/ 1607032 w 2647519"/>
                            <a:gd name="connsiteY876" fmla="*/ 2566987 h 2612594"/>
                            <a:gd name="connsiteX877" fmla="*/ 1635607 w 2647519"/>
                            <a:gd name="connsiteY877" fmla="*/ 2566034 h 2612594"/>
                            <a:gd name="connsiteX878" fmla="*/ 1637595 w 2647519"/>
                            <a:gd name="connsiteY878" fmla="*/ 2565111 h 2612594"/>
                            <a:gd name="connsiteX879" fmla="*/ 1609890 w 2647519"/>
                            <a:gd name="connsiteY879" fmla="*/ 2566035 h 2612594"/>
                            <a:gd name="connsiteX880" fmla="*/ 1571790 w 2647519"/>
                            <a:gd name="connsiteY880" fmla="*/ 2574607 h 2612594"/>
                            <a:gd name="connsiteX881" fmla="*/ 1514640 w 2647519"/>
                            <a:gd name="connsiteY881" fmla="*/ 2586990 h 2612594"/>
                            <a:gd name="connsiteX882" fmla="*/ 1484160 w 2647519"/>
                            <a:gd name="connsiteY882" fmla="*/ 2589847 h 2612594"/>
                            <a:gd name="connsiteX883" fmla="*/ 1440345 w 2647519"/>
                            <a:gd name="connsiteY883" fmla="*/ 2588895 h 2612594"/>
                            <a:gd name="connsiteX884" fmla="*/ 1409865 w 2647519"/>
                            <a:gd name="connsiteY884" fmla="*/ 2589847 h 2612594"/>
                            <a:gd name="connsiteX885" fmla="*/ 1378432 w 2647519"/>
                            <a:gd name="connsiteY885" fmla="*/ 2590800 h 2612594"/>
                            <a:gd name="connsiteX886" fmla="*/ 1379385 w 2647519"/>
                            <a:gd name="connsiteY886" fmla="*/ 2586990 h 2612594"/>
                            <a:gd name="connsiteX887" fmla="*/ 1386052 w 2647519"/>
                            <a:gd name="connsiteY887" fmla="*/ 2577465 h 2612594"/>
                            <a:gd name="connsiteX888" fmla="*/ 1679422 w 2647519"/>
                            <a:gd name="connsiteY888" fmla="*/ 2528887 h 2612594"/>
                            <a:gd name="connsiteX889" fmla="*/ 1878495 w 2647519"/>
                            <a:gd name="connsiteY889" fmla="*/ 2453640 h 2612594"/>
                            <a:gd name="connsiteX890" fmla="*/ 1930882 w 2647519"/>
                            <a:gd name="connsiteY890" fmla="*/ 2426017 h 2612594"/>
                            <a:gd name="connsiteX891" fmla="*/ 1960410 w 2647519"/>
                            <a:gd name="connsiteY891" fmla="*/ 2410777 h 2612594"/>
                            <a:gd name="connsiteX892" fmla="*/ 1990890 w 2647519"/>
                            <a:gd name="connsiteY892" fmla="*/ 2394585 h 2612594"/>
                            <a:gd name="connsiteX893" fmla="*/ 2048040 w 2647519"/>
                            <a:gd name="connsiteY893" fmla="*/ 2360295 h 2612594"/>
                            <a:gd name="connsiteX894" fmla="*/ 2093760 w 2647519"/>
                            <a:gd name="connsiteY894" fmla="*/ 2325052 h 2612594"/>
                            <a:gd name="connsiteX895" fmla="*/ 2179485 w 2647519"/>
                            <a:gd name="connsiteY895" fmla="*/ 2258377 h 2612594"/>
                            <a:gd name="connsiteX896" fmla="*/ 2203297 w 2647519"/>
                            <a:gd name="connsiteY896" fmla="*/ 2239327 h 2612594"/>
                            <a:gd name="connsiteX897" fmla="*/ 2226157 w 2647519"/>
                            <a:gd name="connsiteY897" fmla="*/ 2219325 h 2612594"/>
                            <a:gd name="connsiteX898" fmla="*/ 2260447 w 2647519"/>
                            <a:gd name="connsiteY898" fmla="*/ 2187892 h 2612594"/>
                            <a:gd name="connsiteX899" fmla="*/ 2274735 w 2647519"/>
                            <a:gd name="connsiteY899" fmla="*/ 2164080 h 2612594"/>
                            <a:gd name="connsiteX900" fmla="*/ 2295258 w 2647519"/>
                            <a:gd name="connsiteY900" fmla="*/ 2145267 h 2612594"/>
                            <a:gd name="connsiteX901" fmla="*/ 2295423 w 2647519"/>
                            <a:gd name="connsiteY901" fmla="*/ 2144085 h 2612594"/>
                            <a:gd name="connsiteX902" fmla="*/ 2275688 w 2647519"/>
                            <a:gd name="connsiteY902" fmla="*/ 2162175 h 2612594"/>
                            <a:gd name="connsiteX903" fmla="*/ 2261400 w 2647519"/>
                            <a:gd name="connsiteY903" fmla="*/ 2185987 h 2612594"/>
                            <a:gd name="connsiteX904" fmla="*/ 2227110 w 2647519"/>
                            <a:gd name="connsiteY904" fmla="*/ 2217420 h 2612594"/>
                            <a:gd name="connsiteX905" fmla="*/ 2204250 w 2647519"/>
                            <a:gd name="connsiteY905" fmla="*/ 2237422 h 2612594"/>
                            <a:gd name="connsiteX906" fmla="*/ 2180438 w 2647519"/>
                            <a:gd name="connsiteY906" fmla="*/ 2256472 h 2612594"/>
                            <a:gd name="connsiteX907" fmla="*/ 2094713 w 2647519"/>
                            <a:gd name="connsiteY907" fmla="*/ 2323147 h 2612594"/>
                            <a:gd name="connsiteX908" fmla="*/ 2048993 w 2647519"/>
                            <a:gd name="connsiteY908" fmla="*/ 2358390 h 2612594"/>
                            <a:gd name="connsiteX909" fmla="*/ 1991843 w 2647519"/>
                            <a:gd name="connsiteY909" fmla="*/ 2392680 h 2612594"/>
                            <a:gd name="connsiteX910" fmla="*/ 1961363 w 2647519"/>
                            <a:gd name="connsiteY910" fmla="*/ 2408872 h 2612594"/>
                            <a:gd name="connsiteX911" fmla="*/ 1931835 w 2647519"/>
                            <a:gd name="connsiteY911" fmla="*/ 2424112 h 2612594"/>
                            <a:gd name="connsiteX912" fmla="*/ 1879448 w 2647519"/>
                            <a:gd name="connsiteY912" fmla="*/ 2451735 h 2612594"/>
                            <a:gd name="connsiteX913" fmla="*/ 1680375 w 2647519"/>
                            <a:gd name="connsiteY913" fmla="*/ 2526982 h 2612594"/>
                            <a:gd name="connsiteX914" fmla="*/ 1387005 w 2647519"/>
                            <a:gd name="connsiteY914" fmla="*/ 2575560 h 2612594"/>
                            <a:gd name="connsiteX915" fmla="*/ 1365098 w 2647519"/>
                            <a:gd name="connsiteY915" fmla="*/ 2575560 h 2612594"/>
                            <a:gd name="connsiteX916" fmla="*/ 1362240 w 2647519"/>
                            <a:gd name="connsiteY916" fmla="*/ 2567940 h 2612594"/>
                            <a:gd name="connsiteX917" fmla="*/ 1339380 w 2647519"/>
                            <a:gd name="connsiteY917" fmla="*/ 2566987 h 2612594"/>
                            <a:gd name="connsiteX918" fmla="*/ 1318425 w 2647519"/>
                            <a:gd name="connsiteY918" fmla="*/ 2575560 h 2612594"/>
                            <a:gd name="connsiteX919" fmla="*/ 1257465 w 2647519"/>
                            <a:gd name="connsiteY919" fmla="*/ 2576512 h 2612594"/>
                            <a:gd name="connsiteX920" fmla="*/ 1212698 w 2647519"/>
                            <a:gd name="connsiteY920" fmla="*/ 2574607 h 2612594"/>
                            <a:gd name="connsiteX921" fmla="*/ 1190790 w 2647519"/>
                            <a:gd name="connsiteY921" fmla="*/ 2572702 h 2612594"/>
                            <a:gd name="connsiteX922" fmla="*/ 1168883 w 2647519"/>
                            <a:gd name="connsiteY922" fmla="*/ 2568892 h 2612594"/>
                            <a:gd name="connsiteX923" fmla="*/ 1182079 w 2647519"/>
                            <a:gd name="connsiteY923" fmla="*/ 2554816 h 2612594"/>
                            <a:gd name="connsiteX924" fmla="*/ 1179360 w 2647519"/>
                            <a:gd name="connsiteY924" fmla="*/ 2555557 h 2612594"/>
                            <a:gd name="connsiteX925" fmla="*/ 1130192 w 2647519"/>
                            <a:gd name="connsiteY925" fmla="*/ 2546452 h 2612594"/>
                            <a:gd name="connsiteX926" fmla="*/ 1127925 w 2647519"/>
                            <a:gd name="connsiteY926" fmla="*/ 2546985 h 2612594"/>
                            <a:gd name="connsiteX927" fmla="*/ 1033628 w 2647519"/>
                            <a:gd name="connsiteY927" fmla="*/ 2529840 h 2612594"/>
                            <a:gd name="connsiteX928" fmla="*/ 996480 w 2647519"/>
                            <a:gd name="connsiteY928" fmla="*/ 2522220 h 2612594"/>
                            <a:gd name="connsiteX929" fmla="*/ 964095 w 2647519"/>
                            <a:gd name="connsiteY929" fmla="*/ 2516505 h 2612594"/>
                            <a:gd name="connsiteX930" fmla="*/ 925043 w 2647519"/>
                            <a:gd name="connsiteY930" fmla="*/ 2498407 h 2612594"/>
                            <a:gd name="connsiteX931" fmla="*/ 876465 w 2647519"/>
                            <a:gd name="connsiteY931" fmla="*/ 2480310 h 2612594"/>
                            <a:gd name="connsiteX932" fmla="*/ 825983 w 2647519"/>
                            <a:gd name="connsiteY932" fmla="*/ 2460307 h 2612594"/>
                            <a:gd name="connsiteX933" fmla="*/ 834555 w 2647519"/>
                            <a:gd name="connsiteY933" fmla="*/ 2453640 h 2612594"/>
                            <a:gd name="connsiteX934" fmla="*/ 869798 w 2647519"/>
                            <a:gd name="connsiteY934" fmla="*/ 2460307 h 2612594"/>
                            <a:gd name="connsiteX935" fmla="*/ 885038 w 2647519"/>
                            <a:gd name="connsiteY935" fmla="*/ 2473642 h 2612594"/>
                            <a:gd name="connsiteX936" fmla="*/ 937425 w 2647519"/>
                            <a:gd name="connsiteY936" fmla="*/ 2488882 h 2612594"/>
                            <a:gd name="connsiteX937" fmla="*/ 1041248 w 2647519"/>
                            <a:gd name="connsiteY937" fmla="*/ 2515552 h 2612594"/>
                            <a:gd name="connsiteX938" fmla="*/ 1066965 w 2647519"/>
                            <a:gd name="connsiteY938" fmla="*/ 2520315 h 2612594"/>
                            <a:gd name="connsiteX939" fmla="*/ 1094588 w 2647519"/>
                            <a:gd name="connsiteY939" fmla="*/ 2525077 h 2612594"/>
                            <a:gd name="connsiteX940" fmla="*/ 1125068 w 2647519"/>
                            <a:gd name="connsiteY940" fmla="*/ 2531745 h 2612594"/>
                            <a:gd name="connsiteX941" fmla="*/ 1158657 w 2647519"/>
                            <a:gd name="connsiteY941" fmla="*/ 2539008 h 2612594"/>
                            <a:gd name="connsiteX942" fmla="*/ 1161262 w 2647519"/>
                            <a:gd name="connsiteY942" fmla="*/ 2538412 h 2612594"/>
                            <a:gd name="connsiteX943" fmla="*/ 1192695 w 2647519"/>
                            <a:gd name="connsiteY943" fmla="*/ 2543175 h 2612594"/>
                            <a:gd name="connsiteX944" fmla="*/ 1193647 w 2647519"/>
                            <a:gd name="connsiteY944" fmla="*/ 2541270 h 2612594"/>
                            <a:gd name="connsiteX945" fmla="*/ 1239367 w 2647519"/>
                            <a:gd name="connsiteY945" fmla="*/ 2543175 h 2612594"/>
                            <a:gd name="connsiteX946" fmla="*/ 1246987 w 2647519"/>
                            <a:gd name="connsiteY946" fmla="*/ 2544127 h 2612594"/>
                            <a:gd name="connsiteX947" fmla="*/ 1317472 w 2647519"/>
                            <a:gd name="connsiteY947" fmla="*/ 2544127 h 2612594"/>
                            <a:gd name="connsiteX948" fmla="*/ 1368907 w 2647519"/>
                            <a:gd name="connsiteY948" fmla="*/ 2546032 h 2612594"/>
                            <a:gd name="connsiteX949" fmla="*/ 1429867 w 2647519"/>
                            <a:gd name="connsiteY949" fmla="*/ 2541270 h 2612594"/>
                            <a:gd name="connsiteX950" fmla="*/ 1437487 w 2647519"/>
                            <a:gd name="connsiteY950" fmla="*/ 2541270 h 2612594"/>
                            <a:gd name="connsiteX951" fmla="*/ 1440345 w 2647519"/>
                            <a:gd name="connsiteY951" fmla="*/ 2548890 h 2612594"/>
                            <a:gd name="connsiteX952" fmla="*/ 1500352 w 2647519"/>
                            <a:gd name="connsiteY952" fmla="*/ 2541270 h 2612594"/>
                            <a:gd name="connsiteX953" fmla="*/ 1540357 w 2647519"/>
                            <a:gd name="connsiteY953" fmla="*/ 2531745 h 2612594"/>
                            <a:gd name="connsiteX954" fmla="*/ 1563217 w 2647519"/>
                            <a:gd name="connsiteY954" fmla="*/ 2527935 h 2612594"/>
                            <a:gd name="connsiteX955" fmla="*/ 1577505 w 2647519"/>
                            <a:gd name="connsiteY955" fmla="*/ 2526030 h 2612594"/>
                            <a:gd name="connsiteX956" fmla="*/ 1608937 w 2647519"/>
                            <a:gd name="connsiteY956" fmla="*/ 2518410 h 2612594"/>
                            <a:gd name="connsiteX957" fmla="*/ 1634655 w 2647519"/>
                            <a:gd name="connsiteY957" fmla="*/ 2512695 h 2612594"/>
                            <a:gd name="connsiteX958" fmla="*/ 1660372 w 2647519"/>
                            <a:gd name="connsiteY958" fmla="*/ 2506027 h 2612594"/>
                            <a:gd name="connsiteX959" fmla="*/ 1707545 w 2647519"/>
                            <a:gd name="connsiteY959" fmla="*/ 2497863 h 2612594"/>
                            <a:gd name="connsiteX960" fmla="*/ 1713713 w 2647519"/>
                            <a:gd name="connsiteY960" fmla="*/ 2495550 h 2612594"/>
                            <a:gd name="connsiteX961" fmla="*/ 1664183 w 2647519"/>
                            <a:gd name="connsiteY961" fmla="*/ 2504122 h 2612594"/>
                            <a:gd name="connsiteX962" fmla="*/ 1638465 w 2647519"/>
                            <a:gd name="connsiteY962" fmla="*/ 2510790 h 2612594"/>
                            <a:gd name="connsiteX963" fmla="*/ 1612748 w 2647519"/>
                            <a:gd name="connsiteY963" fmla="*/ 2516505 h 2612594"/>
                            <a:gd name="connsiteX964" fmla="*/ 1581315 w 2647519"/>
                            <a:gd name="connsiteY964" fmla="*/ 2524125 h 2612594"/>
                            <a:gd name="connsiteX965" fmla="*/ 1567028 w 2647519"/>
                            <a:gd name="connsiteY965" fmla="*/ 2526030 h 2612594"/>
                            <a:gd name="connsiteX966" fmla="*/ 1544168 w 2647519"/>
                            <a:gd name="connsiteY966" fmla="*/ 2529840 h 2612594"/>
                            <a:gd name="connsiteX967" fmla="*/ 1482255 w 2647519"/>
                            <a:gd name="connsiteY967" fmla="*/ 2535555 h 2612594"/>
                            <a:gd name="connsiteX968" fmla="*/ 1440345 w 2647519"/>
                            <a:gd name="connsiteY968" fmla="*/ 2539365 h 2612594"/>
                            <a:gd name="connsiteX969" fmla="*/ 1432725 w 2647519"/>
                            <a:gd name="connsiteY969" fmla="*/ 2539365 h 2612594"/>
                            <a:gd name="connsiteX970" fmla="*/ 1371765 w 2647519"/>
                            <a:gd name="connsiteY970" fmla="*/ 2544127 h 2612594"/>
                            <a:gd name="connsiteX971" fmla="*/ 1320330 w 2647519"/>
                            <a:gd name="connsiteY971" fmla="*/ 2542222 h 2612594"/>
                            <a:gd name="connsiteX972" fmla="*/ 1249845 w 2647519"/>
                            <a:gd name="connsiteY972" fmla="*/ 2542222 h 2612594"/>
                            <a:gd name="connsiteX973" fmla="*/ 1242225 w 2647519"/>
                            <a:gd name="connsiteY973" fmla="*/ 2541270 h 2612594"/>
                            <a:gd name="connsiteX974" fmla="*/ 1212698 w 2647519"/>
                            <a:gd name="connsiteY974" fmla="*/ 2528887 h 2612594"/>
                            <a:gd name="connsiteX975" fmla="*/ 1196505 w 2647519"/>
                            <a:gd name="connsiteY975" fmla="*/ 2539365 h 2612594"/>
                            <a:gd name="connsiteX976" fmla="*/ 1196464 w 2647519"/>
                            <a:gd name="connsiteY976" fmla="*/ 2539447 h 2612594"/>
                            <a:gd name="connsiteX977" fmla="*/ 1209840 w 2647519"/>
                            <a:gd name="connsiteY977" fmla="*/ 2530792 h 2612594"/>
                            <a:gd name="connsiteX978" fmla="*/ 1239368 w 2647519"/>
                            <a:gd name="connsiteY978" fmla="*/ 2543174 h 2612594"/>
                            <a:gd name="connsiteX979" fmla="*/ 1193648 w 2647519"/>
                            <a:gd name="connsiteY979" fmla="*/ 2541269 h 2612594"/>
                            <a:gd name="connsiteX980" fmla="*/ 1194008 w 2647519"/>
                            <a:gd name="connsiteY980" fmla="*/ 2541036 h 2612594"/>
                            <a:gd name="connsiteX981" fmla="*/ 1164120 w 2647519"/>
                            <a:gd name="connsiteY981" fmla="*/ 2536507 h 2612594"/>
                            <a:gd name="connsiteX982" fmla="*/ 1128878 w 2647519"/>
                            <a:gd name="connsiteY982" fmla="*/ 2528887 h 2612594"/>
                            <a:gd name="connsiteX983" fmla="*/ 1098398 w 2647519"/>
                            <a:gd name="connsiteY983" fmla="*/ 2522220 h 2612594"/>
                            <a:gd name="connsiteX984" fmla="*/ 1070775 w 2647519"/>
                            <a:gd name="connsiteY984" fmla="*/ 2517457 h 2612594"/>
                            <a:gd name="connsiteX985" fmla="*/ 1045058 w 2647519"/>
                            <a:gd name="connsiteY985" fmla="*/ 2512695 h 2612594"/>
                            <a:gd name="connsiteX986" fmla="*/ 941235 w 2647519"/>
                            <a:gd name="connsiteY986" fmla="*/ 2486025 h 2612594"/>
                            <a:gd name="connsiteX987" fmla="*/ 888848 w 2647519"/>
                            <a:gd name="connsiteY987" fmla="*/ 2470785 h 2612594"/>
                            <a:gd name="connsiteX988" fmla="*/ 873608 w 2647519"/>
                            <a:gd name="connsiteY988" fmla="*/ 2457450 h 2612594"/>
                            <a:gd name="connsiteX989" fmla="*/ 838365 w 2647519"/>
                            <a:gd name="connsiteY989" fmla="*/ 2450782 h 2612594"/>
                            <a:gd name="connsiteX990" fmla="*/ 785978 w 2647519"/>
                            <a:gd name="connsiteY990" fmla="*/ 2424112 h 2612594"/>
                            <a:gd name="connsiteX991" fmla="*/ 770738 w 2647519"/>
                            <a:gd name="connsiteY991" fmla="*/ 2425065 h 2612594"/>
                            <a:gd name="connsiteX992" fmla="*/ 716445 w 2647519"/>
                            <a:gd name="connsiteY992" fmla="*/ 2397442 h 2612594"/>
                            <a:gd name="connsiteX993" fmla="*/ 706920 w 2647519"/>
                            <a:gd name="connsiteY993" fmla="*/ 2380297 h 2612594"/>
                            <a:gd name="connsiteX994" fmla="*/ 708825 w 2647519"/>
                            <a:gd name="connsiteY994" fmla="*/ 2379345 h 2612594"/>
                            <a:gd name="connsiteX995" fmla="*/ 742163 w 2647519"/>
                            <a:gd name="connsiteY995" fmla="*/ 2397442 h 2612594"/>
                            <a:gd name="connsiteX996" fmla="*/ 775500 w 2647519"/>
                            <a:gd name="connsiteY996" fmla="*/ 2415540 h 2612594"/>
                            <a:gd name="connsiteX997" fmla="*/ 785025 w 2647519"/>
                            <a:gd name="connsiteY997" fmla="*/ 2409825 h 2612594"/>
                            <a:gd name="connsiteX998" fmla="*/ 745973 w 2647519"/>
                            <a:gd name="connsiteY998" fmla="*/ 2384107 h 2612594"/>
                            <a:gd name="connsiteX999" fmla="*/ 713588 w 2647519"/>
                            <a:gd name="connsiteY999" fmla="*/ 2369820 h 2612594"/>
                            <a:gd name="connsiteX1000" fmla="*/ 668820 w 2647519"/>
                            <a:gd name="connsiteY1000" fmla="*/ 2344102 h 2612594"/>
                            <a:gd name="connsiteX1001" fmla="*/ 630720 w 2647519"/>
                            <a:gd name="connsiteY1001" fmla="*/ 2319337 h 2612594"/>
                            <a:gd name="connsiteX1002" fmla="*/ 570713 w 2647519"/>
                            <a:gd name="connsiteY1002" fmla="*/ 2293620 h 2612594"/>
                            <a:gd name="connsiteX1003" fmla="*/ 547853 w 2647519"/>
                            <a:gd name="connsiteY1003" fmla="*/ 2274570 h 2612594"/>
                            <a:gd name="connsiteX1004" fmla="*/ 552615 w 2647519"/>
                            <a:gd name="connsiteY1004" fmla="*/ 2272665 h 2612594"/>
                            <a:gd name="connsiteX1005" fmla="*/ 575475 w 2647519"/>
                            <a:gd name="connsiteY1005" fmla="*/ 2279332 h 2612594"/>
                            <a:gd name="connsiteX1006" fmla="*/ 527850 w 2647519"/>
                            <a:gd name="connsiteY1006" fmla="*/ 2229802 h 2612594"/>
                            <a:gd name="connsiteX1007" fmla="*/ 501180 w 2647519"/>
                            <a:gd name="connsiteY1007" fmla="*/ 2207895 h 2612594"/>
                            <a:gd name="connsiteX1008" fmla="*/ 476415 w 2647519"/>
                            <a:gd name="connsiteY1008" fmla="*/ 2185987 h 2612594"/>
                            <a:gd name="connsiteX1009" fmla="*/ 444983 w 2647519"/>
                            <a:gd name="connsiteY1009" fmla="*/ 2160270 h 2612594"/>
                            <a:gd name="connsiteX1010" fmla="*/ 399263 w 2647519"/>
                            <a:gd name="connsiteY1010" fmla="*/ 2109787 h 2612594"/>
                            <a:gd name="connsiteX1011" fmla="*/ 396126 w 2647519"/>
                            <a:gd name="connsiteY1011" fmla="*/ 2099983 h 2612594"/>
                            <a:gd name="connsiteX1012" fmla="*/ 386880 w 2647519"/>
                            <a:gd name="connsiteY1012" fmla="*/ 2090737 h 2612594"/>
                            <a:gd name="connsiteX1013" fmla="*/ 355448 w 2647519"/>
                            <a:gd name="connsiteY1013" fmla="*/ 2056447 h 2612594"/>
                            <a:gd name="connsiteX1014" fmla="*/ 351638 w 2647519"/>
                            <a:gd name="connsiteY1014" fmla="*/ 2039302 h 2612594"/>
                            <a:gd name="connsiteX1015" fmla="*/ 339255 w 2647519"/>
                            <a:gd name="connsiteY1015" fmla="*/ 2022157 h 2612594"/>
                            <a:gd name="connsiteX1016" fmla="*/ 337780 w 2647519"/>
                            <a:gd name="connsiteY1016" fmla="*/ 2019844 h 2612594"/>
                            <a:gd name="connsiteX1017" fmla="*/ 323062 w 2647519"/>
                            <a:gd name="connsiteY1017" fmla="*/ 2009774 h 2612594"/>
                            <a:gd name="connsiteX1018" fmla="*/ 294487 w 2647519"/>
                            <a:gd name="connsiteY1018" fmla="*/ 1968817 h 2612594"/>
                            <a:gd name="connsiteX1019" fmla="*/ 278295 w 2647519"/>
                            <a:gd name="connsiteY1019" fmla="*/ 1930717 h 2612594"/>
                            <a:gd name="connsiteX1020" fmla="*/ 276390 w 2647519"/>
                            <a:gd name="connsiteY1020" fmla="*/ 1930717 h 2612594"/>
                            <a:gd name="connsiteX1021" fmla="*/ 254483 w 2647519"/>
                            <a:gd name="connsiteY1021" fmla="*/ 1888807 h 2612594"/>
                            <a:gd name="connsiteX1022" fmla="*/ 233528 w 2647519"/>
                            <a:gd name="connsiteY1022" fmla="*/ 1846897 h 2612594"/>
                            <a:gd name="connsiteX1023" fmla="*/ 211620 w 2647519"/>
                            <a:gd name="connsiteY1023" fmla="*/ 1798320 h 2612594"/>
                            <a:gd name="connsiteX1024" fmla="*/ 191618 w 2647519"/>
                            <a:gd name="connsiteY1024" fmla="*/ 1748790 h 2612594"/>
                            <a:gd name="connsiteX1025" fmla="*/ 211620 w 2647519"/>
                            <a:gd name="connsiteY1025" fmla="*/ 1782127 h 2612594"/>
                            <a:gd name="connsiteX1026" fmla="*/ 231623 w 2647519"/>
                            <a:gd name="connsiteY1026" fmla="*/ 1824037 h 2612594"/>
                            <a:gd name="connsiteX1027" fmla="*/ 238290 w 2647519"/>
                            <a:gd name="connsiteY1027" fmla="*/ 1846897 h 2612594"/>
                            <a:gd name="connsiteX1028" fmla="*/ 241045 w 2647519"/>
                            <a:gd name="connsiteY1028" fmla="*/ 1850938 h 2612594"/>
                            <a:gd name="connsiteX1029" fmla="*/ 237654 w 2647519"/>
                            <a:gd name="connsiteY1029" fmla="*/ 1833304 h 2612594"/>
                            <a:gd name="connsiteX1030" fmla="*/ 228808 w 2647519"/>
                            <a:gd name="connsiteY1030" fmla="*/ 1817251 h 2612594"/>
                            <a:gd name="connsiteX1031" fmla="*/ 214410 w 2647519"/>
                            <a:gd name="connsiteY1031" fmla="*/ 1784873 h 2612594"/>
                            <a:gd name="connsiteX1032" fmla="*/ 197332 w 2647519"/>
                            <a:gd name="connsiteY1032" fmla="*/ 1756409 h 2612594"/>
                            <a:gd name="connsiteX1033" fmla="*/ 176377 w 2647519"/>
                            <a:gd name="connsiteY1033" fmla="*/ 1699259 h 2612594"/>
                            <a:gd name="connsiteX1034" fmla="*/ 158426 w 2647519"/>
                            <a:gd name="connsiteY1034" fmla="*/ 1640679 h 2612594"/>
                            <a:gd name="connsiteX1035" fmla="*/ 152529 w 2647519"/>
                            <a:gd name="connsiteY1035" fmla="*/ 1623596 h 2612594"/>
                            <a:gd name="connsiteX1036" fmla="*/ 126853 w 2647519"/>
                            <a:gd name="connsiteY1036" fmla="*/ 1521108 h 2612594"/>
                            <a:gd name="connsiteX1037" fmla="*/ 115498 w 2647519"/>
                            <a:gd name="connsiteY1037" fmla="*/ 1446707 h 2612594"/>
                            <a:gd name="connsiteX1038" fmla="*/ 115417 w 2647519"/>
                            <a:gd name="connsiteY1038" fmla="*/ 1448752 h 2612594"/>
                            <a:gd name="connsiteX1039" fmla="*/ 116370 w 2647519"/>
                            <a:gd name="connsiteY1039" fmla="*/ 1463992 h 2612594"/>
                            <a:gd name="connsiteX1040" fmla="*/ 121132 w 2647519"/>
                            <a:gd name="connsiteY1040" fmla="*/ 1499235 h 2612594"/>
                            <a:gd name="connsiteX1041" fmla="*/ 126847 w 2647519"/>
                            <a:gd name="connsiteY1041" fmla="*/ 1535430 h 2612594"/>
                            <a:gd name="connsiteX1042" fmla="*/ 117322 w 2647519"/>
                            <a:gd name="connsiteY1042" fmla="*/ 1503997 h 2612594"/>
                            <a:gd name="connsiteX1043" fmla="*/ 110655 w 2647519"/>
                            <a:gd name="connsiteY1043" fmla="*/ 1463992 h 2612594"/>
                            <a:gd name="connsiteX1044" fmla="*/ 103035 w 2647519"/>
                            <a:gd name="connsiteY1044" fmla="*/ 1463992 h 2612594"/>
                            <a:gd name="connsiteX1045" fmla="*/ 98272 w 2647519"/>
                            <a:gd name="connsiteY1045" fmla="*/ 1427797 h 2612594"/>
                            <a:gd name="connsiteX1046" fmla="*/ 91605 w 2647519"/>
                            <a:gd name="connsiteY1046" fmla="*/ 1404937 h 2612594"/>
                            <a:gd name="connsiteX1047" fmla="*/ 85890 w 2647519"/>
                            <a:gd name="connsiteY1047" fmla="*/ 1383030 h 2612594"/>
                            <a:gd name="connsiteX1048" fmla="*/ 69697 w 2647519"/>
                            <a:gd name="connsiteY1048" fmla="*/ 1365885 h 2612594"/>
                            <a:gd name="connsiteX1049" fmla="*/ 64935 w 2647519"/>
                            <a:gd name="connsiteY1049" fmla="*/ 1365885 h 2612594"/>
                            <a:gd name="connsiteX1050" fmla="*/ 60172 w 2647519"/>
                            <a:gd name="connsiteY1050" fmla="*/ 1342072 h 2612594"/>
                            <a:gd name="connsiteX1051" fmla="*/ 58267 w 2647519"/>
                            <a:gd name="connsiteY1051" fmla="*/ 1311592 h 2612594"/>
                            <a:gd name="connsiteX1052" fmla="*/ 62077 w 2647519"/>
                            <a:gd name="connsiteY1052" fmla="*/ 1268730 h 2612594"/>
                            <a:gd name="connsiteX1053" fmla="*/ 63982 w 2647519"/>
                            <a:gd name="connsiteY1053" fmla="*/ 1253490 h 2612594"/>
                            <a:gd name="connsiteX1054" fmla="*/ 67226 w 2647519"/>
                            <a:gd name="connsiteY1054" fmla="*/ 1243037 h 2612594"/>
                            <a:gd name="connsiteX1055" fmla="*/ 65649 w 2647519"/>
                            <a:gd name="connsiteY1055" fmla="*/ 1219200 h 2612594"/>
                            <a:gd name="connsiteX1056" fmla="*/ 67792 w 2647519"/>
                            <a:gd name="connsiteY1056" fmla="*/ 1183957 h 2612594"/>
                            <a:gd name="connsiteX1057" fmla="*/ 71602 w 2647519"/>
                            <a:gd name="connsiteY1057" fmla="*/ 1176814 h 2612594"/>
                            <a:gd name="connsiteX1058" fmla="*/ 71602 w 2647519"/>
                            <a:gd name="connsiteY1058" fmla="*/ 1172527 h 2612594"/>
                            <a:gd name="connsiteX1059" fmla="*/ 63982 w 2647519"/>
                            <a:gd name="connsiteY1059" fmla="*/ 1186815 h 2612594"/>
                            <a:gd name="connsiteX1060" fmla="*/ 57315 w 2647519"/>
                            <a:gd name="connsiteY1060" fmla="*/ 1177290 h 2612594"/>
                            <a:gd name="connsiteX1061" fmla="*/ 44932 w 2647519"/>
                            <a:gd name="connsiteY1061" fmla="*/ 1160145 h 2612594"/>
                            <a:gd name="connsiteX1062" fmla="*/ 42670 w 2647519"/>
                            <a:gd name="connsiteY1062" fmla="*/ 1146572 h 2612594"/>
                            <a:gd name="connsiteX1063" fmla="*/ 42075 w 2647519"/>
                            <a:gd name="connsiteY1063" fmla="*/ 1147762 h 2612594"/>
                            <a:gd name="connsiteX1064" fmla="*/ 38265 w 2647519"/>
                            <a:gd name="connsiteY1064" fmla="*/ 1185862 h 2612594"/>
                            <a:gd name="connsiteX1065" fmla="*/ 35407 w 2647519"/>
                            <a:gd name="connsiteY1065" fmla="*/ 1223962 h 2612594"/>
                            <a:gd name="connsiteX1066" fmla="*/ 32550 w 2647519"/>
                            <a:gd name="connsiteY1066" fmla="*/ 1253490 h 2612594"/>
                            <a:gd name="connsiteX1067" fmla="*/ 32550 w 2647519"/>
                            <a:gd name="connsiteY1067" fmla="*/ 1314449 h 2612594"/>
                            <a:gd name="connsiteX1068" fmla="*/ 33502 w 2647519"/>
                            <a:gd name="connsiteY1068" fmla="*/ 1345882 h 2612594"/>
                            <a:gd name="connsiteX1069" fmla="*/ 35407 w 2647519"/>
                            <a:gd name="connsiteY1069" fmla="*/ 1377314 h 2612594"/>
                            <a:gd name="connsiteX1070" fmla="*/ 26835 w 2647519"/>
                            <a:gd name="connsiteY1070" fmla="*/ 1406842 h 2612594"/>
                            <a:gd name="connsiteX1071" fmla="*/ 24930 w 2647519"/>
                            <a:gd name="connsiteY1071" fmla="*/ 1406842 h 2612594"/>
                            <a:gd name="connsiteX1072" fmla="*/ 19215 w 2647519"/>
                            <a:gd name="connsiteY1072" fmla="*/ 1349692 h 2612594"/>
                            <a:gd name="connsiteX1073" fmla="*/ 19215 w 2647519"/>
                            <a:gd name="connsiteY1073" fmla="*/ 1290637 h 2612594"/>
                            <a:gd name="connsiteX1074" fmla="*/ 23977 w 2647519"/>
                            <a:gd name="connsiteY1074" fmla="*/ 1244917 h 2612594"/>
                            <a:gd name="connsiteX1075" fmla="*/ 32546 w 2647519"/>
                            <a:gd name="connsiteY1075" fmla="*/ 1253485 h 2612594"/>
                            <a:gd name="connsiteX1076" fmla="*/ 24930 w 2647519"/>
                            <a:gd name="connsiteY1076" fmla="*/ 1243965 h 2612594"/>
                            <a:gd name="connsiteX1077" fmla="*/ 23025 w 2647519"/>
                            <a:gd name="connsiteY1077" fmla="*/ 1209675 h 2612594"/>
                            <a:gd name="connsiteX1078" fmla="*/ 24930 w 2647519"/>
                            <a:gd name="connsiteY1078" fmla="*/ 1157287 h 2612594"/>
                            <a:gd name="connsiteX1079" fmla="*/ 25882 w 2647519"/>
                            <a:gd name="connsiteY1079" fmla="*/ 1143000 h 2612594"/>
                            <a:gd name="connsiteX1080" fmla="*/ 28740 w 2647519"/>
                            <a:gd name="connsiteY1080" fmla="*/ 1119187 h 2612594"/>
                            <a:gd name="connsiteX1081" fmla="*/ 40170 w 2647519"/>
                            <a:gd name="connsiteY1081" fmla="*/ 1076325 h 2612594"/>
                            <a:gd name="connsiteX1082" fmla="*/ 45865 w 2647519"/>
                            <a:gd name="connsiteY1082" fmla="*/ 1047851 h 2612594"/>
                            <a:gd name="connsiteX1083" fmla="*/ 43980 w 2647519"/>
                            <a:gd name="connsiteY1083" fmla="*/ 1041082 h 2612594"/>
                            <a:gd name="connsiteX1084" fmla="*/ 37312 w 2647519"/>
                            <a:gd name="connsiteY1084" fmla="*/ 1079182 h 2612594"/>
                            <a:gd name="connsiteX1085" fmla="*/ 25882 w 2647519"/>
                            <a:gd name="connsiteY1085" fmla="*/ 1122045 h 2612594"/>
                            <a:gd name="connsiteX1086" fmla="*/ 23025 w 2647519"/>
                            <a:gd name="connsiteY1086" fmla="*/ 1145857 h 2612594"/>
                            <a:gd name="connsiteX1087" fmla="*/ 22072 w 2647519"/>
                            <a:gd name="connsiteY1087" fmla="*/ 1160145 h 2612594"/>
                            <a:gd name="connsiteX1088" fmla="*/ 20167 w 2647519"/>
                            <a:gd name="connsiteY1088" fmla="*/ 1212532 h 2612594"/>
                            <a:gd name="connsiteX1089" fmla="*/ 22072 w 2647519"/>
                            <a:gd name="connsiteY1089" fmla="*/ 1246822 h 2612594"/>
                            <a:gd name="connsiteX1090" fmla="*/ 17310 w 2647519"/>
                            <a:gd name="connsiteY1090" fmla="*/ 1292542 h 2612594"/>
                            <a:gd name="connsiteX1091" fmla="*/ 17310 w 2647519"/>
                            <a:gd name="connsiteY1091" fmla="*/ 1351597 h 2612594"/>
                            <a:gd name="connsiteX1092" fmla="*/ 23025 w 2647519"/>
                            <a:gd name="connsiteY1092" fmla="*/ 1408747 h 2612594"/>
                            <a:gd name="connsiteX1093" fmla="*/ 24930 w 2647519"/>
                            <a:gd name="connsiteY1093" fmla="*/ 1408747 h 2612594"/>
                            <a:gd name="connsiteX1094" fmla="*/ 37312 w 2647519"/>
                            <a:gd name="connsiteY1094" fmla="*/ 1463040 h 2612594"/>
                            <a:gd name="connsiteX1095" fmla="*/ 43980 w 2647519"/>
                            <a:gd name="connsiteY1095" fmla="*/ 1507807 h 2612594"/>
                            <a:gd name="connsiteX1096" fmla="*/ 58267 w 2647519"/>
                            <a:gd name="connsiteY1096" fmla="*/ 1553527 h 2612594"/>
                            <a:gd name="connsiteX1097" fmla="*/ 80770 w 2647519"/>
                            <a:gd name="connsiteY1097" fmla="*/ 1651843 h 2612594"/>
                            <a:gd name="connsiteX1098" fmla="*/ 82734 w 2647519"/>
                            <a:gd name="connsiteY1098" fmla="*/ 1670685 h 2612594"/>
                            <a:gd name="connsiteX1099" fmla="*/ 86843 w 2647519"/>
                            <a:gd name="connsiteY1099" fmla="*/ 1670685 h 2612594"/>
                            <a:gd name="connsiteX1100" fmla="*/ 107798 w 2647519"/>
                            <a:gd name="connsiteY1100" fmla="*/ 1721167 h 2612594"/>
                            <a:gd name="connsiteX1101" fmla="*/ 115418 w 2647519"/>
                            <a:gd name="connsiteY1101" fmla="*/ 1746885 h 2612594"/>
                            <a:gd name="connsiteX1102" fmla="*/ 101130 w 2647519"/>
                            <a:gd name="connsiteY1102" fmla="*/ 1724977 h 2612594"/>
                            <a:gd name="connsiteX1103" fmla="*/ 85890 w 2647519"/>
                            <a:gd name="connsiteY1103" fmla="*/ 1690687 h 2612594"/>
                            <a:gd name="connsiteX1104" fmla="*/ 84938 w 2647519"/>
                            <a:gd name="connsiteY1104" fmla="*/ 1700212 h 2612594"/>
                            <a:gd name="connsiteX1105" fmla="*/ 76651 w 2647519"/>
                            <a:gd name="connsiteY1105" fmla="*/ 1674524 h 2612594"/>
                            <a:gd name="connsiteX1106" fmla="*/ 70650 w 2647519"/>
                            <a:gd name="connsiteY1106" fmla="*/ 1675447 h 2612594"/>
                            <a:gd name="connsiteX1107" fmla="*/ 63982 w 2647519"/>
                            <a:gd name="connsiteY1107" fmla="*/ 1653540 h 2612594"/>
                            <a:gd name="connsiteX1108" fmla="*/ 41122 w 2647519"/>
                            <a:gd name="connsiteY1108" fmla="*/ 1601152 h 2612594"/>
                            <a:gd name="connsiteX1109" fmla="*/ 26835 w 2647519"/>
                            <a:gd name="connsiteY1109" fmla="*/ 1554480 h 2612594"/>
                            <a:gd name="connsiteX1110" fmla="*/ 25882 w 2647519"/>
                            <a:gd name="connsiteY1110" fmla="*/ 1515427 h 2612594"/>
                            <a:gd name="connsiteX1111" fmla="*/ 19215 w 2647519"/>
                            <a:gd name="connsiteY1111" fmla="*/ 1469707 h 2612594"/>
                            <a:gd name="connsiteX1112" fmla="*/ 14452 w 2647519"/>
                            <a:gd name="connsiteY1112" fmla="*/ 1423987 h 2612594"/>
                            <a:gd name="connsiteX1113" fmla="*/ 3975 w 2647519"/>
                            <a:gd name="connsiteY1113" fmla="*/ 1390650 h 2612594"/>
                            <a:gd name="connsiteX1114" fmla="*/ 10642 w 2647519"/>
                            <a:gd name="connsiteY1114" fmla="*/ 1213485 h 2612594"/>
                            <a:gd name="connsiteX1115" fmla="*/ 17310 w 2647519"/>
                            <a:gd name="connsiteY1115" fmla="*/ 1167765 h 2612594"/>
                            <a:gd name="connsiteX1116" fmla="*/ 11595 w 2647519"/>
                            <a:gd name="connsiteY1116" fmla="*/ 1143000 h 2612594"/>
                            <a:gd name="connsiteX1117" fmla="*/ 23025 w 2647519"/>
                            <a:gd name="connsiteY1117" fmla="*/ 1074420 h 2612594"/>
                            <a:gd name="connsiteX1118" fmla="*/ 25882 w 2647519"/>
                            <a:gd name="connsiteY1118" fmla="*/ 1058227 h 2612594"/>
                            <a:gd name="connsiteX1119" fmla="*/ 33502 w 2647519"/>
                            <a:gd name="connsiteY1119" fmla="*/ 1002982 h 2612594"/>
                            <a:gd name="connsiteX1120" fmla="*/ 53505 w 2647519"/>
                            <a:gd name="connsiteY1120" fmla="*/ 962977 h 2612594"/>
                            <a:gd name="connsiteX1121" fmla="*/ 48742 w 2647519"/>
                            <a:gd name="connsiteY1121" fmla="*/ 1017270 h 2612594"/>
                            <a:gd name="connsiteX1122" fmla="*/ 53503 w 2647519"/>
                            <a:gd name="connsiteY1122" fmla="*/ 1007964 h 2612594"/>
                            <a:gd name="connsiteX1123" fmla="*/ 56362 w 2647519"/>
                            <a:gd name="connsiteY1123" fmla="*/ 985718 h 2612594"/>
                            <a:gd name="connsiteX1124" fmla="*/ 57315 w 2647519"/>
                            <a:gd name="connsiteY1124" fmla="*/ 961072 h 2612594"/>
                            <a:gd name="connsiteX1125" fmla="*/ 65887 w 2647519"/>
                            <a:gd name="connsiteY1125" fmla="*/ 929639 h 2612594"/>
                            <a:gd name="connsiteX1126" fmla="*/ 79222 w 2647519"/>
                            <a:gd name="connsiteY1126" fmla="*/ 882014 h 2612594"/>
                            <a:gd name="connsiteX1127" fmla="*/ 95415 w 2647519"/>
                            <a:gd name="connsiteY1127" fmla="*/ 833437 h 2612594"/>
                            <a:gd name="connsiteX1128" fmla="*/ 96628 w 2647519"/>
                            <a:gd name="connsiteY1128" fmla="*/ 832072 h 2612594"/>
                            <a:gd name="connsiteX1129" fmla="*/ 103988 w 2647519"/>
                            <a:gd name="connsiteY1129" fmla="*/ 793432 h 2612594"/>
                            <a:gd name="connsiteX1130" fmla="*/ 114465 w 2647519"/>
                            <a:gd name="connsiteY1130" fmla="*/ 765809 h 2612594"/>
                            <a:gd name="connsiteX1131" fmla="*/ 126848 w 2647519"/>
                            <a:gd name="connsiteY1131" fmla="*/ 742949 h 2612594"/>
                            <a:gd name="connsiteX1132" fmla="*/ 151613 w 2647519"/>
                            <a:gd name="connsiteY1132" fmla="*/ 695324 h 2612594"/>
                            <a:gd name="connsiteX1133" fmla="*/ 171615 w 2647519"/>
                            <a:gd name="connsiteY1133" fmla="*/ 652462 h 2612594"/>
                            <a:gd name="connsiteX1134" fmla="*/ 200190 w 2647519"/>
                            <a:gd name="connsiteY1134" fmla="*/ 597217 h 2612594"/>
                            <a:gd name="connsiteX1135" fmla="*/ 221145 w 2647519"/>
                            <a:gd name="connsiteY1135" fmla="*/ 573404 h 2612594"/>
                            <a:gd name="connsiteX1136" fmla="*/ 238290 w 2647519"/>
                            <a:gd name="connsiteY1136" fmla="*/ 540067 h 2612594"/>
                            <a:gd name="connsiteX1137" fmla="*/ 252578 w 2647519"/>
                            <a:gd name="connsiteY1137" fmla="*/ 519112 h 2612594"/>
                            <a:gd name="connsiteX1138" fmla="*/ 267818 w 2647519"/>
                            <a:gd name="connsiteY1138" fmla="*/ 511492 h 2612594"/>
                            <a:gd name="connsiteX1139" fmla="*/ 271628 w 2647519"/>
                            <a:gd name="connsiteY1139" fmla="*/ 505777 h 2612594"/>
                            <a:gd name="connsiteX1140" fmla="*/ 286868 w 2647519"/>
                            <a:gd name="connsiteY1140" fmla="*/ 475297 h 2612594"/>
                            <a:gd name="connsiteX1141" fmla="*/ 316395 w 2647519"/>
                            <a:gd name="connsiteY1141" fmla="*/ 441007 h 2612594"/>
                            <a:gd name="connsiteX1142" fmla="*/ 317199 w 2647519"/>
                            <a:gd name="connsiteY1142" fmla="*/ 455339 h 2612594"/>
                            <a:gd name="connsiteX1143" fmla="*/ 315045 w 2647519"/>
                            <a:gd name="connsiteY1143" fmla="*/ 461363 h 2612594"/>
                            <a:gd name="connsiteX1144" fmla="*/ 345922 w 2647519"/>
                            <a:gd name="connsiteY1144" fmla="*/ 429577 h 2612594"/>
                            <a:gd name="connsiteX1145" fmla="*/ 361162 w 2647519"/>
                            <a:gd name="connsiteY1145" fmla="*/ 409575 h 2612594"/>
                            <a:gd name="connsiteX1146" fmla="*/ 381165 w 2647519"/>
                            <a:gd name="connsiteY1146" fmla="*/ 390525 h 2612594"/>
                            <a:gd name="connsiteX1147" fmla="*/ 382888 w 2647519"/>
                            <a:gd name="connsiteY1147" fmla="*/ 392440 h 2612594"/>
                            <a:gd name="connsiteX1148" fmla="*/ 382118 w 2647519"/>
                            <a:gd name="connsiteY1148" fmla="*/ 391477 h 2612594"/>
                            <a:gd name="connsiteX1149" fmla="*/ 406883 w 2647519"/>
                            <a:gd name="connsiteY1149" fmla="*/ 366712 h 2612594"/>
                            <a:gd name="connsiteX1150" fmla="*/ 431648 w 2647519"/>
                            <a:gd name="connsiteY1150" fmla="*/ 343852 h 2612594"/>
                            <a:gd name="connsiteX1151" fmla="*/ 458318 w 2647519"/>
                            <a:gd name="connsiteY1151" fmla="*/ 315277 h 2612594"/>
                            <a:gd name="connsiteX1152" fmla="*/ 495465 w 2647519"/>
                            <a:gd name="connsiteY1152" fmla="*/ 287654 h 2612594"/>
                            <a:gd name="connsiteX1153" fmla="*/ 535470 w 2647519"/>
                            <a:gd name="connsiteY1153" fmla="*/ 258127 h 2612594"/>
                            <a:gd name="connsiteX1154" fmla="*/ 559389 w 2647519"/>
                            <a:gd name="connsiteY1154" fmla="*/ 241440 h 2612594"/>
                            <a:gd name="connsiteX1155" fmla="*/ 575475 w 2647519"/>
                            <a:gd name="connsiteY1155" fmla="*/ 226694 h 2612594"/>
                            <a:gd name="connsiteX1156" fmla="*/ 604050 w 2647519"/>
                            <a:gd name="connsiteY1156" fmla="*/ 209549 h 2612594"/>
                            <a:gd name="connsiteX1157" fmla="*/ 634530 w 2647519"/>
                            <a:gd name="connsiteY1157" fmla="*/ 193357 h 2612594"/>
                            <a:gd name="connsiteX1158" fmla="*/ 638565 w 2647519"/>
                            <a:gd name="connsiteY1158" fmla="*/ 191282 h 2612594"/>
                            <a:gd name="connsiteX1159" fmla="*/ 648937 w 2647519"/>
                            <a:gd name="connsiteY1159" fmla="*/ 181094 h 2612594"/>
                            <a:gd name="connsiteX1160" fmla="*/ 665963 w 2647519"/>
                            <a:gd name="connsiteY1160" fmla="*/ 168592 h 2612594"/>
                            <a:gd name="connsiteX1161" fmla="*/ 684656 w 2647519"/>
                            <a:gd name="connsiteY1161" fmla="*/ 159067 h 2612594"/>
                            <a:gd name="connsiteX1162" fmla="*/ 697880 w 2647519"/>
                            <a:gd name="connsiteY1162" fmla="*/ 156023 h 2612594"/>
                            <a:gd name="connsiteX1163" fmla="*/ 700252 w 2647519"/>
                            <a:gd name="connsiteY1163" fmla="*/ 154304 h 2612594"/>
                            <a:gd name="connsiteX1164" fmla="*/ 959332 w 2647519"/>
                            <a:gd name="connsiteY1164" fmla="*/ 49529 h 2612594"/>
                            <a:gd name="connsiteX1165" fmla="*/ 968944 w 2647519"/>
                            <a:gd name="connsiteY1165" fmla="*/ 47439 h 2612594"/>
                            <a:gd name="connsiteX1166" fmla="*/ 995527 w 2647519"/>
                            <a:gd name="connsiteY1166" fmla="*/ 38099 h 2612594"/>
                            <a:gd name="connsiteX1167" fmla="*/ 1013863 w 2647519"/>
                            <a:gd name="connsiteY1167" fmla="*/ 34408 h 2612594"/>
                            <a:gd name="connsiteX1168" fmla="*/ 1023424 w 2647519"/>
                            <a:gd name="connsiteY1168" fmla="*/ 34327 h 2612594"/>
                            <a:gd name="connsiteX1169" fmla="*/ 1026960 w 2647519"/>
                            <a:gd name="connsiteY1169" fmla="*/ 33337 h 2612594"/>
                            <a:gd name="connsiteX1170" fmla="*/ 1244130 w 2647519"/>
                            <a:gd name="connsiteY1170" fmla="*/ 4762 h 2612594"/>
                            <a:gd name="connsiteX1171" fmla="*/ 1305804 w 2647519"/>
                            <a:gd name="connsiteY1171" fmla="*/ 4524 h 2612594"/>
                            <a:gd name="connsiteX1172" fmla="*/ 1371765 w 2647519"/>
                            <a:gd name="connsiteY1172" fmla="*/ 5714 h 2612594"/>
                            <a:gd name="connsiteX1173" fmla="*/ 1372993 w 2647519"/>
                            <a:gd name="connsiteY1173" fmla="*/ 6635 h 2612594"/>
                            <a:gd name="connsiteX1174" fmla="*/ 1405103 w 2647519"/>
                            <a:gd name="connsiteY1174" fmla="*/ 2857 h 2612594"/>
                            <a:gd name="connsiteX1175" fmla="*/ 1434630 w 2647519"/>
                            <a:gd name="connsiteY1175" fmla="*/ 7619 h 2612594"/>
                            <a:gd name="connsiteX1176" fmla="*/ 1464158 w 2647519"/>
                            <a:gd name="connsiteY1176" fmla="*/ 13334 h 2612594"/>
                            <a:gd name="connsiteX1177" fmla="*/ 1479392 w 2647519"/>
                            <a:gd name="connsiteY1177" fmla="*/ 16797 h 2612594"/>
                            <a:gd name="connsiteX1178" fmla="*/ 1463205 w 2647519"/>
                            <a:gd name="connsiteY1178" fmla="*/ 12382 h 2612594"/>
                            <a:gd name="connsiteX1179" fmla="*/ 1433677 w 2647519"/>
                            <a:gd name="connsiteY1179" fmla="*/ 6667 h 2612594"/>
                            <a:gd name="connsiteX1180" fmla="*/ 1404150 w 2647519"/>
                            <a:gd name="connsiteY1180" fmla="*/ 1905 h 2612594"/>
                            <a:gd name="connsiteX1181" fmla="*/ 1404150 w 2647519"/>
                            <a:gd name="connsiteY1181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  <a:cxn ang="0">
                              <a:pos x="connsiteX1175" y="connsiteY1175"/>
                            </a:cxn>
                            <a:cxn ang="0">
                              <a:pos x="connsiteX1176" y="connsiteY1176"/>
                            </a:cxn>
                            <a:cxn ang="0">
                              <a:pos x="connsiteX1177" y="connsiteY1177"/>
                            </a:cxn>
                            <a:cxn ang="0">
                              <a:pos x="connsiteX1178" y="connsiteY1178"/>
                            </a:cxn>
                            <a:cxn ang="0">
                              <a:pos x="connsiteX1179" y="connsiteY1179"/>
                            </a:cxn>
                            <a:cxn ang="0">
                              <a:pos x="connsiteX1180" y="connsiteY1180"/>
                            </a:cxn>
                            <a:cxn ang="0">
                              <a:pos x="connsiteX1181" y="connsiteY1181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3" y="2520821"/>
                              </a:moveTo>
                              <a:lnTo>
                                <a:pt x="1643881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2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1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5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2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3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5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0" y="2265793"/>
                              </a:lnTo>
                              <a:close/>
                              <a:moveTo>
                                <a:pt x="2099801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79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59" y="2217355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5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4" y="2175510"/>
                                <a:pt x="2187820" y="2174974"/>
                              </a:cubicBezTo>
                              <a:close/>
                              <a:moveTo>
                                <a:pt x="475386" y="2153526"/>
                              </a:moveTo>
                              <a:lnTo>
                                <a:pt x="477272" y="2155821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3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1" y="2051897"/>
                              </a:lnTo>
                              <a:lnTo>
                                <a:pt x="2291271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498930" y="1857612"/>
                              </a:moveTo>
                              <a:cubicBezTo>
                                <a:pt x="2494525" y="1865709"/>
                                <a:pt x="2490953" y="1872615"/>
                                <a:pt x="2490953" y="1875472"/>
                              </a:cubicBezTo>
                              <a:cubicBezTo>
                                <a:pt x="2486190" y="1885949"/>
                                <a:pt x="2480475" y="1898332"/>
                                <a:pt x="2473808" y="1909762"/>
                              </a:cubicBezTo>
                              <a:cubicBezTo>
                                <a:pt x="2480475" y="1897379"/>
                                <a:pt x="2486190" y="1885949"/>
                                <a:pt x="2490953" y="1875472"/>
                              </a:cubicBezTo>
                              <a:cubicBezTo>
                                <a:pt x="2490953" y="1872615"/>
                                <a:pt x="2494525" y="1865709"/>
                                <a:pt x="2498930" y="1857612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0" y="1790989"/>
                                <a:pt x="2407787" y="1830865"/>
                                <a:pt x="2386218" y="1869449"/>
                              </a:cubicBezTo>
                              <a:lnTo>
                                <a:pt x="2377659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4"/>
                              </a:lnTo>
                              <a:lnTo>
                                <a:pt x="2141045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899"/>
                              </a:lnTo>
                              <a:lnTo>
                                <a:pt x="2038960" y="2261093"/>
                              </a:lnTo>
                              <a:lnTo>
                                <a:pt x="2036091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1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0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9" y="2365908"/>
                              </a:lnTo>
                              <a:lnTo>
                                <a:pt x="1809482" y="2392922"/>
                              </a:lnTo>
                              <a:cubicBezTo>
                                <a:pt x="1768715" y="2410757"/>
                                <a:pt x="1726784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09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2" y="1686218"/>
                              </a:lnTo>
                              <a:lnTo>
                                <a:pt x="2513217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0" y="1451152"/>
                              </a:lnTo>
                              <a:lnTo>
                                <a:pt x="2586541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600490" y="1407795"/>
                              </a:lnTo>
                              <a:lnTo>
                                <a:pt x="2599180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5" y="1369208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6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1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1" y="383323"/>
                              </a:lnTo>
                              <a:lnTo>
                                <a:pt x="456650" y="391477"/>
                              </a:lnTo>
                              <a:lnTo>
                                <a:pt x="454683" y="394339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82" y="590597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3" y="394339"/>
                              </a:lnTo>
                              <a:lnTo>
                                <a:pt x="464431" y="383323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5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49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3" y="364272"/>
                                <a:pt x="504752" y="361295"/>
                              </a:cubicBezTo>
                              <a:lnTo>
                                <a:pt x="512656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7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7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2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4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6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2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8" y="483516"/>
                                <a:pt x="2540483" y="854556"/>
                                <a:pt x="2540483" y="1275397"/>
                              </a:cubicBezTo>
                              <a:lnTo>
                                <a:pt x="2540080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8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lnTo>
                                <a:pt x="2514765" y="1824990"/>
                              </a:ln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5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5" y="2155031"/>
                                <a:pt x="2319383" y="2160388"/>
                              </a:cubicBezTo>
                              <a:lnTo>
                                <a:pt x="2303229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4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0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3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59" y="2417870"/>
                              </a:lnTo>
                              <a:lnTo>
                                <a:pt x="1997978" y="2418994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79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5" y="1850938"/>
                              </a:lnTo>
                              <a:lnTo>
                                <a:pt x="237654" y="1833304"/>
                              </a:lnTo>
                              <a:lnTo>
                                <a:pt x="228808" y="1817251"/>
                              </a:lnTo>
                              <a:lnTo>
                                <a:pt x="214410" y="1784873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6" y="1640679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8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7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1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8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4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2">
                            <a:alpha val="31000"/>
                          </a:schemeClr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21" name="Freeform: Shape 18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>
                        <a:spLocks noChangeAspect="1"/>
                      </wps:cNvSpPr>
                      <wps:spPr>
                        <a:xfrm>
                          <a:off x="5808134" y="10524067"/>
                          <a:ext cx="460564" cy="454549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3 w 2647519"/>
                            <a:gd name="connsiteY9" fmla="*/ 2520821 h 2612594"/>
                            <a:gd name="connsiteX10" fmla="*/ 1643881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2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1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2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3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5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0 w 2647519"/>
                            <a:gd name="connsiteY143" fmla="*/ 2265793 h 2612594"/>
                            <a:gd name="connsiteX144" fmla="*/ 2099801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79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59 w 2647519"/>
                            <a:gd name="connsiteY154" fmla="*/ 2217355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5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6 h 2612594"/>
                            <a:gd name="connsiteX166" fmla="*/ 477272 w 2647519"/>
                            <a:gd name="connsiteY166" fmla="*/ 2155821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46888 w 2647519"/>
                            <a:gd name="connsiteY180" fmla="*/ 2237422 h 2612594"/>
                            <a:gd name="connsiteX181" fmla="*/ 478787 w 2647519"/>
                            <a:gd name="connsiteY181" fmla="*/ 2272865 h 2612594"/>
                            <a:gd name="connsiteX182" fmla="*/ 482130 w 2647519"/>
                            <a:gd name="connsiteY182" fmla="*/ 2274569 h 2612594"/>
                            <a:gd name="connsiteX183" fmla="*/ 492608 w 2647519"/>
                            <a:gd name="connsiteY183" fmla="*/ 2265997 h 2612594"/>
                            <a:gd name="connsiteX184" fmla="*/ 583095 w 2647519"/>
                            <a:gd name="connsiteY184" fmla="*/ 2337434 h 2612594"/>
                            <a:gd name="connsiteX185" fmla="*/ 564998 w 2647519"/>
                            <a:gd name="connsiteY185" fmla="*/ 2343149 h 2612594"/>
                            <a:gd name="connsiteX186" fmla="*/ 571665 w 2647519"/>
                            <a:gd name="connsiteY186" fmla="*/ 2347912 h 2612594"/>
                            <a:gd name="connsiteX187" fmla="*/ 544995 w 2647519"/>
                            <a:gd name="connsiteY187" fmla="*/ 2348864 h 2612594"/>
                            <a:gd name="connsiteX188" fmla="*/ 527850 w 2647519"/>
                            <a:gd name="connsiteY188" fmla="*/ 2337434 h 2612594"/>
                            <a:gd name="connsiteX189" fmla="*/ 511658 w 2647519"/>
                            <a:gd name="connsiteY189" fmla="*/ 2325052 h 2612594"/>
                            <a:gd name="connsiteX190" fmla="*/ 471653 w 2647519"/>
                            <a:gd name="connsiteY190" fmla="*/ 2291714 h 2612594"/>
                            <a:gd name="connsiteX191" fmla="*/ 434505 w 2647519"/>
                            <a:gd name="connsiteY191" fmla="*/ 2258377 h 2612594"/>
                            <a:gd name="connsiteX192" fmla="*/ 400215 w 2647519"/>
                            <a:gd name="connsiteY192" fmla="*/ 2225039 h 2612594"/>
                            <a:gd name="connsiteX193" fmla="*/ 384023 w 2647519"/>
                            <a:gd name="connsiteY193" fmla="*/ 2208847 h 2612594"/>
                            <a:gd name="connsiteX194" fmla="*/ 368783 w 2647519"/>
                            <a:gd name="connsiteY194" fmla="*/ 2191702 h 2612594"/>
                            <a:gd name="connsiteX195" fmla="*/ 374498 w 2647519"/>
                            <a:gd name="connsiteY195" fmla="*/ 2184082 h 2612594"/>
                            <a:gd name="connsiteX196" fmla="*/ 393548 w 2647519"/>
                            <a:gd name="connsiteY196" fmla="*/ 2201227 h 2612594"/>
                            <a:gd name="connsiteX197" fmla="*/ 414503 w 2647519"/>
                            <a:gd name="connsiteY197" fmla="*/ 2217419 h 2612594"/>
                            <a:gd name="connsiteX198" fmla="*/ 440220 w 2647519"/>
                            <a:gd name="connsiteY198" fmla="*/ 2245042 h 2612594"/>
                            <a:gd name="connsiteX199" fmla="*/ 442406 w 2647519"/>
                            <a:gd name="connsiteY199" fmla="*/ 2246917 h 2612594"/>
                            <a:gd name="connsiteX200" fmla="*/ 414503 w 2647519"/>
                            <a:gd name="connsiteY200" fmla="*/ 2217419 h 2612594"/>
                            <a:gd name="connsiteX201" fmla="*/ 394500 w 2647519"/>
                            <a:gd name="connsiteY201" fmla="*/ 2201227 h 2612594"/>
                            <a:gd name="connsiteX202" fmla="*/ 375450 w 2647519"/>
                            <a:gd name="connsiteY202" fmla="*/ 2184082 h 2612594"/>
                            <a:gd name="connsiteX203" fmla="*/ 354495 w 2647519"/>
                            <a:gd name="connsiteY203" fmla="*/ 2158364 h 2612594"/>
                            <a:gd name="connsiteX204" fmla="*/ 334493 w 2647519"/>
                            <a:gd name="connsiteY204" fmla="*/ 2131694 h 2612594"/>
                            <a:gd name="connsiteX205" fmla="*/ 2432850 w 2647519"/>
                            <a:gd name="connsiteY205" fmla="*/ 1980247 h 2612594"/>
                            <a:gd name="connsiteX206" fmla="*/ 2432367 w 2647519"/>
                            <a:gd name="connsiteY206" fmla="*/ 1980454 h 2612594"/>
                            <a:gd name="connsiteX207" fmla="*/ 2421963 w 2647519"/>
                            <a:gd name="connsiteY207" fmla="*/ 2005422 h 2612594"/>
                            <a:gd name="connsiteX208" fmla="*/ 2422850 w 2647519"/>
                            <a:gd name="connsiteY208" fmla="*/ 1860918 h 2612594"/>
                            <a:gd name="connsiteX209" fmla="*/ 2397608 w 2647519"/>
                            <a:gd name="connsiteY209" fmla="*/ 1897379 h 2612594"/>
                            <a:gd name="connsiteX210" fmla="*/ 2385225 w 2647519"/>
                            <a:gd name="connsiteY210" fmla="*/ 1920239 h 2612594"/>
                            <a:gd name="connsiteX211" fmla="*/ 2372843 w 2647519"/>
                            <a:gd name="connsiteY211" fmla="*/ 1941194 h 2612594"/>
                            <a:gd name="connsiteX212" fmla="*/ 2343315 w 2647519"/>
                            <a:gd name="connsiteY212" fmla="*/ 1980247 h 2612594"/>
                            <a:gd name="connsiteX213" fmla="*/ 2317598 w 2647519"/>
                            <a:gd name="connsiteY213" fmla="*/ 2019299 h 2612594"/>
                            <a:gd name="connsiteX214" fmla="*/ 2294738 w 2647519"/>
                            <a:gd name="connsiteY214" fmla="*/ 2050732 h 2612594"/>
                            <a:gd name="connsiteX215" fmla="*/ 2292831 w 2647519"/>
                            <a:gd name="connsiteY215" fmla="*/ 2051897 h 2612594"/>
                            <a:gd name="connsiteX216" fmla="*/ 2291271 w 2647519"/>
                            <a:gd name="connsiteY216" fmla="*/ 2054208 h 2612594"/>
                            <a:gd name="connsiteX217" fmla="*/ 2293785 w 2647519"/>
                            <a:gd name="connsiteY217" fmla="*/ 2052637 h 2612594"/>
                            <a:gd name="connsiteX218" fmla="*/ 2316645 w 2647519"/>
                            <a:gd name="connsiteY218" fmla="*/ 2021205 h 2612594"/>
                            <a:gd name="connsiteX219" fmla="*/ 2342363 w 2647519"/>
                            <a:gd name="connsiteY219" fmla="*/ 1982152 h 2612594"/>
                            <a:gd name="connsiteX220" fmla="*/ 2371890 w 2647519"/>
                            <a:gd name="connsiteY220" fmla="*/ 1943100 h 2612594"/>
                            <a:gd name="connsiteX221" fmla="*/ 2384273 w 2647519"/>
                            <a:gd name="connsiteY221" fmla="*/ 1922145 h 2612594"/>
                            <a:gd name="connsiteX222" fmla="*/ 2396655 w 2647519"/>
                            <a:gd name="connsiteY222" fmla="*/ 1899285 h 2612594"/>
                            <a:gd name="connsiteX223" fmla="*/ 2422373 w 2647519"/>
                            <a:gd name="connsiteY223" fmla="*/ 1862137 h 2612594"/>
                            <a:gd name="connsiteX224" fmla="*/ 2498930 w 2647519"/>
                            <a:gd name="connsiteY224" fmla="*/ 1857612 h 2612594"/>
                            <a:gd name="connsiteX225" fmla="*/ 2490953 w 2647519"/>
                            <a:gd name="connsiteY225" fmla="*/ 1875472 h 2612594"/>
                            <a:gd name="connsiteX226" fmla="*/ 2473808 w 2647519"/>
                            <a:gd name="connsiteY226" fmla="*/ 1909762 h 2612594"/>
                            <a:gd name="connsiteX227" fmla="*/ 2490953 w 2647519"/>
                            <a:gd name="connsiteY227" fmla="*/ 1875472 h 2612594"/>
                            <a:gd name="connsiteX228" fmla="*/ 2498930 w 2647519"/>
                            <a:gd name="connsiteY228" fmla="*/ 1857612 h 2612594"/>
                            <a:gd name="connsiteX229" fmla="*/ 2521433 w 2647519"/>
                            <a:gd name="connsiteY229" fmla="*/ 1847850 h 2612594"/>
                            <a:gd name="connsiteX230" fmla="*/ 2509050 w 2647519"/>
                            <a:gd name="connsiteY230" fmla="*/ 1884997 h 2612594"/>
                            <a:gd name="connsiteX231" fmla="*/ 2487143 w 2647519"/>
                            <a:gd name="connsiteY231" fmla="*/ 1925002 h 2612594"/>
                            <a:gd name="connsiteX232" fmla="*/ 2465235 w 2647519"/>
                            <a:gd name="connsiteY232" fmla="*/ 1965960 h 2612594"/>
                            <a:gd name="connsiteX233" fmla="*/ 2445233 w 2647519"/>
                            <a:gd name="connsiteY233" fmla="*/ 1991677 h 2612594"/>
                            <a:gd name="connsiteX234" fmla="*/ 2458568 w 2647519"/>
                            <a:gd name="connsiteY234" fmla="*/ 1965007 h 2612594"/>
                            <a:gd name="connsiteX235" fmla="*/ 2469998 w 2647519"/>
                            <a:gd name="connsiteY235" fmla="*/ 1938337 h 2612594"/>
                            <a:gd name="connsiteX236" fmla="*/ 2478570 w 2647519"/>
                            <a:gd name="connsiteY236" fmla="*/ 1924050 h 2612594"/>
                            <a:gd name="connsiteX237" fmla="*/ 2490000 w 2647519"/>
                            <a:gd name="connsiteY237" fmla="*/ 1905000 h 2612594"/>
                            <a:gd name="connsiteX238" fmla="*/ 2500478 w 2647519"/>
                            <a:gd name="connsiteY238" fmla="*/ 1885950 h 2612594"/>
                            <a:gd name="connsiteX239" fmla="*/ 2521433 w 2647519"/>
                            <a:gd name="connsiteY239" fmla="*/ 1847850 h 2612594"/>
                            <a:gd name="connsiteX240" fmla="*/ 2459780 w 2647519"/>
                            <a:gd name="connsiteY240" fmla="*/ 1766202 h 2612594"/>
                            <a:gd name="connsiteX241" fmla="*/ 2436660 w 2647519"/>
                            <a:gd name="connsiteY241" fmla="*/ 1806892 h 2612594"/>
                            <a:gd name="connsiteX242" fmla="*/ 2436235 w 2647519"/>
                            <a:gd name="connsiteY242" fmla="*/ 1807870 h 2612594"/>
                            <a:gd name="connsiteX243" fmla="*/ 2459520 w 2647519"/>
                            <a:gd name="connsiteY243" fmla="*/ 1766887 h 2612594"/>
                            <a:gd name="connsiteX244" fmla="*/ 2472460 w 2647519"/>
                            <a:gd name="connsiteY244" fmla="*/ 1674043 h 2612594"/>
                            <a:gd name="connsiteX245" fmla="*/ 2444672 w 2647519"/>
                            <a:gd name="connsiteY245" fmla="*/ 1749965 h 2612594"/>
                            <a:gd name="connsiteX246" fmla="*/ 2386218 w 2647519"/>
                            <a:gd name="connsiteY246" fmla="*/ 1869449 h 2612594"/>
                            <a:gd name="connsiteX247" fmla="*/ 2377659 w 2647519"/>
                            <a:gd name="connsiteY247" fmla="*/ 1882980 h 2612594"/>
                            <a:gd name="connsiteX248" fmla="*/ 2377605 w 2647519"/>
                            <a:gd name="connsiteY248" fmla="*/ 1883092 h 2612594"/>
                            <a:gd name="connsiteX249" fmla="*/ 2357602 w 2647519"/>
                            <a:gd name="connsiteY249" fmla="*/ 1917382 h 2612594"/>
                            <a:gd name="connsiteX250" fmla="*/ 2337600 w 2647519"/>
                            <a:gd name="connsiteY250" fmla="*/ 1954530 h 2612594"/>
                            <a:gd name="connsiteX251" fmla="*/ 2314740 w 2647519"/>
                            <a:gd name="connsiteY251" fmla="*/ 1983105 h 2612594"/>
                            <a:gd name="connsiteX252" fmla="*/ 2295690 w 2647519"/>
                            <a:gd name="connsiteY252" fmla="*/ 2015490 h 2612594"/>
                            <a:gd name="connsiteX253" fmla="*/ 2183295 w 2647519"/>
                            <a:gd name="connsiteY253" fmla="*/ 2142172 h 2612594"/>
                            <a:gd name="connsiteX254" fmla="*/ 2146147 w 2647519"/>
                            <a:gd name="connsiteY254" fmla="*/ 2173605 h 2612594"/>
                            <a:gd name="connsiteX255" fmla="*/ 2142583 w 2647519"/>
                            <a:gd name="connsiteY255" fmla="*/ 2176314 h 2612594"/>
                            <a:gd name="connsiteX256" fmla="*/ 2141045 w 2647519"/>
                            <a:gd name="connsiteY256" fmla="*/ 2177871 h 2612594"/>
                            <a:gd name="connsiteX257" fmla="*/ 2125512 w 2647519"/>
                            <a:gd name="connsiteY257" fmla="*/ 2190534 h 2612594"/>
                            <a:gd name="connsiteX258" fmla="*/ 2112810 w 2647519"/>
                            <a:gd name="connsiteY258" fmla="*/ 2205037 h 2612594"/>
                            <a:gd name="connsiteX259" fmla="*/ 2066137 w 2647519"/>
                            <a:gd name="connsiteY259" fmla="*/ 2240280 h 2612594"/>
                            <a:gd name="connsiteX260" fmla="*/ 2058824 w 2647519"/>
                            <a:gd name="connsiteY260" fmla="*/ 2244899 h 2612594"/>
                            <a:gd name="connsiteX261" fmla="*/ 2038960 w 2647519"/>
                            <a:gd name="connsiteY261" fmla="*/ 2261093 h 2612594"/>
                            <a:gd name="connsiteX262" fmla="*/ 2036091 w 2647519"/>
                            <a:gd name="connsiteY262" fmla="*/ 2262956 h 2612594"/>
                            <a:gd name="connsiteX263" fmla="*/ 2031847 w 2647519"/>
                            <a:gd name="connsiteY263" fmla="*/ 2266950 h 2612594"/>
                            <a:gd name="connsiteX264" fmla="*/ 1994700 w 2647519"/>
                            <a:gd name="connsiteY264" fmla="*/ 2291715 h 2612594"/>
                            <a:gd name="connsiteX265" fmla="*/ 1957552 w 2647519"/>
                            <a:gd name="connsiteY265" fmla="*/ 2314575 h 2612594"/>
                            <a:gd name="connsiteX266" fmla="*/ 1953301 w 2647519"/>
                            <a:gd name="connsiteY266" fmla="*/ 2316730 h 2612594"/>
                            <a:gd name="connsiteX267" fmla="*/ 1928148 w 2647519"/>
                            <a:gd name="connsiteY267" fmla="*/ 2333067 h 2612594"/>
                            <a:gd name="connsiteX268" fmla="*/ 1920350 w 2647519"/>
                            <a:gd name="connsiteY268" fmla="*/ 2337000 h 2612594"/>
                            <a:gd name="connsiteX269" fmla="*/ 1912785 w 2647519"/>
                            <a:gd name="connsiteY269" fmla="*/ 2342197 h 2612594"/>
                            <a:gd name="connsiteX270" fmla="*/ 1887067 w 2647519"/>
                            <a:gd name="connsiteY270" fmla="*/ 2356485 h 2612594"/>
                            <a:gd name="connsiteX271" fmla="*/ 1863039 w 2647519"/>
                            <a:gd name="connsiteY271" fmla="*/ 2365908 h 2612594"/>
                            <a:gd name="connsiteX272" fmla="*/ 1809482 w 2647519"/>
                            <a:gd name="connsiteY272" fmla="*/ 2392922 h 2612594"/>
                            <a:gd name="connsiteX273" fmla="*/ 1683836 w 2647519"/>
                            <a:gd name="connsiteY273" fmla="*/ 2439784 h 2612594"/>
                            <a:gd name="connsiteX274" fmla="*/ 1596280 w 2647519"/>
                            <a:gd name="connsiteY274" fmla="*/ 2462297 h 2612594"/>
                            <a:gd name="connsiteX275" fmla="*/ 1667040 w 2647519"/>
                            <a:gd name="connsiteY275" fmla="*/ 2448877 h 2612594"/>
                            <a:gd name="connsiteX276" fmla="*/ 1680375 w 2647519"/>
                            <a:gd name="connsiteY276" fmla="*/ 2446019 h 2612594"/>
                            <a:gd name="connsiteX277" fmla="*/ 1723237 w 2647519"/>
                            <a:gd name="connsiteY277" fmla="*/ 2430779 h 2612594"/>
                            <a:gd name="connsiteX278" fmla="*/ 1749907 w 2647519"/>
                            <a:gd name="connsiteY278" fmla="*/ 2422207 h 2612594"/>
                            <a:gd name="connsiteX279" fmla="*/ 1792770 w 2647519"/>
                            <a:gd name="connsiteY279" fmla="*/ 2400299 h 2612594"/>
                            <a:gd name="connsiteX280" fmla="*/ 1841347 w 2647519"/>
                            <a:gd name="connsiteY280" fmla="*/ 2383154 h 2612594"/>
                            <a:gd name="connsiteX281" fmla="*/ 1872470 w 2647519"/>
                            <a:gd name="connsiteY281" fmla="*/ 2370949 h 2612594"/>
                            <a:gd name="connsiteX282" fmla="*/ 1886115 w 2647519"/>
                            <a:gd name="connsiteY282" fmla="*/ 2363152 h 2612594"/>
                            <a:gd name="connsiteX283" fmla="*/ 1898496 w 2647519"/>
                            <a:gd name="connsiteY283" fmla="*/ 2359343 h 2612594"/>
                            <a:gd name="connsiteX284" fmla="*/ 1915642 w 2647519"/>
                            <a:gd name="connsiteY284" fmla="*/ 2349817 h 2612594"/>
                            <a:gd name="connsiteX285" fmla="*/ 1920147 w 2647519"/>
                            <a:gd name="connsiteY285" fmla="*/ 2346686 h 2612594"/>
                            <a:gd name="connsiteX286" fmla="*/ 1931835 w 2647519"/>
                            <a:gd name="connsiteY286" fmla="*/ 2335530 h 2612594"/>
                            <a:gd name="connsiteX287" fmla="*/ 1957552 w 2647519"/>
                            <a:gd name="connsiteY287" fmla="*/ 2320290 h 2612594"/>
                            <a:gd name="connsiteX288" fmla="*/ 1986810 w 2647519"/>
                            <a:gd name="connsiteY288" fmla="*/ 2305948 h 2612594"/>
                            <a:gd name="connsiteX289" fmla="*/ 1997557 w 2647519"/>
                            <a:gd name="connsiteY289" fmla="*/ 2299334 h 2612594"/>
                            <a:gd name="connsiteX290" fmla="*/ 2034705 w 2647519"/>
                            <a:gd name="connsiteY290" fmla="*/ 2274569 h 2612594"/>
                            <a:gd name="connsiteX291" fmla="*/ 2050897 w 2647519"/>
                            <a:gd name="connsiteY291" fmla="*/ 2259329 h 2612594"/>
                            <a:gd name="connsiteX292" fmla="*/ 2068995 w 2647519"/>
                            <a:gd name="connsiteY292" fmla="*/ 2247899 h 2612594"/>
                            <a:gd name="connsiteX293" fmla="*/ 2115667 w 2647519"/>
                            <a:gd name="connsiteY293" fmla="*/ 2212657 h 2612594"/>
                            <a:gd name="connsiteX294" fmla="*/ 2149005 w 2647519"/>
                            <a:gd name="connsiteY294" fmla="*/ 2181224 h 2612594"/>
                            <a:gd name="connsiteX295" fmla="*/ 2186152 w 2647519"/>
                            <a:gd name="connsiteY295" fmla="*/ 2149792 h 2612594"/>
                            <a:gd name="connsiteX296" fmla="*/ 2298547 w 2647519"/>
                            <a:gd name="connsiteY296" fmla="*/ 2023109 h 2612594"/>
                            <a:gd name="connsiteX297" fmla="*/ 2314015 w 2647519"/>
                            <a:gd name="connsiteY297" fmla="*/ 1996814 h 2612594"/>
                            <a:gd name="connsiteX298" fmla="*/ 2314740 w 2647519"/>
                            <a:gd name="connsiteY298" fmla="*/ 1994534 h 2612594"/>
                            <a:gd name="connsiteX299" fmla="*/ 2339505 w 2647519"/>
                            <a:gd name="connsiteY299" fmla="*/ 1956434 h 2612594"/>
                            <a:gd name="connsiteX300" fmla="*/ 2347125 w 2647519"/>
                            <a:gd name="connsiteY300" fmla="*/ 1945004 h 2612594"/>
                            <a:gd name="connsiteX301" fmla="*/ 2357257 w 2647519"/>
                            <a:gd name="connsiteY301" fmla="*/ 1930951 h 2612594"/>
                            <a:gd name="connsiteX302" fmla="*/ 2360460 w 2647519"/>
                            <a:gd name="connsiteY302" fmla="*/ 1925002 h 2612594"/>
                            <a:gd name="connsiteX303" fmla="*/ 2380462 w 2647519"/>
                            <a:gd name="connsiteY303" fmla="*/ 1890712 h 2612594"/>
                            <a:gd name="connsiteX304" fmla="*/ 2419515 w 2647519"/>
                            <a:gd name="connsiteY304" fmla="*/ 1809749 h 2612594"/>
                            <a:gd name="connsiteX305" fmla="*/ 2457615 w 2647519"/>
                            <a:gd name="connsiteY305" fmla="*/ 1723072 h 2612594"/>
                            <a:gd name="connsiteX306" fmla="*/ 2468807 w 2647519"/>
                            <a:gd name="connsiteY306" fmla="*/ 1687829 h 2612594"/>
                            <a:gd name="connsiteX307" fmla="*/ 2576677 w 2647519"/>
                            <a:gd name="connsiteY307" fmla="*/ 1589722 h 2612594"/>
                            <a:gd name="connsiteX308" fmla="*/ 2573820 w 2647519"/>
                            <a:gd name="connsiteY308" fmla="*/ 1591627 h 2612594"/>
                            <a:gd name="connsiteX309" fmla="*/ 2573820 w 2647519"/>
                            <a:gd name="connsiteY309" fmla="*/ 1591627 h 2612594"/>
                            <a:gd name="connsiteX310" fmla="*/ 2585674 w 2647519"/>
                            <a:gd name="connsiteY310" fmla="*/ 1533271 h 2612594"/>
                            <a:gd name="connsiteX311" fmla="*/ 2585332 w 2647519"/>
                            <a:gd name="connsiteY311" fmla="*/ 1534956 h 2612594"/>
                            <a:gd name="connsiteX312" fmla="*/ 2588107 w 2647519"/>
                            <a:gd name="connsiteY312" fmla="*/ 1538287 h 2612594"/>
                            <a:gd name="connsiteX313" fmla="*/ 2596680 w 2647519"/>
                            <a:gd name="connsiteY313" fmla="*/ 1547812 h 2612594"/>
                            <a:gd name="connsiteX314" fmla="*/ 2602395 w 2647519"/>
                            <a:gd name="connsiteY314" fmla="*/ 1544002 h 2612594"/>
                            <a:gd name="connsiteX315" fmla="*/ 2602539 w 2647519"/>
                            <a:gd name="connsiteY315" fmla="*/ 1543271 h 2612594"/>
                            <a:gd name="connsiteX316" fmla="*/ 2598585 w 2647519"/>
                            <a:gd name="connsiteY316" fmla="*/ 1545907 h 2612594"/>
                            <a:gd name="connsiteX317" fmla="*/ 2589060 w 2647519"/>
                            <a:gd name="connsiteY317" fmla="*/ 1537334 h 2612594"/>
                            <a:gd name="connsiteX318" fmla="*/ 2577184 w 2647519"/>
                            <a:gd name="connsiteY318" fmla="*/ 1425070 h 2612594"/>
                            <a:gd name="connsiteX319" fmla="*/ 2576519 w 2647519"/>
                            <a:gd name="connsiteY319" fmla="*/ 1425107 h 2612594"/>
                            <a:gd name="connsiteX320" fmla="*/ 2575314 w 2647519"/>
                            <a:gd name="connsiteY320" fmla="*/ 1425174 h 2612594"/>
                            <a:gd name="connsiteX321" fmla="*/ 2575725 w 2647519"/>
                            <a:gd name="connsiteY321" fmla="*/ 1429702 h 2612594"/>
                            <a:gd name="connsiteX322" fmla="*/ 2574773 w 2647519"/>
                            <a:gd name="connsiteY322" fmla="*/ 1453515 h 2612594"/>
                            <a:gd name="connsiteX323" fmla="*/ 2570963 w 2647519"/>
                            <a:gd name="connsiteY323" fmla="*/ 1467802 h 2612594"/>
                            <a:gd name="connsiteX324" fmla="*/ 2548103 w 2647519"/>
                            <a:gd name="connsiteY324" fmla="*/ 1503997 h 2612594"/>
                            <a:gd name="connsiteX325" fmla="*/ 2542388 w 2647519"/>
                            <a:gd name="connsiteY325" fmla="*/ 1535430 h 2612594"/>
                            <a:gd name="connsiteX326" fmla="*/ 2536673 w 2647519"/>
                            <a:gd name="connsiteY326" fmla="*/ 1545907 h 2612594"/>
                            <a:gd name="connsiteX327" fmla="*/ 2527148 w 2647519"/>
                            <a:gd name="connsiteY327" fmla="*/ 1591627 h 2612594"/>
                            <a:gd name="connsiteX328" fmla="*/ 2516670 w 2647519"/>
                            <a:gd name="connsiteY328" fmla="*/ 1627822 h 2612594"/>
                            <a:gd name="connsiteX329" fmla="*/ 2505240 w 2647519"/>
                            <a:gd name="connsiteY329" fmla="*/ 1663065 h 2612594"/>
                            <a:gd name="connsiteX330" fmla="*/ 2498573 w 2647519"/>
                            <a:gd name="connsiteY330" fmla="*/ 1690687 h 2612594"/>
                            <a:gd name="connsiteX331" fmla="*/ 2490953 w 2647519"/>
                            <a:gd name="connsiteY331" fmla="*/ 1719262 h 2612594"/>
                            <a:gd name="connsiteX332" fmla="*/ 2497030 w 2647519"/>
                            <a:gd name="connsiteY332" fmla="*/ 1709809 h 2612594"/>
                            <a:gd name="connsiteX333" fmla="*/ 2502383 w 2647519"/>
                            <a:gd name="connsiteY333" fmla="*/ 1689734 h 2612594"/>
                            <a:gd name="connsiteX334" fmla="*/ 2507145 w 2647519"/>
                            <a:gd name="connsiteY334" fmla="*/ 1661159 h 2612594"/>
                            <a:gd name="connsiteX335" fmla="*/ 2518575 w 2647519"/>
                            <a:gd name="connsiteY335" fmla="*/ 1625917 h 2612594"/>
                            <a:gd name="connsiteX336" fmla="*/ 2529053 w 2647519"/>
                            <a:gd name="connsiteY336" fmla="*/ 1589722 h 2612594"/>
                            <a:gd name="connsiteX337" fmla="*/ 2538578 w 2647519"/>
                            <a:gd name="connsiteY337" fmla="*/ 1544002 h 2612594"/>
                            <a:gd name="connsiteX338" fmla="*/ 2544293 w 2647519"/>
                            <a:gd name="connsiteY338" fmla="*/ 1533524 h 2612594"/>
                            <a:gd name="connsiteX339" fmla="*/ 2550008 w 2647519"/>
                            <a:gd name="connsiteY339" fmla="*/ 1502092 h 2612594"/>
                            <a:gd name="connsiteX340" fmla="*/ 2572868 w 2647519"/>
                            <a:gd name="connsiteY340" fmla="*/ 1465897 h 2612594"/>
                            <a:gd name="connsiteX341" fmla="*/ 2557628 w 2647519"/>
                            <a:gd name="connsiteY341" fmla="*/ 1539239 h 2612594"/>
                            <a:gd name="connsiteX342" fmla="*/ 2546198 w 2647519"/>
                            <a:gd name="connsiteY342" fmla="*/ 1600199 h 2612594"/>
                            <a:gd name="connsiteX343" fmla="*/ 2520480 w 2647519"/>
                            <a:gd name="connsiteY343" fmla="*/ 1678304 h 2612594"/>
                            <a:gd name="connsiteX344" fmla="*/ 2515392 w 2647519"/>
                            <a:gd name="connsiteY344" fmla="*/ 1686218 h 2612594"/>
                            <a:gd name="connsiteX345" fmla="*/ 2513217 w 2647519"/>
                            <a:gd name="connsiteY345" fmla="*/ 1698069 h 2612594"/>
                            <a:gd name="connsiteX346" fmla="*/ 2506193 w 2647519"/>
                            <a:gd name="connsiteY346" fmla="*/ 1718310 h 2612594"/>
                            <a:gd name="connsiteX347" fmla="*/ 2479523 w 2647519"/>
                            <a:gd name="connsiteY347" fmla="*/ 1776412 h 2612594"/>
                            <a:gd name="connsiteX348" fmla="*/ 2467140 w 2647519"/>
                            <a:gd name="connsiteY348" fmla="*/ 1806892 h 2612594"/>
                            <a:gd name="connsiteX349" fmla="*/ 2459520 w 2647519"/>
                            <a:gd name="connsiteY349" fmla="*/ 1823085 h 2612594"/>
                            <a:gd name="connsiteX350" fmla="*/ 2449995 w 2647519"/>
                            <a:gd name="connsiteY350" fmla="*/ 1840230 h 2612594"/>
                            <a:gd name="connsiteX351" fmla="*/ 2424278 w 2647519"/>
                            <a:gd name="connsiteY351" fmla="*/ 1885950 h 2612594"/>
                            <a:gd name="connsiteX352" fmla="*/ 2396655 w 2647519"/>
                            <a:gd name="connsiteY352" fmla="*/ 1930717 h 2612594"/>
                            <a:gd name="connsiteX353" fmla="*/ 2361413 w 2647519"/>
                            <a:gd name="connsiteY353" fmla="*/ 1990725 h 2612594"/>
                            <a:gd name="connsiteX354" fmla="*/ 2322360 w 2647519"/>
                            <a:gd name="connsiteY354" fmla="*/ 2049780 h 2612594"/>
                            <a:gd name="connsiteX355" fmla="*/ 2296643 w 2647519"/>
                            <a:gd name="connsiteY355" fmla="*/ 2083117 h 2612594"/>
                            <a:gd name="connsiteX356" fmla="*/ 2269020 w 2647519"/>
                            <a:gd name="connsiteY356" fmla="*/ 2115502 h 2612594"/>
                            <a:gd name="connsiteX357" fmla="*/ 2259495 w 2647519"/>
                            <a:gd name="connsiteY357" fmla="*/ 2128837 h 2612594"/>
                            <a:gd name="connsiteX358" fmla="*/ 2249018 w 2647519"/>
                            <a:gd name="connsiteY358" fmla="*/ 2142172 h 2612594"/>
                            <a:gd name="connsiteX359" fmla="*/ 2232825 w 2647519"/>
                            <a:gd name="connsiteY359" fmla="*/ 2155507 h 2612594"/>
                            <a:gd name="connsiteX360" fmla="*/ 2206342 w 2647519"/>
                            <a:gd name="connsiteY360" fmla="*/ 2184829 h 2612594"/>
                            <a:gd name="connsiteX361" fmla="*/ 2207107 w 2647519"/>
                            <a:gd name="connsiteY361" fmla="*/ 2187892 h 2612594"/>
                            <a:gd name="connsiteX362" fmla="*/ 2179485 w 2647519"/>
                            <a:gd name="connsiteY362" fmla="*/ 2216467 h 2612594"/>
                            <a:gd name="connsiteX363" fmla="*/ 2149957 w 2647519"/>
                            <a:gd name="connsiteY363" fmla="*/ 2237422 h 2612594"/>
                            <a:gd name="connsiteX364" fmla="*/ 2126145 w 2647519"/>
                            <a:gd name="connsiteY364" fmla="*/ 2256472 h 2612594"/>
                            <a:gd name="connsiteX365" fmla="*/ 2103587 w 2647519"/>
                            <a:gd name="connsiteY365" fmla="*/ 2272957 h 2612594"/>
                            <a:gd name="connsiteX366" fmla="*/ 2107095 w 2647519"/>
                            <a:gd name="connsiteY366" fmla="*/ 2272665 h 2612594"/>
                            <a:gd name="connsiteX367" fmla="*/ 2131860 w 2647519"/>
                            <a:gd name="connsiteY367" fmla="*/ 2254567 h 2612594"/>
                            <a:gd name="connsiteX368" fmla="*/ 2155673 w 2647519"/>
                            <a:gd name="connsiteY368" fmla="*/ 2235517 h 2612594"/>
                            <a:gd name="connsiteX369" fmla="*/ 2185200 w 2647519"/>
                            <a:gd name="connsiteY369" fmla="*/ 2214562 h 2612594"/>
                            <a:gd name="connsiteX370" fmla="*/ 2212823 w 2647519"/>
                            <a:gd name="connsiteY370" fmla="*/ 2185987 h 2612594"/>
                            <a:gd name="connsiteX371" fmla="*/ 2211870 w 2647519"/>
                            <a:gd name="connsiteY371" fmla="*/ 2182177 h 2612594"/>
                            <a:gd name="connsiteX372" fmla="*/ 2238540 w 2647519"/>
                            <a:gd name="connsiteY372" fmla="*/ 2152650 h 2612594"/>
                            <a:gd name="connsiteX373" fmla="*/ 2254733 w 2647519"/>
                            <a:gd name="connsiteY373" fmla="*/ 2139315 h 2612594"/>
                            <a:gd name="connsiteX374" fmla="*/ 2265210 w 2647519"/>
                            <a:gd name="connsiteY374" fmla="*/ 2125980 h 2612594"/>
                            <a:gd name="connsiteX375" fmla="*/ 2274735 w 2647519"/>
                            <a:gd name="connsiteY375" fmla="*/ 2112645 h 2612594"/>
                            <a:gd name="connsiteX376" fmla="*/ 2302358 w 2647519"/>
                            <a:gd name="connsiteY376" fmla="*/ 2080260 h 2612594"/>
                            <a:gd name="connsiteX377" fmla="*/ 2328075 w 2647519"/>
                            <a:gd name="connsiteY377" fmla="*/ 2046922 h 2612594"/>
                            <a:gd name="connsiteX378" fmla="*/ 2367128 w 2647519"/>
                            <a:gd name="connsiteY378" fmla="*/ 1987867 h 2612594"/>
                            <a:gd name="connsiteX379" fmla="*/ 2402370 w 2647519"/>
                            <a:gd name="connsiteY379" fmla="*/ 1927860 h 2612594"/>
                            <a:gd name="connsiteX380" fmla="*/ 2429993 w 2647519"/>
                            <a:gd name="connsiteY380" fmla="*/ 1883092 h 2612594"/>
                            <a:gd name="connsiteX381" fmla="*/ 2455710 w 2647519"/>
                            <a:gd name="connsiteY381" fmla="*/ 1837372 h 2612594"/>
                            <a:gd name="connsiteX382" fmla="*/ 2465235 w 2647519"/>
                            <a:gd name="connsiteY382" fmla="*/ 1820227 h 2612594"/>
                            <a:gd name="connsiteX383" fmla="*/ 2472855 w 2647519"/>
                            <a:gd name="connsiteY383" fmla="*/ 1804035 h 2612594"/>
                            <a:gd name="connsiteX384" fmla="*/ 2485238 w 2647519"/>
                            <a:gd name="connsiteY384" fmla="*/ 1773555 h 2612594"/>
                            <a:gd name="connsiteX385" fmla="*/ 2511908 w 2647519"/>
                            <a:gd name="connsiteY385" fmla="*/ 1715452 h 2612594"/>
                            <a:gd name="connsiteX386" fmla="*/ 2522385 w 2647519"/>
                            <a:gd name="connsiteY386" fmla="*/ 1676400 h 2612594"/>
                            <a:gd name="connsiteX387" fmla="*/ 2548103 w 2647519"/>
                            <a:gd name="connsiteY387" fmla="*/ 1598295 h 2612594"/>
                            <a:gd name="connsiteX388" fmla="*/ 2559533 w 2647519"/>
                            <a:gd name="connsiteY388" fmla="*/ 1537335 h 2612594"/>
                            <a:gd name="connsiteX389" fmla="*/ 2574773 w 2647519"/>
                            <a:gd name="connsiteY389" fmla="*/ 1463992 h 2612594"/>
                            <a:gd name="connsiteX390" fmla="*/ 2578209 w 2647519"/>
                            <a:gd name="connsiteY390" fmla="*/ 1451109 h 2612594"/>
                            <a:gd name="connsiteX391" fmla="*/ 2575725 w 2647519"/>
                            <a:gd name="connsiteY391" fmla="*/ 1450657 h 2612594"/>
                            <a:gd name="connsiteX392" fmla="*/ 2576677 w 2647519"/>
                            <a:gd name="connsiteY392" fmla="*/ 1426845 h 2612594"/>
                            <a:gd name="connsiteX393" fmla="*/ 2597632 w 2647519"/>
                            <a:gd name="connsiteY393" fmla="*/ 1404937 h 2612594"/>
                            <a:gd name="connsiteX394" fmla="*/ 2586540 w 2647519"/>
                            <a:gd name="connsiteY394" fmla="*/ 1451152 h 2612594"/>
                            <a:gd name="connsiteX395" fmla="*/ 2586541 w 2647519"/>
                            <a:gd name="connsiteY395" fmla="*/ 1451152 h 2612594"/>
                            <a:gd name="connsiteX396" fmla="*/ 2597633 w 2647519"/>
                            <a:gd name="connsiteY396" fmla="*/ 1404938 h 2612594"/>
                            <a:gd name="connsiteX397" fmla="*/ 2606205 w 2647519"/>
                            <a:gd name="connsiteY397" fmla="*/ 1395412 h 2612594"/>
                            <a:gd name="connsiteX398" fmla="*/ 2600490 w 2647519"/>
                            <a:gd name="connsiteY398" fmla="*/ 1407795 h 2612594"/>
                            <a:gd name="connsiteX399" fmla="*/ 2600490 w 2647519"/>
                            <a:gd name="connsiteY399" fmla="*/ 1407795 h 2612594"/>
                            <a:gd name="connsiteX400" fmla="*/ 2599180 w 2647519"/>
                            <a:gd name="connsiteY400" fmla="*/ 1433750 h 2612594"/>
                            <a:gd name="connsiteX401" fmla="*/ 2598585 w 2647519"/>
                            <a:gd name="connsiteY401" fmla="*/ 1458277 h 2612594"/>
                            <a:gd name="connsiteX402" fmla="*/ 2589060 w 2647519"/>
                            <a:gd name="connsiteY402" fmla="*/ 1487586 h 2612594"/>
                            <a:gd name="connsiteX403" fmla="*/ 2589060 w 2647519"/>
                            <a:gd name="connsiteY403" fmla="*/ 1490934 h 2612594"/>
                            <a:gd name="connsiteX404" fmla="*/ 2600490 w 2647519"/>
                            <a:gd name="connsiteY404" fmla="*/ 1458277 h 2612594"/>
                            <a:gd name="connsiteX405" fmla="*/ 2602395 w 2647519"/>
                            <a:gd name="connsiteY405" fmla="*/ 1407794 h 2612594"/>
                            <a:gd name="connsiteX406" fmla="*/ 2606836 w 2647519"/>
                            <a:gd name="connsiteY406" fmla="*/ 1398173 h 2612594"/>
                            <a:gd name="connsiteX407" fmla="*/ 2565247 w 2647519"/>
                            <a:gd name="connsiteY407" fmla="*/ 1354454 h 2612594"/>
                            <a:gd name="connsiteX408" fmla="*/ 2559005 w 2647519"/>
                            <a:gd name="connsiteY408" fmla="*/ 1369208 h 2612594"/>
                            <a:gd name="connsiteX409" fmla="*/ 2556675 w 2647519"/>
                            <a:gd name="connsiteY409" fmla="*/ 1390650 h 2612594"/>
                            <a:gd name="connsiteX410" fmla="*/ 2553670 w 2647519"/>
                            <a:gd name="connsiteY410" fmla="*/ 1380633 h 2612594"/>
                            <a:gd name="connsiteX411" fmla="*/ 2552571 w 2647519"/>
                            <a:gd name="connsiteY411" fmla="*/ 1382047 h 2612594"/>
                            <a:gd name="connsiteX412" fmla="*/ 2555723 w 2647519"/>
                            <a:gd name="connsiteY412" fmla="*/ 1392555 h 2612594"/>
                            <a:gd name="connsiteX413" fmla="*/ 2553818 w 2647519"/>
                            <a:gd name="connsiteY413" fmla="*/ 1407795 h 2612594"/>
                            <a:gd name="connsiteX414" fmla="*/ 2557628 w 2647519"/>
                            <a:gd name="connsiteY414" fmla="*/ 1420177 h 2612594"/>
                            <a:gd name="connsiteX415" fmla="*/ 2560581 w 2647519"/>
                            <a:gd name="connsiteY415" fmla="*/ 1420013 h 2612594"/>
                            <a:gd name="connsiteX416" fmla="*/ 2558580 w 2647519"/>
                            <a:gd name="connsiteY416" fmla="*/ 1413509 h 2612594"/>
                            <a:gd name="connsiteX417" fmla="*/ 2560485 w 2647519"/>
                            <a:gd name="connsiteY417" fmla="*/ 1398269 h 2612594"/>
                            <a:gd name="connsiteX418" fmla="*/ 2565247 w 2647519"/>
                            <a:gd name="connsiteY418" fmla="*/ 1354454 h 2612594"/>
                            <a:gd name="connsiteX419" fmla="*/ 2645258 w 2647519"/>
                            <a:gd name="connsiteY419" fmla="*/ 1328737 h 2612594"/>
                            <a:gd name="connsiteX420" fmla="*/ 2647163 w 2647519"/>
                            <a:gd name="connsiteY420" fmla="*/ 1329689 h 2612594"/>
                            <a:gd name="connsiteX421" fmla="*/ 2646210 w 2647519"/>
                            <a:gd name="connsiteY421" fmla="*/ 1369694 h 2612594"/>
                            <a:gd name="connsiteX422" fmla="*/ 2647163 w 2647519"/>
                            <a:gd name="connsiteY422" fmla="*/ 1397317 h 2612594"/>
                            <a:gd name="connsiteX423" fmla="*/ 2644305 w 2647519"/>
                            <a:gd name="connsiteY423" fmla="*/ 1447799 h 2612594"/>
                            <a:gd name="connsiteX424" fmla="*/ 2641448 w 2647519"/>
                            <a:gd name="connsiteY424" fmla="*/ 1476374 h 2612594"/>
                            <a:gd name="connsiteX425" fmla="*/ 2632875 w 2647519"/>
                            <a:gd name="connsiteY425" fmla="*/ 1518284 h 2612594"/>
                            <a:gd name="connsiteX426" fmla="*/ 2630018 w 2647519"/>
                            <a:gd name="connsiteY426" fmla="*/ 1553527 h 2612594"/>
                            <a:gd name="connsiteX427" fmla="*/ 2615730 w 2647519"/>
                            <a:gd name="connsiteY427" fmla="*/ 1618297 h 2612594"/>
                            <a:gd name="connsiteX428" fmla="*/ 2602395 w 2647519"/>
                            <a:gd name="connsiteY428" fmla="*/ 1674494 h 2612594"/>
                            <a:gd name="connsiteX429" fmla="*/ 2578583 w 2647519"/>
                            <a:gd name="connsiteY429" fmla="*/ 1684972 h 2612594"/>
                            <a:gd name="connsiteX430" fmla="*/ 2580488 w 2647519"/>
                            <a:gd name="connsiteY430" fmla="*/ 1679257 h 2612594"/>
                            <a:gd name="connsiteX431" fmla="*/ 2584298 w 2647519"/>
                            <a:gd name="connsiteY431" fmla="*/ 1639252 h 2612594"/>
                            <a:gd name="connsiteX432" fmla="*/ 2598585 w 2647519"/>
                            <a:gd name="connsiteY432" fmla="*/ 1597342 h 2612594"/>
                            <a:gd name="connsiteX433" fmla="*/ 2610015 w 2647519"/>
                            <a:gd name="connsiteY433" fmla="*/ 1590675 h 2612594"/>
                            <a:gd name="connsiteX434" fmla="*/ 2610015 w 2647519"/>
                            <a:gd name="connsiteY434" fmla="*/ 1590674 h 2612594"/>
                            <a:gd name="connsiteX435" fmla="*/ 2622398 w 2647519"/>
                            <a:gd name="connsiteY435" fmla="*/ 1518284 h 2612594"/>
                            <a:gd name="connsiteX436" fmla="*/ 2629065 w 2647519"/>
                            <a:gd name="connsiteY436" fmla="*/ 1483994 h 2612594"/>
                            <a:gd name="connsiteX437" fmla="*/ 2634780 w 2647519"/>
                            <a:gd name="connsiteY437" fmla="*/ 1448752 h 2612594"/>
                            <a:gd name="connsiteX438" fmla="*/ 2639543 w 2647519"/>
                            <a:gd name="connsiteY438" fmla="*/ 1415414 h 2612594"/>
                            <a:gd name="connsiteX439" fmla="*/ 2641448 w 2647519"/>
                            <a:gd name="connsiteY439" fmla="*/ 1383982 h 2612594"/>
                            <a:gd name="connsiteX440" fmla="*/ 2642400 w 2647519"/>
                            <a:gd name="connsiteY440" fmla="*/ 1357312 h 2612594"/>
                            <a:gd name="connsiteX441" fmla="*/ 2644305 w 2647519"/>
                            <a:gd name="connsiteY441" fmla="*/ 1343024 h 2612594"/>
                            <a:gd name="connsiteX442" fmla="*/ 2645258 w 2647519"/>
                            <a:gd name="connsiteY442" fmla="*/ 1328737 h 2612594"/>
                            <a:gd name="connsiteX443" fmla="*/ 134151 w 2647519"/>
                            <a:gd name="connsiteY443" fmla="*/ 887095 h 2612594"/>
                            <a:gd name="connsiteX444" fmla="*/ 134625 w 2647519"/>
                            <a:gd name="connsiteY444" fmla="*/ 887332 h 2612594"/>
                            <a:gd name="connsiteX445" fmla="*/ 134670 w 2647519"/>
                            <a:gd name="connsiteY445" fmla="*/ 887199 h 2612594"/>
                            <a:gd name="connsiteX446" fmla="*/ 191618 w 2647519"/>
                            <a:gd name="connsiteY446" fmla="*/ 750570 h 2612594"/>
                            <a:gd name="connsiteX447" fmla="*/ 170663 w 2647519"/>
                            <a:gd name="connsiteY447" fmla="*/ 789622 h 2612594"/>
                            <a:gd name="connsiteX448" fmla="*/ 153518 w 2647519"/>
                            <a:gd name="connsiteY448" fmla="*/ 803910 h 2612594"/>
                            <a:gd name="connsiteX449" fmla="*/ 153477 w 2647519"/>
                            <a:gd name="connsiteY449" fmla="*/ 804822 h 2612594"/>
                            <a:gd name="connsiteX450" fmla="*/ 151819 w 2647519"/>
                            <a:gd name="connsiteY450" fmla="*/ 841286 h 2612594"/>
                            <a:gd name="connsiteX451" fmla="*/ 151866 w 2647519"/>
                            <a:gd name="connsiteY451" fmla="*/ 841199 h 2612594"/>
                            <a:gd name="connsiteX452" fmla="*/ 153518 w 2647519"/>
                            <a:gd name="connsiteY452" fmla="*/ 804862 h 2612594"/>
                            <a:gd name="connsiteX453" fmla="*/ 170663 w 2647519"/>
                            <a:gd name="connsiteY453" fmla="*/ 790574 h 2612594"/>
                            <a:gd name="connsiteX454" fmla="*/ 191618 w 2647519"/>
                            <a:gd name="connsiteY454" fmla="*/ 751522 h 2612594"/>
                            <a:gd name="connsiteX455" fmla="*/ 192332 w 2647519"/>
                            <a:gd name="connsiteY455" fmla="*/ 751998 h 2612594"/>
                            <a:gd name="connsiteX456" fmla="*/ 192689 w 2647519"/>
                            <a:gd name="connsiteY456" fmla="*/ 751284 h 2612594"/>
                            <a:gd name="connsiteX457" fmla="*/ 203047 w 2647519"/>
                            <a:gd name="connsiteY457" fmla="*/ 667702 h 2612594"/>
                            <a:gd name="connsiteX458" fmla="*/ 189712 w 2647519"/>
                            <a:gd name="connsiteY458" fmla="*/ 677227 h 2612594"/>
                            <a:gd name="connsiteX459" fmla="*/ 169710 w 2647519"/>
                            <a:gd name="connsiteY459" fmla="*/ 719137 h 2612594"/>
                            <a:gd name="connsiteX460" fmla="*/ 174286 w 2647519"/>
                            <a:gd name="connsiteY460" fmla="*/ 722798 h 2612594"/>
                            <a:gd name="connsiteX461" fmla="*/ 174435 w 2647519"/>
                            <a:gd name="connsiteY461" fmla="*/ 722155 h 2612594"/>
                            <a:gd name="connsiteX462" fmla="*/ 170663 w 2647519"/>
                            <a:gd name="connsiteY462" fmla="*/ 719137 h 2612594"/>
                            <a:gd name="connsiteX463" fmla="*/ 190665 w 2647519"/>
                            <a:gd name="connsiteY463" fmla="*/ 677227 h 2612594"/>
                            <a:gd name="connsiteX464" fmla="*/ 202473 w 2647519"/>
                            <a:gd name="connsiteY464" fmla="*/ 668793 h 2612594"/>
                            <a:gd name="connsiteX465" fmla="*/ 276390 w 2647519"/>
                            <a:gd name="connsiteY465" fmla="*/ 613410 h 2612594"/>
                            <a:gd name="connsiteX466" fmla="*/ 275187 w 2647519"/>
                            <a:gd name="connsiteY466" fmla="*/ 614373 h 2612594"/>
                            <a:gd name="connsiteX467" fmla="*/ 270080 w 2647519"/>
                            <a:gd name="connsiteY467" fmla="*/ 634008 h 2612594"/>
                            <a:gd name="connsiteX468" fmla="*/ 266865 w 2647519"/>
                            <a:gd name="connsiteY468" fmla="*/ 643890 h 2612594"/>
                            <a:gd name="connsiteX469" fmla="*/ 179235 w 2647519"/>
                            <a:gd name="connsiteY469" fmla="*/ 803910 h 2612594"/>
                            <a:gd name="connsiteX470" fmla="*/ 166852 w 2647519"/>
                            <a:gd name="connsiteY470" fmla="*/ 842962 h 2612594"/>
                            <a:gd name="connsiteX471" fmla="*/ 155422 w 2647519"/>
                            <a:gd name="connsiteY471" fmla="*/ 882967 h 2612594"/>
                            <a:gd name="connsiteX472" fmla="*/ 130657 w 2647519"/>
                            <a:gd name="connsiteY472" fmla="*/ 966787 h 2612594"/>
                            <a:gd name="connsiteX473" fmla="*/ 114465 w 2647519"/>
                            <a:gd name="connsiteY473" fmla="*/ 1023937 h 2612594"/>
                            <a:gd name="connsiteX474" fmla="*/ 106845 w 2647519"/>
                            <a:gd name="connsiteY474" fmla="*/ 1066800 h 2612594"/>
                            <a:gd name="connsiteX475" fmla="*/ 103035 w 2647519"/>
                            <a:gd name="connsiteY475" fmla="*/ 1088707 h 2612594"/>
                            <a:gd name="connsiteX476" fmla="*/ 100177 w 2647519"/>
                            <a:gd name="connsiteY476" fmla="*/ 1110615 h 2612594"/>
                            <a:gd name="connsiteX477" fmla="*/ 91605 w 2647519"/>
                            <a:gd name="connsiteY477" fmla="*/ 1169670 h 2612594"/>
                            <a:gd name="connsiteX478" fmla="*/ 88747 w 2647519"/>
                            <a:gd name="connsiteY478" fmla="*/ 1205865 h 2612594"/>
                            <a:gd name="connsiteX479" fmla="*/ 93510 w 2647519"/>
                            <a:gd name="connsiteY479" fmla="*/ 1243965 h 2612594"/>
                            <a:gd name="connsiteX480" fmla="*/ 95742 w 2647519"/>
                            <a:gd name="connsiteY480" fmla="*/ 1223205 h 2612594"/>
                            <a:gd name="connsiteX481" fmla="*/ 95415 w 2647519"/>
                            <a:gd name="connsiteY481" fmla="*/ 1216342 h 2612594"/>
                            <a:gd name="connsiteX482" fmla="*/ 99225 w 2647519"/>
                            <a:gd name="connsiteY482" fmla="*/ 1176337 h 2612594"/>
                            <a:gd name="connsiteX483" fmla="*/ 107797 w 2647519"/>
                            <a:gd name="connsiteY483" fmla="*/ 1117282 h 2612594"/>
                            <a:gd name="connsiteX484" fmla="*/ 114596 w 2647519"/>
                            <a:gd name="connsiteY484" fmla="*/ 1109123 h 2612594"/>
                            <a:gd name="connsiteX485" fmla="*/ 124469 w 2647519"/>
                            <a:gd name="connsiteY485" fmla="*/ 1043051 h 2612594"/>
                            <a:gd name="connsiteX486" fmla="*/ 123990 w 2647519"/>
                            <a:gd name="connsiteY486" fmla="*/ 1031557 h 2612594"/>
                            <a:gd name="connsiteX487" fmla="*/ 133400 w 2647519"/>
                            <a:gd name="connsiteY487" fmla="*/ 1004581 h 2612594"/>
                            <a:gd name="connsiteX488" fmla="*/ 138999 w 2647519"/>
                            <a:gd name="connsiteY488" fmla="*/ 981931 h 2612594"/>
                            <a:gd name="connsiteX489" fmla="*/ 137325 w 2647519"/>
                            <a:gd name="connsiteY489" fmla="*/ 985837 h 2612594"/>
                            <a:gd name="connsiteX490" fmla="*/ 131610 w 2647519"/>
                            <a:gd name="connsiteY490" fmla="*/ 983932 h 2612594"/>
                            <a:gd name="connsiteX491" fmla="*/ 117322 w 2647519"/>
                            <a:gd name="connsiteY491" fmla="*/ 1024890 h 2612594"/>
                            <a:gd name="connsiteX492" fmla="*/ 118275 w 2647519"/>
                            <a:gd name="connsiteY492" fmla="*/ 1047750 h 2612594"/>
                            <a:gd name="connsiteX493" fmla="*/ 111607 w 2647519"/>
                            <a:gd name="connsiteY493" fmla="*/ 1091565 h 2612594"/>
                            <a:gd name="connsiteX494" fmla="*/ 110655 w 2647519"/>
                            <a:gd name="connsiteY494" fmla="*/ 1099185 h 2612594"/>
                            <a:gd name="connsiteX495" fmla="*/ 101130 w 2647519"/>
                            <a:gd name="connsiteY495" fmla="*/ 1110615 h 2612594"/>
                            <a:gd name="connsiteX496" fmla="*/ 103987 w 2647519"/>
                            <a:gd name="connsiteY496" fmla="*/ 1088707 h 2612594"/>
                            <a:gd name="connsiteX497" fmla="*/ 107797 w 2647519"/>
                            <a:gd name="connsiteY497" fmla="*/ 1066800 h 2612594"/>
                            <a:gd name="connsiteX498" fmla="*/ 115417 w 2647519"/>
                            <a:gd name="connsiteY498" fmla="*/ 1023937 h 2612594"/>
                            <a:gd name="connsiteX499" fmla="*/ 131610 w 2647519"/>
                            <a:gd name="connsiteY499" fmla="*/ 966787 h 2612594"/>
                            <a:gd name="connsiteX500" fmla="*/ 156375 w 2647519"/>
                            <a:gd name="connsiteY500" fmla="*/ 882967 h 2612594"/>
                            <a:gd name="connsiteX501" fmla="*/ 167805 w 2647519"/>
                            <a:gd name="connsiteY501" fmla="*/ 842962 h 2612594"/>
                            <a:gd name="connsiteX502" fmla="*/ 180187 w 2647519"/>
                            <a:gd name="connsiteY502" fmla="*/ 803910 h 2612594"/>
                            <a:gd name="connsiteX503" fmla="*/ 267817 w 2647519"/>
                            <a:gd name="connsiteY503" fmla="*/ 643890 h 2612594"/>
                            <a:gd name="connsiteX504" fmla="*/ 276390 w 2647519"/>
                            <a:gd name="connsiteY504" fmla="*/ 613410 h 2612594"/>
                            <a:gd name="connsiteX505" fmla="*/ 293536 w 2647519"/>
                            <a:gd name="connsiteY505" fmla="*/ 518160 h 2612594"/>
                            <a:gd name="connsiteX506" fmla="*/ 293535 w 2647519"/>
                            <a:gd name="connsiteY506" fmla="*/ 518160 h 2612594"/>
                            <a:gd name="connsiteX507" fmla="*/ 298297 w 2647519"/>
                            <a:gd name="connsiteY507" fmla="*/ 521970 h 2612594"/>
                            <a:gd name="connsiteX508" fmla="*/ 298297 w 2647519"/>
                            <a:gd name="connsiteY508" fmla="*/ 521969 h 2612594"/>
                            <a:gd name="connsiteX509" fmla="*/ 465169 w 2647519"/>
                            <a:gd name="connsiteY509" fmla="*/ 382550 h 2612594"/>
                            <a:gd name="connsiteX510" fmla="*/ 464986 w 2647519"/>
                            <a:gd name="connsiteY510" fmla="*/ 382696 h 2612594"/>
                            <a:gd name="connsiteX511" fmla="*/ 464431 w 2647519"/>
                            <a:gd name="connsiteY511" fmla="*/ 383323 h 2612594"/>
                            <a:gd name="connsiteX512" fmla="*/ 456650 w 2647519"/>
                            <a:gd name="connsiteY512" fmla="*/ 391477 h 2612594"/>
                            <a:gd name="connsiteX513" fmla="*/ 454683 w 2647519"/>
                            <a:gd name="connsiteY513" fmla="*/ 394339 h 2612594"/>
                            <a:gd name="connsiteX514" fmla="*/ 453399 w 2647519"/>
                            <a:gd name="connsiteY514" fmla="*/ 395790 h 2612594"/>
                            <a:gd name="connsiteX515" fmla="*/ 447840 w 2647519"/>
                            <a:gd name="connsiteY515" fmla="*/ 403860 h 2612594"/>
                            <a:gd name="connsiteX516" fmla="*/ 389738 w 2647519"/>
                            <a:gd name="connsiteY516" fmla="*/ 472440 h 2612594"/>
                            <a:gd name="connsiteX517" fmla="*/ 373545 w 2647519"/>
                            <a:gd name="connsiteY517" fmla="*/ 491490 h 2612594"/>
                            <a:gd name="connsiteX518" fmla="*/ 357353 w 2647519"/>
                            <a:gd name="connsiteY518" fmla="*/ 511492 h 2612594"/>
                            <a:gd name="connsiteX519" fmla="*/ 285782 w 2647519"/>
                            <a:gd name="connsiteY519" fmla="*/ 590597 h 2612594"/>
                            <a:gd name="connsiteX520" fmla="*/ 358305 w 2647519"/>
                            <a:gd name="connsiteY520" fmla="*/ 510540 h 2612594"/>
                            <a:gd name="connsiteX521" fmla="*/ 374497 w 2647519"/>
                            <a:gd name="connsiteY521" fmla="*/ 490537 h 2612594"/>
                            <a:gd name="connsiteX522" fmla="*/ 390690 w 2647519"/>
                            <a:gd name="connsiteY522" fmla="*/ 471487 h 2612594"/>
                            <a:gd name="connsiteX523" fmla="*/ 448792 w 2647519"/>
                            <a:gd name="connsiteY523" fmla="*/ 402907 h 2612594"/>
                            <a:gd name="connsiteX524" fmla="*/ 454683 w 2647519"/>
                            <a:gd name="connsiteY524" fmla="*/ 394339 h 2612594"/>
                            <a:gd name="connsiteX525" fmla="*/ 464431 w 2647519"/>
                            <a:gd name="connsiteY525" fmla="*/ 383323 h 2612594"/>
                            <a:gd name="connsiteX526" fmla="*/ 489348 w 2647519"/>
                            <a:gd name="connsiteY526" fmla="*/ 316869 h 2612594"/>
                            <a:gd name="connsiteX527" fmla="*/ 481127 w 2647519"/>
                            <a:gd name="connsiteY527" fmla="*/ 319733 h 2612594"/>
                            <a:gd name="connsiteX528" fmla="*/ 475013 w 2647519"/>
                            <a:gd name="connsiteY528" fmla="*/ 322003 h 2612594"/>
                            <a:gd name="connsiteX529" fmla="*/ 473558 w 2647519"/>
                            <a:gd name="connsiteY529" fmla="*/ 323849 h 2612594"/>
                            <a:gd name="connsiteX530" fmla="*/ 463080 w 2647519"/>
                            <a:gd name="connsiteY530" fmla="*/ 333374 h 2612594"/>
                            <a:gd name="connsiteX531" fmla="*/ 436410 w 2647519"/>
                            <a:gd name="connsiteY531" fmla="*/ 350519 h 2612594"/>
                            <a:gd name="connsiteX532" fmla="*/ 418313 w 2647519"/>
                            <a:gd name="connsiteY532" fmla="*/ 370522 h 2612594"/>
                            <a:gd name="connsiteX533" fmla="*/ 401168 w 2647519"/>
                            <a:gd name="connsiteY533" fmla="*/ 390524 h 2612594"/>
                            <a:gd name="connsiteX534" fmla="*/ 389738 w 2647519"/>
                            <a:gd name="connsiteY534" fmla="*/ 401002 h 2612594"/>
                            <a:gd name="connsiteX535" fmla="*/ 389349 w 2647519"/>
                            <a:gd name="connsiteY535" fmla="*/ 400516 h 2612594"/>
                            <a:gd name="connsiteX536" fmla="*/ 378546 w 2647519"/>
                            <a:gd name="connsiteY536" fmla="*/ 413504 h 2612594"/>
                            <a:gd name="connsiteX537" fmla="*/ 360210 w 2647519"/>
                            <a:gd name="connsiteY537" fmla="*/ 436245 h 2612594"/>
                            <a:gd name="connsiteX538" fmla="*/ 330683 w 2647519"/>
                            <a:gd name="connsiteY538" fmla="*/ 468630 h 2612594"/>
                            <a:gd name="connsiteX539" fmla="*/ 335445 w 2647519"/>
                            <a:gd name="connsiteY539" fmla="*/ 474344 h 2612594"/>
                            <a:gd name="connsiteX540" fmla="*/ 335536 w 2647519"/>
                            <a:gd name="connsiteY540" fmla="*/ 474264 h 2612594"/>
                            <a:gd name="connsiteX541" fmla="*/ 331635 w 2647519"/>
                            <a:gd name="connsiteY541" fmla="*/ 469582 h 2612594"/>
                            <a:gd name="connsiteX542" fmla="*/ 361162 w 2647519"/>
                            <a:gd name="connsiteY542" fmla="*/ 437197 h 2612594"/>
                            <a:gd name="connsiteX543" fmla="*/ 390690 w 2647519"/>
                            <a:gd name="connsiteY543" fmla="*/ 401002 h 2612594"/>
                            <a:gd name="connsiteX544" fmla="*/ 402120 w 2647519"/>
                            <a:gd name="connsiteY544" fmla="*/ 390525 h 2612594"/>
                            <a:gd name="connsiteX545" fmla="*/ 419265 w 2647519"/>
                            <a:gd name="connsiteY545" fmla="*/ 370522 h 2612594"/>
                            <a:gd name="connsiteX546" fmla="*/ 437362 w 2647519"/>
                            <a:gd name="connsiteY546" fmla="*/ 350520 h 2612594"/>
                            <a:gd name="connsiteX547" fmla="*/ 464032 w 2647519"/>
                            <a:gd name="connsiteY547" fmla="*/ 333375 h 2612594"/>
                            <a:gd name="connsiteX548" fmla="*/ 474510 w 2647519"/>
                            <a:gd name="connsiteY548" fmla="*/ 323850 h 2612594"/>
                            <a:gd name="connsiteX549" fmla="*/ 485940 w 2647519"/>
                            <a:gd name="connsiteY549" fmla="*/ 319564 h 2612594"/>
                            <a:gd name="connsiteX550" fmla="*/ 489548 w 2647519"/>
                            <a:gd name="connsiteY550" fmla="*/ 318444 h 2612594"/>
                            <a:gd name="connsiteX551" fmla="*/ 1868970 w 2647519"/>
                            <a:gd name="connsiteY551" fmla="*/ 144780 h 2612594"/>
                            <a:gd name="connsiteX552" fmla="*/ 1917547 w 2647519"/>
                            <a:gd name="connsiteY552" fmla="*/ 166687 h 2612594"/>
                            <a:gd name="connsiteX553" fmla="*/ 1938502 w 2647519"/>
                            <a:gd name="connsiteY553" fmla="*/ 183832 h 2612594"/>
                            <a:gd name="connsiteX554" fmla="*/ 1891830 w 2647519"/>
                            <a:gd name="connsiteY554" fmla="*/ 160972 h 2612594"/>
                            <a:gd name="connsiteX555" fmla="*/ 1868970 w 2647519"/>
                            <a:gd name="connsiteY555" fmla="*/ 144780 h 2612594"/>
                            <a:gd name="connsiteX556" fmla="*/ 1710855 w 2647519"/>
                            <a:gd name="connsiteY556" fmla="*/ 75247 h 2612594"/>
                            <a:gd name="connsiteX557" fmla="*/ 1748955 w 2647519"/>
                            <a:gd name="connsiteY557" fmla="*/ 83819 h 2612594"/>
                            <a:gd name="connsiteX558" fmla="*/ 1802295 w 2647519"/>
                            <a:gd name="connsiteY558" fmla="*/ 110489 h 2612594"/>
                            <a:gd name="connsiteX559" fmla="*/ 1710855 w 2647519"/>
                            <a:gd name="connsiteY559" fmla="*/ 75247 h 2612594"/>
                            <a:gd name="connsiteX560" fmla="*/ 1137451 w 2647519"/>
                            <a:gd name="connsiteY560" fmla="*/ 68937 h 2612594"/>
                            <a:gd name="connsiteX561" fmla="*/ 1117448 w 2647519"/>
                            <a:gd name="connsiteY561" fmla="*/ 71437 h 2612594"/>
                            <a:gd name="connsiteX562" fmla="*/ 1074585 w 2647519"/>
                            <a:gd name="connsiteY562" fmla="*/ 77152 h 2612594"/>
                            <a:gd name="connsiteX563" fmla="*/ 1032675 w 2647519"/>
                            <a:gd name="connsiteY563" fmla="*/ 86677 h 2612594"/>
                            <a:gd name="connsiteX564" fmla="*/ 1014578 w 2647519"/>
                            <a:gd name="connsiteY564" fmla="*/ 92392 h 2612594"/>
                            <a:gd name="connsiteX565" fmla="*/ 993623 w 2647519"/>
                            <a:gd name="connsiteY565" fmla="*/ 98107 h 2612594"/>
                            <a:gd name="connsiteX566" fmla="*/ 947769 w 2647519"/>
                            <a:gd name="connsiteY566" fmla="*/ 107115 h 2612594"/>
                            <a:gd name="connsiteX567" fmla="*/ 939330 w 2647519"/>
                            <a:gd name="connsiteY567" fmla="*/ 110490 h 2612594"/>
                            <a:gd name="connsiteX568" fmla="*/ 881228 w 2647519"/>
                            <a:gd name="connsiteY568" fmla="*/ 130492 h 2612594"/>
                            <a:gd name="connsiteX569" fmla="*/ 824078 w 2647519"/>
                            <a:gd name="connsiteY569" fmla="*/ 153352 h 2612594"/>
                            <a:gd name="connsiteX570" fmla="*/ 784073 w 2647519"/>
                            <a:gd name="connsiteY570" fmla="*/ 171450 h 2612594"/>
                            <a:gd name="connsiteX571" fmla="*/ 757403 w 2647519"/>
                            <a:gd name="connsiteY571" fmla="*/ 181927 h 2612594"/>
                            <a:gd name="connsiteX572" fmla="*/ 691680 w 2647519"/>
                            <a:gd name="connsiteY572" fmla="*/ 212407 h 2612594"/>
                            <a:gd name="connsiteX573" fmla="*/ 660248 w 2647519"/>
                            <a:gd name="connsiteY573" fmla="*/ 232410 h 2612594"/>
                            <a:gd name="connsiteX574" fmla="*/ 629768 w 2647519"/>
                            <a:gd name="connsiteY574" fmla="*/ 252412 h 2612594"/>
                            <a:gd name="connsiteX575" fmla="*/ 581190 w 2647519"/>
                            <a:gd name="connsiteY575" fmla="*/ 288607 h 2612594"/>
                            <a:gd name="connsiteX576" fmla="*/ 535470 w 2647519"/>
                            <a:gd name="connsiteY576" fmla="*/ 324802 h 2612594"/>
                            <a:gd name="connsiteX577" fmla="*/ 491713 w 2647519"/>
                            <a:gd name="connsiteY577" fmla="*/ 362974 h 2612594"/>
                            <a:gd name="connsiteX578" fmla="*/ 495465 w 2647519"/>
                            <a:gd name="connsiteY578" fmla="*/ 367665 h 2612594"/>
                            <a:gd name="connsiteX579" fmla="*/ 504752 w 2647519"/>
                            <a:gd name="connsiteY579" fmla="*/ 361295 h 2612594"/>
                            <a:gd name="connsiteX580" fmla="*/ 512656 w 2647519"/>
                            <a:gd name="connsiteY580" fmla="*/ 355403 h 2612594"/>
                            <a:gd name="connsiteX581" fmla="*/ 541185 w 2647519"/>
                            <a:gd name="connsiteY581" fmla="*/ 330517 h 2612594"/>
                            <a:gd name="connsiteX582" fmla="*/ 586905 w 2647519"/>
                            <a:gd name="connsiteY582" fmla="*/ 294322 h 2612594"/>
                            <a:gd name="connsiteX583" fmla="*/ 635482 w 2647519"/>
                            <a:gd name="connsiteY583" fmla="*/ 258127 h 2612594"/>
                            <a:gd name="connsiteX584" fmla="*/ 665962 w 2647519"/>
                            <a:gd name="connsiteY584" fmla="*/ 238124 h 2612594"/>
                            <a:gd name="connsiteX585" fmla="*/ 697395 w 2647519"/>
                            <a:gd name="connsiteY585" fmla="*/ 218122 h 2612594"/>
                            <a:gd name="connsiteX586" fmla="*/ 763117 w 2647519"/>
                            <a:gd name="connsiteY586" fmla="*/ 187642 h 2612594"/>
                            <a:gd name="connsiteX587" fmla="*/ 788835 w 2647519"/>
                            <a:gd name="connsiteY587" fmla="*/ 174307 h 2612594"/>
                            <a:gd name="connsiteX588" fmla="*/ 828840 w 2647519"/>
                            <a:gd name="connsiteY588" fmla="*/ 156209 h 2612594"/>
                            <a:gd name="connsiteX589" fmla="*/ 885990 w 2647519"/>
                            <a:gd name="connsiteY589" fmla="*/ 133349 h 2612594"/>
                            <a:gd name="connsiteX590" fmla="*/ 944092 w 2647519"/>
                            <a:gd name="connsiteY590" fmla="*/ 113347 h 2612594"/>
                            <a:gd name="connsiteX591" fmla="*/ 968499 w 2647519"/>
                            <a:gd name="connsiteY591" fmla="*/ 108553 h 2612594"/>
                            <a:gd name="connsiteX592" fmla="*/ 980289 w 2647519"/>
                            <a:gd name="connsiteY592" fmla="*/ 104524 h 2612594"/>
                            <a:gd name="connsiteX593" fmla="*/ 1140765 w 2647519"/>
                            <a:gd name="connsiteY593" fmla="*/ 69904 h 2612594"/>
                            <a:gd name="connsiteX594" fmla="*/ 1478087 w 2647519"/>
                            <a:gd name="connsiteY594" fmla="*/ 48458 h 2612594"/>
                            <a:gd name="connsiteX595" fmla="*/ 1498447 w 2647519"/>
                            <a:gd name="connsiteY595" fmla="*/ 50482 h 2612594"/>
                            <a:gd name="connsiteX596" fmla="*/ 1526070 w 2647519"/>
                            <a:gd name="connsiteY596" fmla="*/ 60007 h 2612594"/>
                            <a:gd name="connsiteX597" fmla="*/ 1505115 w 2647519"/>
                            <a:gd name="connsiteY597" fmla="*/ 57150 h 2612594"/>
                            <a:gd name="connsiteX598" fmla="*/ 1461300 w 2647519"/>
                            <a:gd name="connsiteY598" fmla="*/ 48577 h 2612594"/>
                            <a:gd name="connsiteX599" fmla="*/ 1478087 w 2647519"/>
                            <a:gd name="connsiteY599" fmla="*/ 48458 h 2612594"/>
                            <a:gd name="connsiteX600" fmla="*/ 1588935 w 2647519"/>
                            <a:gd name="connsiteY600" fmla="*/ 40957 h 2612594"/>
                            <a:gd name="connsiteX601" fmla="*/ 1627987 w 2647519"/>
                            <a:gd name="connsiteY601" fmla="*/ 43814 h 2612594"/>
                            <a:gd name="connsiteX602" fmla="*/ 1675612 w 2647519"/>
                            <a:gd name="connsiteY602" fmla="*/ 62864 h 2612594"/>
                            <a:gd name="connsiteX603" fmla="*/ 1616557 w 2647519"/>
                            <a:gd name="connsiteY603" fmla="*/ 52387 h 2612594"/>
                            <a:gd name="connsiteX604" fmla="*/ 1588935 w 2647519"/>
                            <a:gd name="connsiteY604" fmla="*/ 40957 h 2612594"/>
                            <a:gd name="connsiteX605" fmla="*/ 1270324 w 2647519"/>
                            <a:gd name="connsiteY605" fmla="*/ 40719 h 2612594"/>
                            <a:gd name="connsiteX606" fmla="*/ 1160310 w 2647519"/>
                            <a:gd name="connsiteY606" fmla="*/ 46672 h 2612594"/>
                            <a:gd name="connsiteX607" fmla="*/ 1084110 w 2647519"/>
                            <a:gd name="connsiteY607" fmla="*/ 57149 h 2612594"/>
                            <a:gd name="connsiteX608" fmla="*/ 1047915 w 2647519"/>
                            <a:gd name="connsiteY608" fmla="*/ 66674 h 2612594"/>
                            <a:gd name="connsiteX609" fmla="*/ 1016482 w 2647519"/>
                            <a:gd name="connsiteY609" fmla="*/ 78104 h 2612594"/>
                            <a:gd name="connsiteX610" fmla="*/ 972667 w 2647519"/>
                            <a:gd name="connsiteY610" fmla="*/ 83819 h 2612594"/>
                            <a:gd name="connsiteX611" fmla="*/ 806932 w 2647519"/>
                            <a:gd name="connsiteY611" fmla="*/ 147637 h 2612594"/>
                            <a:gd name="connsiteX612" fmla="*/ 746925 w 2647519"/>
                            <a:gd name="connsiteY612" fmla="*/ 174307 h 2612594"/>
                            <a:gd name="connsiteX613" fmla="*/ 728827 w 2647519"/>
                            <a:gd name="connsiteY613" fmla="*/ 180974 h 2612594"/>
                            <a:gd name="connsiteX614" fmla="*/ 712635 w 2647519"/>
                            <a:gd name="connsiteY614" fmla="*/ 189547 h 2612594"/>
                            <a:gd name="connsiteX615" fmla="*/ 682155 w 2647519"/>
                            <a:gd name="connsiteY615" fmla="*/ 205739 h 2612594"/>
                            <a:gd name="connsiteX616" fmla="*/ 634530 w 2647519"/>
                            <a:gd name="connsiteY616" fmla="*/ 230504 h 2612594"/>
                            <a:gd name="connsiteX617" fmla="*/ 598335 w 2647519"/>
                            <a:gd name="connsiteY617" fmla="*/ 259079 h 2612594"/>
                            <a:gd name="connsiteX618" fmla="*/ 493560 w 2647519"/>
                            <a:gd name="connsiteY618" fmla="*/ 340994 h 2612594"/>
                            <a:gd name="connsiteX619" fmla="*/ 471664 w 2647519"/>
                            <a:gd name="connsiteY619" fmla="*/ 360034 h 2612594"/>
                            <a:gd name="connsiteX620" fmla="*/ 450243 w 2647519"/>
                            <a:gd name="connsiteY620" fmla="*/ 379593 h 2612594"/>
                            <a:gd name="connsiteX621" fmla="*/ 450697 w 2647519"/>
                            <a:gd name="connsiteY621" fmla="*/ 380047 h 2612594"/>
                            <a:gd name="connsiteX622" fmla="*/ 285915 w 2647519"/>
                            <a:gd name="connsiteY622" fmla="*/ 573404 h 2612594"/>
                            <a:gd name="connsiteX623" fmla="*/ 252577 w 2647519"/>
                            <a:gd name="connsiteY623" fmla="*/ 619124 h 2612594"/>
                            <a:gd name="connsiteX624" fmla="*/ 237337 w 2647519"/>
                            <a:gd name="connsiteY624" fmla="*/ 646747 h 2612594"/>
                            <a:gd name="connsiteX625" fmla="*/ 222097 w 2647519"/>
                            <a:gd name="connsiteY625" fmla="*/ 672464 h 2612594"/>
                            <a:gd name="connsiteX626" fmla="*/ 193522 w 2647519"/>
                            <a:gd name="connsiteY626" fmla="*/ 725804 h 2612594"/>
                            <a:gd name="connsiteX627" fmla="*/ 162439 w 2647519"/>
                            <a:gd name="connsiteY627" fmla="*/ 774784 h 2612594"/>
                            <a:gd name="connsiteX628" fmla="*/ 162090 w 2647519"/>
                            <a:gd name="connsiteY628" fmla="*/ 776287 h 2612594"/>
                            <a:gd name="connsiteX629" fmla="*/ 151612 w 2647519"/>
                            <a:gd name="connsiteY629" fmla="*/ 804862 h 2612594"/>
                            <a:gd name="connsiteX630" fmla="*/ 143992 w 2647519"/>
                            <a:gd name="connsiteY630" fmla="*/ 818197 h 2612594"/>
                            <a:gd name="connsiteX631" fmla="*/ 142087 w 2647519"/>
                            <a:gd name="connsiteY631" fmla="*/ 820102 h 2612594"/>
                            <a:gd name="connsiteX632" fmla="*/ 133634 w 2647519"/>
                            <a:gd name="connsiteY632" fmla="*/ 848201 h 2612594"/>
                            <a:gd name="connsiteX633" fmla="*/ 131610 w 2647519"/>
                            <a:gd name="connsiteY633" fmla="*/ 864870 h 2612594"/>
                            <a:gd name="connsiteX634" fmla="*/ 129705 w 2647519"/>
                            <a:gd name="connsiteY634" fmla="*/ 888682 h 2612594"/>
                            <a:gd name="connsiteX635" fmla="*/ 116370 w 2647519"/>
                            <a:gd name="connsiteY635" fmla="*/ 927735 h 2612594"/>
                            <a:gd name="connsiteX636" fmla="*/ 103987 w 2647519"/>
                            <a:gd name="connsiteY636" fmla="*/ 966787 h 2612594"/>
                            <a:gd name="connsiteX637" fmla="*/ 90652 w 2647519"/>
                            <a:gd name="connsiteY637" fmla="*/ 1023937 h 2612594"/>
                            <a:gd name="connsiteX638" fmla="*/ 83032 w 2647519"/>
                            <a:gd name="connsiteY638" fmla="*/ 1076325 h 2612594"/>
                            <a:gd name="connsiteX639" fmla="*/ 78270 w 2647519"/>
                            <a:gd name="connsiteY639" fmla="*/ 1128712 h 2612594"/>
                            <a:gd name="connsiteX640" fmla="*/ 84937 w 2647519"/>
                            <a:gd name="connsiteY640" fmla="*/ 1092517 h 2612594"/>
                            <a:gd name="connsiteX641" fmla="*/ 85555 w 2647519"/>
                            <a:gd name="connsiteY641" fmla="*/ 1089530 h 2612594"/>
                            <a:gd name="connsiteX642" fmla="*/ 86842 w 2647519"/>
                            <a:gd name="connsiteY642" fmla="*/ 1075372 h 2612594"/>
                            <a:gd name="connsiteX643" fmla="*/ 94462 w 2647519"/>
                            <a:gd name="connsiteY643" fmla="*/ 1022985 h 2612594"/>
                            <a:gd name="connsiteX644" fmla="*/ 96848 w 2647519"/>
                            <a:gd name="connsiteY644" fmla="*/ 1023781 h 2612594"/>
                            <a:gd name="connsiteX645" fmla="*/ 97055 w 2647519"/>
                            <a:gd name="connsiteY645" fmla="*/ 1022896 h 2612594"/>
                            <a:gd name="connsiteX646" fmla="*/ 94463 w 2647519"/>
                            <a:gd name="connsiteY646" fmla="*/ 1022032 h 2612594"/>
                            <a:gd name="connsiteX647" fmla="*/ 107798 w 2647519"/>
                            <a:gd name="connsiteY647" fmla="*/ 964882 h 2612594"/>
                            <a:gd name="connsiteX648" fmla="*/ 120180 w 2647519"/>
                            <a:gd name="connsiteY648" fmla="*/ 925829 h 2612594"/>
                            <a:gd name="connsiteX649" fmla="*/ 133454 w 2647519"/>
                            <a:gd name="connsiteY649" fmla="*/ 886956 h 2612594"/>
                            <a:gd name="connsiteX650" fmla="*/ 132563 w 2647519"/>
                            <a:gd name="connsiteY650" fmla="*/ 886777 h 2612594"/>
                            <a:gd name="connsiteX651" fmla="*/ 134468 w 2647519"/>
                            <a:gd name="connsiteY651" fmla="*/ 862965 h 2612594"/>
                            <a:gd name="connsiteX652" fmla="*/ 144945 w 2647519"/>
                            <a:gd name="connsiteY652" fmla="*/ 818197 h 2612594"/>
                            <a:gd name="connsiteX653" fmla="*/ 152565 w 2647519"/>
                            <a:gd name="connsiteY653" fmla="*/ 804862 h 2612594"/>
                            <a:gd name="connsiteX654" fmla="*/ 152821 w 2647519"/>
                            <a:gd name="connsiteY654" fmla="*/ 804166 h 2612594"/>
                            <a:gd name="connsiteX655" fmla="*/ 163043 w 2647519"/>
                            <a:gd name="connsiteY655" fmla="*/ 776287 h 2612594"/>
                            <a:gd name="connsiteX656" fmla="*/ 194475 w 2647519"/>
                            <a:gd name="connsiteY656" fmla="*/ 726757 h 2612594"/>
                            <a:gd name="connsiteX657" fmla="*/ 223050 w 2647519"/>
                            <a:gd name="connsiteY657" fmla="*/ 673417 h 2612594"/>
                            <a:gd name="connsiteX658" fmla="*/ 238290 w 2647519"/>
                            <a:gd name="connsiteY658" fmla="*/ 647700 h 2612594"/>
                            <a:gd name="connsiteX659" fmla="*/ 253530 w 2647519"/>
                            <a:gd name="connsiteY659" fmla="*/ 620077 h 2612594"/>
                            <a:gd name="connsiteX660" fmla="*/ 286868 w 2647519"/>
                            <a:gd name="connsiteY660" fmla="*/ 574357 h 2612594"/>
                            <a:gd name="connsiteX661" fmla="*/ 451650 w 2647519"/>
                            <a:gd name="connsiteY661" fmla="*/ 381000 h 2612594"/>
                            <a:gd name="connsiteX662" fmla="*/ 495465 w 2647519"/>
                            <a:gd name="connsiteY662" fmla="*/ 340995 h 2612594"/>
                            <a:gd name="connsiteX663" fmla="*/ 600240 w 2647519"/>
                            <a:gd name="connsiteY663" fmla="*/ 259080 h 2612594"/>
                            <a:gd name="connsiteX664" fmla="*/ 636435 w 2647519"/>
                            <a:gd name="connsiteY664" fmla="*/ 230505 h 2612594"/>
                            <a:gd name="connsiteX665" fmla="*/ 684060 w 2647519"/>
                            <a:gd name="connsiteY665" fmla="*/ 205740 h 2612594"/>
                            <a:gd name="connsiteX666" fmla="*/ 714540 w 2647519"/>
                            <a:gd name="connsiteY666" fmla="*/ 189547 h 2612594"/>
                            <a:gd name="connsiteX667" fmla="*/ 730733 w 2647519"/>
                            <a:gd name="connsiteY667" fmla="*/ 180975 h 2612594"/>
                            <a:gd name="connsiteX668" fmla="*/ 748830 w 2647519"/>
                            <a:gd name="connsiteY668" fmla="*/ 174307 h 2612594"/>
                            <a:gd name="connsiteX669" fmla="*/ 808838 w 2647519"/>
                            <a:gd name="connsiteY669" fmla="*/ 147637 h 2612594"/>
                            <a:gd name="connsiteX670" fmla="*/ 974573 w 2647519"/>
                            <a:gd name="connsiteY670" fmla="*/ 83820 h 2612594"/>
                            <a:gd name="connsiteX671" fmla="*/ 1018388 w 2647519"/>
                            <a:gd name="connsiteY671" fmla="*/ 78105 h 2612594"/>
                            <a:gd name="connsiteX672" fmla="*/ 1049820 w 2647519"/>
                            <a:gd name="connsiteY672" fmla="*/ 66675 h 2612594"/>
                            <a:gd name="connsiteX673" fmla="*/ 1086015 w 2647519"/>
                            <a:gd name="connsiteY673" fmla="*/ 57150 h 2612594"/>
                            <a:gd name="connsiteX674" fmla="*/ 1162215 w 2647519"/>
                            <a:gd name="connsiteY674" fmla="*/ 46672 h 2612594"/>
                            <a:gd name="connsiteX675" fmla="*/ 1272229 w 2647519"/>
                            <a:gd name="connsiteY675" fmla="*/ 41076 h 2612594"/>
                            <a:gd name="connsiteX676" fmla="*/ 1360655 w 2647519"/>
                            <a:gd name="connsiteY676" fmla="*/ 44043 h 2612594"/>
                            <a:gd name="connsiteX677" fmla="*/ 1404150 w 2647519"/>
                            <a:gd name="connsiteY677" fmla="*/ 0 h 2612594"/>
                            <a:gd name="connsiteX678" fmla="*/ 1448917 w 2647519"/>
                            <a:gd name="connsiteY678" fmla="*/ 2857 h 2612594"/>
                            <a:gd name="connsiteX679" fmla="*/ 1494637 w 2647519"/>
                            <a:gd name="connsiteY679" fmla="*/ 7620 h 2612594"/>
                            <a:gd name="connsiteX680" fmla="*/ 1525117 w 2647519"/>
                            <a:gd name="connsiteY680" fmla="*/ 15240 h 2612594"/>
                            <a:gd name="connsiteX681" fmla="*/ 1545120 w 2647519"/>
                            <a:gd name="connsiteY681" fmla="*/ 24765 h 2612594"/>
                            <a:gd name="connsiteX682" fmla="*/ 1569885 w 2647519"/>
                            <a:gd name="connsiteY682" fmla="*/ 20002 h 2612594"/>
                            <a:gd name="connsiteX683" fmla="*/ 1607032 w 2647519"/>
                            <a:gd name="connsiteY683" fmla="*/ 28575 h 2612594"/>
                            <a:gd name="connsiteX684" fmla="*/ 1629892 w 2647519"/>
                            <a:gd name="connsiteY684" fmla="*/ 35242 h 2612594"/>
                            <a:gd name="connsiteX685" fmla="*/ 1628940 w 2647519"/>
                            <a:gd name="connsiteY685" fmla="*/ 36195 h 2612594"/>
                            <a:gd name="connsiteX686" fmla="*/ 1627987 w 2647519"/>
                            <a:gd name="connsiteY686" fmla="*/ 42862 h 2612594"/>
                            <a:gd name="connsiteX687" fmla="*/ 1588935 w 2647519"/>
                            <a:gd name="connsiteY687" fmla="*/ 40005 h 2612594"/>
                            <a:gd name="connsiteX688" fmla="*/ 1575600 w 2647519"/>
                            <a:gd name="connsiteY688" fmla="*/ 36195 h 2612594"/>
                            <a:gd name="connsiteX689" fmla="*/ 1562265 w 2647519"/>
                            <a:gd name="connsiteY689" fmla="*/ 33337 h 2612594"/>
                            <a:gd name="connsiteX690" fmla="*/ 1536547 w 2647519"/>
                            <a:gd name="connsiteY690" fmla="*/ 27622 h 2612594"/>
                            <a:gd name="connsiteX691" fmla="*/ 1510830 w 2647519"/>
                            <a:gd name="connsiteY691" fmla="*/ 21907 h 2612594"/>
                            <a:gd name="connsiteX692" fmla="*/ 1484160 w 2647519"/>
                            <a:gd name="connsiteY692" fmla="*/ 18097 h 2612594"/>
                            <a:gd name="connsiteX693" fmla="*/ 1454633 w 2647519"/>
                            <a:gd name="connsiteY693" fmla="*/ 18097 h 2612594"/>
                            <a:gd name="connsiteX694" fmla="*/ 1430820 w 2647519"/>
                            <a:gd name="connsiteY694" fmla="*/ 18097 h 2612594"/>
                            <a:gd name="connsiteX695" fmla="*/ 1393673 w 2647519"/>
                            <a:gd name="connsiteY695" fmla="*/ 18097 h 2612594"/>
                            <a:gd name="connsiteX696" fmla="*/ 1391928 w 2647519"/>
                            <a:gd name="connsiteY696" fmla="*/ 17540 h 2612594"/>
                            <a:gd name="connsiteX697" fmla="*/ 1375575 w 2647519"/>
                            <a:gd name="connsiteY697" fmla="*/ 25717 h 2612594"/>
                            <a:gd name="connsiteX698" fmla="*/ 1381290 w 2647519"/>
                            <a:gd name="connsiteY698" fmla="*/ 35242 h 2612594"/>
                            <a:gd name="connsiteX699" fmla="*/ 1438440 w 2647519"/>
                            <a:gd name="connsiteY699" fmla="*/ 46672 h 2612594"/>
                            <a:gd name="connsiteX700" fmla="*/ 1413008 w 2647519"/>
                            <a:gd name="connsiteY700" fmla="*/ 47116 h 2612594"/>
                            <a:gd name="connsiteX701" fmla="*/ 1413437 w 2647519"/>
                            <a:gd name="connsiteY701" fmla="*/ 47149 h 2612594"/>
                            <a:gd name="connsiteX702" fmla="*/ 1440345 w 2647519"/>
                            <a:gd name="connsiteY702" fmla="*/ 46672 h 2612594"/>
                            <a:gd name="connsiteX703" fmla="*/ 1463205 w 2647519"/>
                            <a:gd name="connsiteY703" fmla="*/ 49530 h 2612594"/>
                            <a:gd name="connsiteX704" fmla="*/ 1507020 w 2647519"/>
                            <a:gd name="connsiteY704" fmla="*/ 58102 h 2612594"/>
                            <a:gd name="connsiteX705" fmla="*/ 1527975 w 2647519"/>
                            <a:gd name="connsiteY705" fmla="*/ 60960 h 2612594"/>
                            <a:gd name="connsiteX706" fmla="*/ 1563218 w 2647519"/>
                            <a:gd name="connsiteY706" fmla="*/ 68580 h 2612594"/>
                            <a:gd name="connsiteX707" fmla="*/ 1599413 w 2647519"/>
                            <a:gd name="connsiteY707" fmla="*/ 76200 h 2612594"/>
                            <a:gd name="connsiteX708" fmla="*/ 1634655 w 2647519"/>
                            <a:gd name="connsiteY708" fmla="*/ 84772 h 2612594"/>
                            <a:gd name="connsiteX709" fmla="*/ 1669898 w 2647519"/>
                            <a:gd name="connsiteY709" fmla="*/ 95250 h 2612594"/>
                            <a:gd name="connsiteX710" fmla="*/ 1687043 w 2647519"/>
                            <a:gd name="connsiteY710" fmla="*/ 100012 h 2612594"/>
                            <a:gd name="connsiteX711" fmla="*/ 1704188 w 2647519"/>
                            <a:gd name="connsiteY711" fmla="*/ 105727 h 2612594"/>
                            <a:gd name="connsiteX712" fmla="*/ 1704409 w 2647519"/>
                            <a:gd name="connsiteY712" fmla="*/ 105929 h 2612594"/>
                            <a:gd name="connsiteX713" fmla="*/ 1716704 w 2647519"/>
                            <a:gd name="connsiteY713" fmla="*/ 108049 h 2612594"/>
                            <a:gd name="connsiteX714" fmla="*/ 1746499 w 2647519"/>
                            <a:gd name="connsiteY714" fmla="*/ 119121 h 2612594"/>
                            <a:gd name="connsiteX715" fmla="*/ 1750661 w 2647519"/>
                            <a:gd name="connsiteY715" fmla="*/ 125427 h 2612594"/>
                            <a:gd name="connsiteX716" fmla="*/ 1751813 w 2647519"/>
                            <a:gd name="connsiteY716" fmla="*/ 125730 h 2612594"/>
                            <a:gd name="connsiteX717" fmla="*/ 1778483 w 2647519"/>
                            <a:gd name="connsiteY717" fmla="*/ 136207 h 2612594"/>
                            <a:gd name="connsiteX718" fmla="*/ 1801343 w 2647519"/>
                            <a:gd name="connsiteY718" fmla="*/ 145732 h 2612594"/>
                            <a:gd name="connsiteX719" fmla="*/ 1824203 w 2647519"/>
                            <a:gd name="connsiteY719" fmla="*/ 156210 h 2612594"/>
                            <a:gd name="connsiteX720" fmla="*/ 1841348 w 2647519"/>
                            <a:gd name="connsiteY720" fmla="*/ 165735 h 2612594"/>
                            <a:gd name="connsiteX721" fmla="*/ 1852778 w 2647519"/>
                            <a:gd name="connsiteY721" fmla="*/ 171450 h 2612594"/>
                            <a:gd name="connsiteX722" fmla="*/ 1865160 w 2647519"/>
                            <a:gd name="connsiteY722" fmla="*/ 178117 h 2612594"/>
                            <a:gd name="connsiteX723" fmla="*/ 1907070 w 2647519"/>
                            <a:gd name="connsiteY723" fmla="*/ 201930 h 2612594"/>
                            <a:gd name="connsiteX724" fmla="*/ 1960410 w 2647519"/>
                            <a:gd name="connsiteY724" fmla="*/ 236220 h 2612594"/>
                            <a:gd name="connsiteX725" fmla="*/ 1988033 w 2647519"/>
                            <a:gd name="connsiteY725" fmla="*/ 255270 h 2612594"/>
                            <a:gd name="connsiteX726" fmla="*/ 1988832 w 2647519"/>
                            <a:gd name="connsiteY726" fmla="*/ 255841 h 2612594"/>
                            <a:gd name="connsiteX727" fmla="*/ 2002949 w 2647519"/>
                            <a:gd name="connsiteY727" fmla="*/ 264417 h 2612594"/>
                            <a:gd name="connsiteX728" fmla="*/ 2540483 w 2647519"/>
                            <a:gd name="connsiteY728" fmla="*/ 1275397 h 2612594"/>
                            <a:gd name="connsiteX729" fmla="*/ 2540080 w 2647519"/>
                            <a:gd name="connsiteY729" fmla="*/ 1283368 h 2612594"/>
                            <a:gd name="connsiteX730" fmla="*/ 2550960 w 2647519"/>
                            <a:gd name="connsiteY730" fmla="*/ 1284922 h 2612594"/>
                            <a:gd name="connsiteX731" fmla="*/ 2561437 w 2647519"/>
                            <a:gd name="connsiteY731" fmla="*/ 1292542 h 2612594"/>
                            <a:gd name="connsiteX732" fmla="*/ 2566200 w 2647519"/>
                            <a:gd name="connsiteY732" fmla="*/ 1318259 h 2612594"/>
                            <a:gd name="connsiteX733" fmla="*/ 2584297 w 2647519"/>
                            <a:gd name="connsiteY733" fmla="*/ 1348739 h 2612594"/>
                            <a:gd name="connsiteX734" fmla="*/ 2591918 w 2647519"/>
                            <a:gd name="connsiteY734" fmla="*/ 1349432 h 2612594"/>
                            <a:gd name="connsiteX735" fmla="*/ 2591918 w 2647519"/>
                            <a:gd name="connsiteY735" fmla="*/ 1342072 h 2612594"/>
                            <a:gd name="connsiteX736" fmla="*/ 2599661 w 2647519"/>
                            <a:gd name="connsiteY736" fmla="*/ 1320563 h 2612594"/>
                            <a:gd name="connsiteX737" fmla="*/ 2599537 w 2647519"/>
                            <a:gd name="connsiteY737" fmla="*/ 1316355 h 2612594"/>
                            <a:gd name="connsiteX738" fmla="*/ 2607157 w 2647519"/>
                            <a:gd name="connsiteY738" fmla="*/ 1290637 h 2612594"/>
                            <a:gd name="connsiteX739" fmla="*/ 2617635 w 2647519"/>
                            <a:gd name="connsiteY739" fmla="*/ 1290637 h 2612594"/>
                            <a:gd name="connsiteX740" fmla="*/ 2633827 w 2647519"/>
                            <a:gd name="connsiteY740" fmla="*/ 1280160 h 2612594"/>
                            <a:gd name="connsiteX741" fmla="*/ 2635732 w 2647519"/>
                            <a:gd name="connsiteY741" fmla="*/ 1322070 h 2612594"/>
                            <a:gd name="connsiteX742" fmla="*/ 2630970 w 2647519"/>
                            <a:gd name="connsiteY742" fmla="*/ 1342072 h 2612594"/>
                            <a:gd name="connsiteX743" fmla="*/ 2625255 w 2647519"/>
                            <a:gd name="connsiteY743" fmla="*/ 1361122 h 2612594"/>
                            <a:gd name="connsiteX744" fmla="*/ 2622397 w 2647519"/>
                            <a:gd name="connsiteY744" fmla="*/ 1392555 h 2612594"/>
                            <a:gd name="connsiteX745" fmla="*/ 2621445 w 2647519"/>
                            <a:gd name="connsiteY745" fmla="*/ 1408747 h 2612594"/>
                            <a:gd name="connsiteX746" fmla="*/ 2619540 w 2647519"/>
                            <a:gd name="connsiteY746" fmla="*/ 1424940 h 2612594"/>
                            <a:gd name="connsiteX747" fmla="*/ 2615478 w 2647519"/>
                            <a:gd name="connsiteY747" fmla="*/ 1427648 h 2612594"/>
                            <a:gd name="connsiteX748" fmla="*/ 2615730 w 2647519"/>
                            <a:gd name="connsiteY748" fmla="*/ 1428749 h 2612594"/>
                            <a:gd name="connsiteX749" fmla="*/ 2619621 w 2647519"/>
                            <a:gd name="connsiteY749" fmla="*/ 1426155 h 2612594"/>
                            <a:gd name="connsiteX750" fmla="*/ 2621445 w 2647519"/>
                            <a:gd name="connsiteY750" fmla="*/ 1410652 h 2612594"/>
                            <a:gd name="connsiteX751" fmla="*/ 2622397 w 2647519"/>
                            <a:gd name="connsiteY751" fmla="*/ 1394460 h 2612594"/>
                            <a:gd name="connsiteX752" fmla="*/ 2625255 w 2647519"/>
                            <a:gd name="connsiteY752" fmla="*/ 1363027 h 2612594"/>
                            <a:gd name="connsiteX753" fmla="*/ 2630970 w 2647519"/>
                            <a:gd name="connsiteY753" fmla="*/ 1343977 h 2612594"/>
                            <a:gd name="connsiteX754" fmla="*/ 2635732 w 2647519"/>
                            <a:gd name="connsiteY754" fmla="*/ 1323975 h 2612594"/>
                            <a:gd name="connsiteX755" fmla="*/ 2643352 w 2647519"/>
                            <a:gd name="connsiteY755" fmla="*/ 1329690 h 2612594"/>
                            <a:gd name="connsiteX756" fmla="*/ 2642400 w 2647519"/>
                            <a:gd name="connsiteY756" fmla="*/ 1343977 h 2612594"/>
                            <a:gd name="connsiteX757" fmla="*/ 2640495 w 2647519"/>
                            <a:gd name="connsiteY757" fmla="*/ 1358265 h 2612594"/>
                            <a:gd name="connsiteX758" fmla="*/ 2639542 w 2647519"/>
                            <a:gd name="connsiteY758" fmla="*/ 1384935 h 2612594"/>
                            <a:gd name="connsiteX759" fmla="*/ 2637637 w 2647519"/>
                            <a:gd name="connsiteY759" fmla="*/ 1416367 h 2612594"/>
                            <a:gd name="connsiteX760" fmla="*/ 2632875 w 2647519"/>
                            <a:gd name="connsiteY760" fmla="*/ 1449705 h 2612594"/>
                            <a:gd name="connsiteX761" fmla="*/ 2627160 w 2647519"/>
                            <a:gd name="connsiteY761" fmla="*/ 1484947 h 2612594"/>
                            <a:gd name="connsiteX762" fmla="*/ 2620492 w 2647519"/>
                            <a:gd name="connsiteY762" fmla="*/ 1519237 h 2612594"/>
                            <a:gd name="connsiteX763" fmla="*/ 2608110 w 2647519"/>
                            <a:gd name="connsiteY763" fmla="*/ 1591627 h 2612594"/>
                            <a:gd name="connsiteX764" fmla="*/ 2596680 w 2647519"/>
                            <a:gd name="connsiteY764" fmla="*/ 1598295 h 2612594"/>
                            <a:gd name="connsiteX765" fmla="*/ 2582392 w 2647519"/>
                            <a:gd name="connsiteY765" fmla="*/ 1640205 h 2612594"/>
                            <a:gd name="connsiteX766" fmla="*/ 2578582 w 2647519"/>
                            <a:gd name="connsiteY766" fmla="*/ 1680210 h 2612594"/>
                            <a:gd name="connsiteX767" fmla="*/ 2576677 w 2647519"/>
                            <a:gd name="connsiteY767" fmla="*/ 1685925 h 2612594"/>
                            <a:gd name="connsiteX768" fmla="*/ 2560485 w 2647519"/>
                            <a:gd name="connsiteY768" fmla="*/ 1729740 h 2612594"/>
                            <a:gd name="connsiteX769" fmla="*/ 2555722 w 2647519"/>
                            <a:gd name="connsiteY769" fmla="*/ 1733550 h 2612594"/>
                            <a:gd name="connsiteX770" fmla="*/ 2535720 w 2647519"/>
                            <a:gd name="connsiteY770" fmla="*/ 1780222 h 2612594"/>
                            <a:gd name="connsiteX771" fmla="*/ 2556675 w 2647519"/>
                            <a:gd name="connsiteY771" fmla="*/ 1733550 h 2612594"/>
                            <a:gd name="connsiteX772" fmla="*/ 2561437 w 2647519"/>
                            <a:gd name="connsiteY772" fmla="*/ 1729740 h 2612594"/>
                            <a:gd name="connsiteX773" fmla="*/ 2530957 w 2647519"/>
                            <a:gd name="connsiteY773" fmla="*/ 1816417 h 2612594"/>
                            <a:gd name="connsiteX774" fmla="*/ 2514765 w 2647519"/>
                            <a:gd name="connsiteY774" fmla="*/ 1824990 h 2612594"/>
                            <a:gd name="connsiteX775" fmla="*/ 2511407 w 2647519"/>
                            <a:gd name="connsiteY775" fmla="*/ 1831707 h 2612594"/>
                            <a:gd name="connsiteX776" fmla="*/ 2511908 w 2647519"/>
                            <a:gd name="connsiteY776" fmla="*/ 1832609 h 2612594"/>
                            <a:gd name="connsiteX777" fmla="*/ 2515718 w 2647519"/>
                            <a:gd name="connsiteY777" fmla="*/ 1824989 h 2612594"/>
                            <a:gd name="connsiteX778" fmla="*/ 2531910 w 2647519"/>
                            <a:gd name="connsiteY778" fmla="*/ 1816417 h 2612594"/>
                            <a:gd name="connsiteX779" fmla="*/ 2520480 w 2647519"/>
                            <a:gd name="connsiteY779" fmla="*/ 1848802 h 2612594"/>
                            <a:gd name="connsiteX780" fmla="*/ 2499525 w 2647519"/>
                            <a:gd name="connsiteY780" fmla="*/ 1886902 h 2612594"/>
                            <a:gd name="connsiteX781" fmla="*/ 2489048 w 2647519"/>
                            <a:gd name="connsiteY781" fmla="*/ 1905952 h 2612594"/>
                            <a:gd name="connsiteX782" fmla="*/ 2477618 w 2647519"/>
                            <a:gd name="connsiteY782" fmla="*/ 1925002 h 2612594"/>
                            <a:gd name="connsiteX783" fmla="*/ 2469045 w 2647519"/>
                            <a:gd name="connsiteY783" fmla="*/ 1939289 h 2612594"/>
                            <a:gd name="connsiteX784" fmla="*/ 2456663 w 2647519"/>
                            <a:gd name="connsiteY784" fmla="*/ 1966912 h 2612594"/>
                            <a:gd name="connsiteX785" fmla="*/ 2443328 w 2647519"/>
                            <a:gd name="connsiteY785" fmla="*/ 1993582 h 2612594"/>
                            <a:gd name="connsiteX786" fmla="*/ 2422373 w 2647519"/>
                            <a:gd name="connsiteY786" fmla="*/ 2022157 h 2612594"/>
                            <a:gd name="connsiteX787" fmla="*/ 2401418 w 2647519"/>
                            <a:gd name="connsiteY787" fmla="*/ 2048827 h 2612594"/>
                            <a:gd name="connsiteX788" fmla="*/ 2402291 w 2647519"/>
                            <a:gd name="connsiteY788" fmla="*/ 2047029 h 2612594"/>
                            <a:gd name="connsiteX789" fmla="*/ 2378557 w 2647519"/>
                            <a:gd name="connsiteY789" fmla="*/ 2079307 h 2612594"/>
                            <a:gd name="connsiteX790" fmla="*/ 2327122 w 2647519"/>
                            <a:gd name="connsiteY790" fmla="*/ 2135505 h 2612594"/>
                            <a:gd name="connsiteX791" fmla="*/ 2316995 w 2647519"/>
                            <a:gd name="connsiteY791" fmla="*/ 2151085 h 2612594"/>
                            <a:gd name="connsiteX792" fmla="*/ 2327122 w 2647519"/>
                            <a:gd name="connsiteY792" fmla="*/ 2136457 h 2612594"/>
                            <a:gd name="connsiteX793" fmla="*/ 2378557 w 2647519"/>
                            <a:gd name="connsiteY793" fmla="*/ 2080259 h 2612594"/>
                            <a:gd name="connsiteX794" fmla="*/ 2339505 w 2647519"/>
                            <a:gd name="connsiteY794" fmla="*/ 2139314 h 2612594"/>
                            <a:gd name="connsiteX795" fmla="*/ 2319383 w 2647519"/>
                            <a:gd name="connsiteY795" fmla="*/ 2160388 h 2612594"/>
                            <a:gd name="connsiteX796" fmla="*/ 2303229 w 2647519"/>
                            <a:gd name="connsiteY796" fmla="*/ 2172263 h 2612594"/>
                            <a:gd name="connsiteX797" fmla="*/ 2302357 w 2647519"/>
                            <a:gd name="connsiteY797" fmla="*/ 2173605 h 2612594"/>
                            <a:gd name="connsiteX798" fmla="*/ 2292258 w 2647519"/>
                            <a:gd name="connsiteY798" fmla="*/ 2181374 h 2612594"/>
                            <a:gd name="connsiteX799" fmla="*/ 2291880 w 2647519"/>
                            <a:gd name="connsiteY799" fmla="*/ 2184082 h 2612594"/>
                            <a:gd name="connsiteX800" fmla="*/ 2247112 w 2647519"/>
                            <a:gd name="connsiteY800" fmla="*/ 2229802 h 2612594"/>
                            <a:gd name="connsiteX801" fmla="*/ 2199487 w 2647519"/>
                            <a:gd name="connsiteY801" fmla="*/ 2273617 h 2612594"/>
                            <a:gd name="connsiteX802" fmla="*/ 2197284 w 2647519"/>
                            <a:gd name="connsiteY802" fmla="*/ 2275215 h 2612594"/>
                            <a:gd name="connsiteX803" fmla="*/ 2181390 w 2647519"/>
                            <a:gd name="connsiteY803" fmla="*/ 2295524 h 2612594"/>
                            <a:gd name="connsiteX804" fmla="*/ 2143290 w 2647519"/>
                            <a:gd name="connsiteY804" fmla="*/ 2324099 h 2612594"/>
                            <a:gd name="connsiteX805" fmla="*/ 2107680 w 2647519"/>
                            <a:gd name="connsiteY805" fmla="*/ 2350806 h 2612594"/>
                            <a:gd name="connsiteX806" fmla="*/ 2107553 w 2647519"/>
                            <a:gd name="connsiteY806" fmla="*/ 2350961 h 2612594"/>
                            <a:gd name="connsiteX807" fmla="*/ 2143290 w 2647519"/>
                            <a:gd name="connsiteY807" fmla="*/ 2325052 h 2612594"/>
                            <a:gd name="connsiteX808" fmla="*/ 2181390 w 2647519"/>
                            <a:gd name="connsiteY808" fmla="*/ 2296477 h 2612594"/>
                            <a:gd name="connsiteX809" fmla="*/ 2149957 w 2647519"/>
                            <a:gd name="connsiteY809" fmla="*/ 2327909 h 2612594"/>
                            <a:gd name="connsiteX810" fmla="*/ 2124359 w 2647519"/>
                            <a:gd name="connsiteY810" fmla="*/ 2344578 h 2612594"/>
                            <a:gd name="connsiteX811" fmla="*/ 2106651 w 2647519"/>
                            <a:gd name="connsiteY811" fmla="*/ 2352057 h 2612594"/>
                            <a:gd name="connsiteX812" fmla="*/ 2106142 w 2647519"/>
                            <a:gd name="connsiteY812" fmla="*/ 2352675 h 2612594"/>
                            <a:gd name="connsiteX813" fmla="*/ 2087092 w 2647519"/>
                            <a:gd name="connsiteY813" fmla="*/ 2365057 h 2612594"/>
                            <a:gd name="connsiteX814" fmla="*/ 2079913 w 2647519"/>
                            <a:gd name="connsiteY814" fmla="*/ 2368384 h 2612594"/>
                            <a:gd name="connsiteX815" fmla="*/ 2061852 w 2647519"/>
                            <a:gd name="connsiteY815" fmla="*/ 2383036 h 2612594"/>
                            <a:gd name="connsiteX816" fmla="*/ 2044230 w 2647519"/>
                            <a:gd name="connsiteY816" fmla="*/ 2395537 h 2612594"/>
                            <a:gd name="connsiteX817" fmla="*/ 2017560 w 2647519"/>
                            <a:gd name="connsiteY817" fmla="*/ 2412682 h 2612594"/>
                            <a:gd name="connsiteX818" fmla="*/ 2008988 w 2647519"/>
                            <a:gd name="connsiteY818" fmla="*/ 2413635 h 2612594"/>
                            <a:gd name="connsiteX819" fmla="*/ 1999459 w 2647519"/>
                            <a:gd name="connsiteY819" fmla="*/ 2417870 h 2612594"/>
                            <a:gd name="connsiteX820" fmla="*/ 1997978 w 2647519"/>
                            <a:gd name="connsiteY820" fmla="*/ 2418994 h 2612594"/>
                            <a:gd name="connsiteX821" fmla="*/ 2009940 w 2647519"/>
                            <a:gd name="connsiteY821" fmla="*/ 2414587 h 2612594"/>
                            <a:gd name="connsiteX822" fmla="*/ 2018513 w 2647519"/>
                            <a:gd name="connsiteY822" fmla="*/ 2413635 h 2612594"/>
                            <a:gd name="connsiteX823" fmla="*/ 1984223 w 2647519"/>
                            <a:gd name="connsiteY823" fmla="*/ 2439352 h 2612594"/>
                            <a:gd name="connsiteX824" fmla="*/ 1962315 w 2647519"/>
                            <a:gd name="connsiteY824" fmla="*/ 2450783 h 2612594"/>
                            <a:gd name="connsiteX825" fmla="*/ 1940408 w 2647519"/>
                            <a:gd name="connsiteY825" fmla="*/ 2461260 h 2612594"/>
                            <a:gd name="connsiteX826" fmla="*/ 1924934 w 2647519"/>
                            <a:gd name="connsiteY826" fmla="*/ 2463581 h 2612594"/>
                            <a:gd name="connsiteX827" fmla="*/ 1922310 w 2647519"/>
                            <a:gd name="connsiteY827" fmla="*/ 2465070 h 2612594"/>
                            <a:gd name="connsiteX828" fmla="*/ 1849920 w 2647519"/>
                            <a:gd name="connsiteY828" fmla="*/ 2496502 h 2612594"/>
                            <a:gd name="connsiteX829" fmla="*/ 1846229 w 2647519"/>
                            <a:gd name="connsiteY829" fmla="*/ 2497341 h 2612594"/>
                            <a:gd name="connsiteX830" fmla="*/ 1824203 w 2647519"/>
                            <a:gd name="connsiteY830" fmla="*/ 2511742 h 2612594"/>
                            <a:gd name="connsiteX831" fmla="*/ 1836585 w 2647519"/>
                            <a:gd name="connsiteY831" fmla="*/ 2515552 h 2612594"/>
                            <a:gd name="connsiteX832" fmla="*/ 1790865 w 2647519"/>
                            <a:gd name="connsiteY832" fmla="*/ 2535555 h 2612594"/>
                            <a:gd name="connsiteX833" fmla="*/ 1794675 w 2647519"/>
                            <a:gd name="connsiteY833" fmla="*/ 2522220 h 2612594"/>
                            <a:gd name="connsiteX834" fmla="*/ 1779435 w 2647519"/>
                            <a:gd name="connsiteY834" fmla="*/ 2527935 h 2612594"/>
                            <a:gd name="connsiteX835" fmla="*/ 1765148 w 2647519"/>
                            <a:gd name="connsiteY835" fmla="*/ 2532697 h 2612594"/>
                            <a:gd name="connsiteX836" fmla="*/ 1735620 w 2647519"/>
                            <a:gd name="connsiteY836" fmla="*/ 2542222 h 2612594"/>
                            <a:gd name="connsiteX837" fmla="*/ 1731675 w 2647519"/>
                            <a:gd name="connsiteY837" fmla="*/ 2537487 h 2612594"/>
                            <a:gd name="connsiteX838" fmla="*/ 1717522 w 2647519"/>
                            <a:gd name="connsiteY838" fmla="*/ 2540317 h 2612594"/>
                            <a:gd name="connsiteX839" fmla="*/ 1700377 w 2647519"/>
                            <a:gd name="connsiteY839" fmla="*/ 2544127 h 2612594"/>
                            <a:gd name="connsiteX840" fmla="*/ 1665135 w 2647519"/>
                            <a:gd name="connsiteY840" fmla="*/ 2552700 h 2612594"/>
                            <a:gd name="connsiteX841" fmla="*/ 1663973 w 2647519"/>
                            <a:gd name="connsiteY841" fmla="*/ 2553240 h 2612594"/>
                            <a:gd name="connsiteX842" fmla="*/ 1697520 w 2647519"/>
                            <a:gd name="connsiteY842" fmla="*/ 2545079 h 2612594"/>
                            <a:gd name="connsiteX843" fmla="*/ 1714665 w 2647519"/>
                            <a:gd name="connsiteY843" fmla="*/ 2541269 h 2612594"/>
                            <a:gd name="connsiteX844" fmla="*/ 1728952 w 2647519"/>
                            <a:gd name="connsiteY844" fmla="*/ 2538412 h 2612594"/>
                            <a:gd name="connsiteX845" fmla="*/ 1734667 w 2647519"/>
                            <a:gd name="connsiteY845" fmla="*/ 2543174 h 2612594"/>
                            <a:gd name="connsiteX846" fmla="*/ 1764195 w 2647519"/>
                            <a:gd name="connsiteY846" fmla="*/ 2533649 h 2612594"/>
                            <a:gd name="connsiteX847" fmla="*/ 1778482 w 2647519"/>
                            <a:gd name="connsiteY847" fmla="*/ 2528887 h 2612594"/>
                            <a:gd name="connsiteX848" fmla="*/ 1793722 w 2647519"/>
                            <a:gd name="connsiteY848" fmla="*/ 2523172 h 2612594"/>
                            <a:gd name="connsiteX849" fmla="*/ 1789912 w 2647519"/>
                            <a:gd name="connsiteY849" fmla="*/ 2536507 h 2612594"/>
                            <a:gd name="connsiteX850" fmla="*/ 1749907 w 2647519"/>
                            <a:gd name="connsiteY850" fmla="*/ 2555557 h 2612594"/>
                            <a:gd name="connsiteX851" fmla="*/ 1747946 w 2647519"/>
                            <a:gd name="connsiteY851" fmla="*/ 2555008 h 2612594"/>
                            <a:gd name="connsiteX852" fmla="*/ 1720380 w 2647519"/>
                            <a:gd name="connsiteY852" fmla="*/ 2566034 h 2612594"/>
                            <a:gd name="connsiteX853" fmla="*/ 1697520 w 2647519"/>
                            <a:gd name="connsiteY853" fmla="*/ 2572702 h 2612594"/>
                            <a:gd name="connsiteX854" fmla="*/ 1663230 w 2647519"/>
                            <a:gd name="connsiteY854" fmla="*/ 2581274 h 2612594"/>
                            <a:gd name="connsiteX855" fmla="*/ 1649062 w 2647519"/>
                            <a:gd name="connsiteY855" fmla="*/ 2580084 h 2612594"/>
                            <a:gd name="connsiteX856" fmla="*/ 1619428 w 2647519"/>
                            <a:gd name="connsiteY856" fmla="*/ 2585850 h 2612594"/>
                            <a:gd name="connsiteX857" fmla="*/ 1618462 w 2647519"/>
                            <a:gd name="connsiteY857" fmla="*/ 2587942 h 2612594"/>
                            <a:gd name="connsiteX858" fmla="*/ 1539405 w 2647519"/>
                            <a:gd name="connsiteY858" fmla="*/ 2603182 h 2612594"/>
                            <a:gd name="connsiteX859" fmla="*/ 1521307 w 2647519"/>
                            <a:gd name="connsiteY859" fmla="*/ 2598419 h 2612594"/>
                            <a:gd name="connsiteX860" fmla="*/ 1506067 w 2647519"/>
                            <a:gd name="connsiteY860" fmla="*/ 2598419 h 2612594"/>
                            <a:gd name="connsiteX861" fmla="*/ 1479397 w 2647519"/>
                            <a:gd name="connsiteY861" fmla="*/ 2606992 h 2612594"/>
                            <a:gd name="connsiteX862" fmla="*/ 1455585 w 2647519"/>
                            <a:gd name="connsiteY862" fmla="*/ 2608897 h 2612594"/>
                            <a:gd name="connsiteX863" fmla="*/ 1431772 w 2647519"/>
                            <a:gd name="connsiteY863" fmla="*/ 2609849 h 2612594"/>
                            <a:gd name="connsiteX864" fmla="*/ 1429185 w 2647519"/>
                            <a:gd name="connsiteY864" fmla="*/ 2608741 h 2612594"/>
                            <a:gd name="connsiteX865" fmla="*/ 1407484 w 2647519"/>
                            <a:gd name="connsiteY865" fmla="*/ 2612588 h 2612594"/>
                            <a:gd name="connsiteX866" fmla="*/ 1381290 w 2647519"/>
                            <a:gd name="connsiteY866" fmla="*/ 2607944 h 2612594"/>
                            <a:gd name="connsiteX867" fmla="*/ 1382243 w 2647519"/>
                            <a:gd name="connsiteY867" fmla="*/ 2606992 h 2612594"/>
                            <a:gd name="connsiteX868" fmla="*/ 1387005 w 2647519"/>
                            <a:gd name="connsiteY868" fmla="*/ 2600324 h 2612594"/>
                            <a:gd name="connsiteX869" fmla="*/ 1365098 w 2647519"/>
                            <a:gd name="connsiteY869" fmla="*/ 2597467 h 2612594"/>
                            <a:gd name="connsiteX870" fmla="*/ 1375575 w 2647519"/>
                            <a:gd name="connsiteY870" fmla="*/ 2591752 h 2612594"/>
                            <a:gd name="connsiteX871" fmla="*/ 1407008 w 2647519"/>
                            <a:gd name="connsiteY871" fmla="*/ 2590799 h 2612594"/>
                            <a:gd name="connsiteX872" fmla="*/ 1437488 w 2647519"/>
                            <a:gd name="connsiteY872" fmla="*/ 2589847 h 2612594"/>
                            <a:gd name="connsiteX873" fmla="*/ 1481302 w 2647519"/>
                            <a:gd name="connsiteY873" fmla="*/ 2590799 h 2612594"/>
                            <a:gd name="connsiteX874" fmla="*/ 1511782 w 2647519"/>
                            <a:gd name="connsiteY874" fmla="*/ 2587942 h 2612594"/>
                            <a:gd name="connsiteX875" fmla="*/ 1568932 w 2647519"/>
                            <a:gd name="connsiteY875" fmla="*/ 2575559 h 2612594"/>
                            <a:gd name="connsiteX876" fmla="*/ 1607032 w 2647519"/>
                            <a:gd name="connsiteY876" fmla="*/ 2566987 h 2612594"/>
                            <a:gd name="connsiteX877" fmla="*/ 1635607 w 2647519"/>
                            <a:gd name="connsiteY877" fmla="*/ 2566034 h 2612594"/>
                            <a:gd name="connsiteX878" fmla="*/ 1637595 w 2647519"/>
                            <a:gd name="connsiteY878" fmla="*/ 2565111 h 2612594"/>
                            <a:gd name="connsiteX879" fmla="*/ 1609890 w 2647519"/>
                            <a:gd name="connsiteY879" fmla="*/ 2566035 h 2612594"/>
                            <a:gd name="connsiteX880" fmla="*/ 1571790 w 2647519"/>
                            <a:gd name="connsiteY880" fmla="*/ 2574607 h 2612594"/>
                            <a:gd name="connsiteX881" fmla="*/ 1514640 w 2647519"/>
                            <a:gd name="connsiteY881" fmla="*/ 2586990 h 2612594"/>
                            <a:gd name="connsiteX882" fmla="*/ 1484160 w 2647519"/>
                            <a:gd name="connsiteY882" fmla="*/ 2589847 h 2612594"/>
                            <a:gd name="connsiteX883" fmla="*/ 1440345 w 2647519"/>
                            <a:gd name="connsiteY883" fmla="*/ 2588895 h 2612594"/>
                            <a:gd name="connsiteX884" fmla="*/ 1409865 w 2647519"/>
                            <a:gd name="connsiteY884" fmla="*/ 2589847 h 2612594"/>
                            <a:gd name="connsiteX885" fmla="*/ 1378432 w 2647519"/>
                            <a:gd name="connsiteY885" fmla="*/ 2590800 h 2612594"/>
                            <a:gd name="connsiteX886" fmla="*/ 1379385 w 2647519"/>
                            <a:gd name="connsiteY886" fmla="*/ 2586990 h 2612594"/>
                            <a:gd name="connsiteX887" fmla="*/ 1386052 w 2647519"/>
                            <a:gd name="connsiteY887" fmla="*/ 2577465 h 2612594"/>
                            <a:gd name="connsiteX888" fmla="*/ 1679422 w 2647519"/>
                            <a:gd name="connsiteY888" fmla="*/ 2528887 h 2612594"/>
                            <a:gd name="connsiteX889" fmla="*/ 1878495 w 2647519"/>
                            <a:gd name="connsiteY889" fmla="*/ 2453640 h 2612594"/>
                            <a:gd name="connsiteX890" fmla="*/ 1930882 w 2647519"/>
                            <a:gd name="connsiteY890" fmla="*/ 2426017 h 2612594"/>
                            <a:gd name="connsiteX891" fmla="*/ 1960410 w 2647519"/>
                            <a:gd name="connsiteY891" fmla="*/ 2410777 h 2612594"/>
                            <a:gd name="connsiteX892" fmla="*/ 1990890 w 2647519"/>
                            <a:gd name="connsiteY892" fmla="*/ 2394585 h 2612594"/>
                            <a:gd name="connsiteX893" fmla="*/ 2048040 w 2647519"/>
                            <a:gd name="connsiteY893" fmla="*/ 2360295 h 2612594"/>
                            <a:gd name="connsiteX894" fmla="*/ 2093760 w 2647519"/>
                            <a:gd name="connsiteY894" fmla="*/ 2325052 h 2612594"/>
                            <a:gd name="connsiteX895" fmla="*/ 2179485 w 2647519"/>
                            <a:gd name="connsiteY895" fmla="*/ 2258377 h 2612594"/>
                            <a:gd name="connsiteX896" fmla="*/ 2203297 w 2647519"/>
                            <a:gd name="connsiteY896" fmla="*/ 2239327 h 2612594"/>
                            <a:gd name="connsiteX897" fmla="*/ 2226157 w 2647519"/>
                            <a:gd name="connsiteY897" fmla="*/ 2219325 h 2612594"/>
                            <a:gd name="connsiteX898" fmla="*/ 2260447 w 2647519"/>
                            <a:gd name="connsiteY898" fmla="*/ 2187892 h 2612594"/>
                            <a:gd name="connsiteX899" fmla="*/ 2274735 w 2647519"/>
                            <a:gd name="connsiteY899" fmla="*/ 2164080 h 2612594"/>
                            <a:gd name="connsiteX900" fmla="*/ 2295258 w 2647519"/>
                            <a:gd name="connsiteY900" fmla="*/ 2145267 h 2612594"/>
                            <a:gd name="connsiteX901" fmla="*/ 2295423 w 2647519"/>
                            <a:gd name="connsiteY901" fmla="*/ 2144085 h 2612594"/>
                            <a:gd name="connsiteX902" fmla="*/ 2275688 w 2647519"/>
                            <a:gd name="connsiteY902" fmla="*/ 2162175 h 2612594"/>
                            <a:gd name="connsiteX903" fmla="*/ 2261400 w 2647519"/>
                            <a:gd name="connsiteY903" fmla="*/ 2185987 h 2612594"/>
                            <a:gd name="connsiteX904" fmla="*/ 2227110 w 2647519"/>
                            <a:gd name="connsiteY904" fmla="*/ 2217420 h 2612594"/>
                            <a:gd name="connsiteX905" fmla="*/ 2204250 w 2647519"/>
                            <a:gd name="connsiteY905" fmla="*/ 2237422 h 2612594"/>
                            <a:gd name="connsiteX906" fmla="*/ 2180438 w 2647519"/>
                            <a:gd name="connsiteY906" fmla="*/ 2256472 h 2612594"/>
                            <a:gd name="connsiteX907" fmla="*/ 2094713 w 2647519"/>
                            <a:gd name="connsiteY907" fmla="*/ 2323147 h 2612594"/>
                            <a:gd name="connsiteX908" fmla="*/ 2048993 w 2647519"/>
                            <a:gd name="connsiteY908" fmla="*/ 2358390 h 2612594"/>
                            <a:gd name="connsiteX909" fmla="*/ 1991843 w 2647519"/>
                            <a:gd name="connsiteY909" fmla="*/ 2392680 h 2612594"/>
                            <a:gd name="connsiteX910" fmla="*/ 1961363 w 2647519"/>
                            <a:gd name="connsiteY910" fmla="*/ 2408872 h 2612594"/>
                            <a:gd name="connsiteX911" fmla="*/ 1931835 w 2647519"/>
                            <a:gd name="connsiteY911" fmla="*/ 2424112 h 2612594"/>
                            <a:gd name="connsiteX912" fmla="*/ 1879448 w 2647519"/>
                            <a:gd name="connsiteY912" fmla="*/ 2451735 h 2612594"/>
                            <a:gd name="connsiteX913" fmla="*/ 1680375 w 2647519"/>
                            <a:gd name="connsiteY913" fmla="*/ 2526982 h 2612594"/>
                            <a:gd name="connsiteX914" fmla="*/ 1387005 w 2647519"/>
                            <a:gd name="connsiteY914" fmla="*/ 2575560 h 2612594"/>
                            <a:gd name="connsiteX915" fmla="*/ 1365098 w 2647519"/>
                            <a:gd name="connsiteY915" fmla="*/ 2575560 h 2612594"/>
                            <a:gd name="connsiteX916" fmla="*/ 1362240 w 2647519"/>
                            <a:gd name="connsiteY916" fmla="*/ 2567940 h 2612594"/>
                            <a:gd name="connsiteX917" fmla="*/ 1339380 w 2647519"/>
                            <a:gd name="connsiteY917" fmla="*/ 2566987 h 2612594"/>
                            <a:gd name="connsiteX918" fmla="*/ 1318425 w 2647519"/>
                            <a:gd name="connsiteY918" fmla="*/ 2575560 h 2612594"/>
                            <a:gd name="connsiteX919" fmla="*/ 1257465 w 2647519"/>
                            <a:gd name="connsiteY919" fmla="*/ 2576512 h 2612594"/>
                            <a:gd name="connsiteX920" fmla="*/ 1212698 w 2647519"/>
                            <a:gd name="connsiteY920" fmla="*/ 2574607 h 2612594"/>
                            <a:gd name="connsiteX921" fmla="*/ 1190790 w 2647519"/>
                            <a:gd name="connsiteY921" fmla="*/ 2572702 h 2612594"/>
                            <a:gd name="connsiteX922" fmla="*/ 1168883 w 2647519"/>
                            <a:gd name="connsiteY922" fmla="*/ 2568892 h 2612594"/>
                            <a:gd name="connsiteX923" fmla="*/ 1182079 w 2647519"/>
                            <a:gd name="connsiteY923" fmla="*/ 2554816 h 2612594"/>
                            <a:gd name="connsiteX924" fmla="*/ 1179360 w 2647519"/>
                            <a:gd name="connsiteY924" fmla="*/ 2555557 h 2612594"/>
                            <a:gd name="connsiteX925" fmla="*/ 1130192 w 2647519"/>
                            <a:gd name="connsiteY925" fmla="*/ 2546452 h 2612594"/>
                            <a:gd name="connsiteX926" fmla="*/ 1127925 w 2647519"/>
                            <a:gd name="connsiteY926" fmla="*/ 2546985 h 2612594"/>
                            <a:gd name="connsiteX927" fmla="*/ 1033628 w 2647519"/>
                            <a:gd name="connsiteY927" fmla="*/ 2529840 h 2612594"/>
                            <a:gd name="connsiteX928" fmla="*/ 996480 w 2647519"/>
                            <a:gd name="connsiteY928" fmla="*/ 2522220 h 2612594"/>
                            <a:gd name="connsiteX929" fmla="*/ 964095 w 2647519"/>
                            <a:gd name="connsiteY929" fmla="*/ 2516505 h 2612594"/>
                            <a:gd name="connsiteX930" fmla="*/ 925043 w 2647519"/>
                            <a:gd name="connsiteY930" fmla="*/ 2498407 h 2612594"/>
                            <a:gd name="connsiteX931" fmla="*/ 876465 w 2647519"/>
                            <a:gd name="connsiteY931" fmla="*/ 2480310 h 2612594"/>
                            <a:gd name="connsiteX932" fmla="*/ 825983 w 2647519"/>
                            <a:gd name="connsiteY932" fmla="*/ 2460307 h 2612594"/>
                            <a:gd name="connsiteX933" fmla="*/ 834555 w 2647519"/>
                            <a:gd name="connsiteY933" fmla="*/ 2453640 h 2612594"/>
                            <a:gd name="connsiteX934" fmla="*/ 869798 w 2647519"/>
                            <a:gd name="connsiteY934" fmla="*/ 2460307 h 2612594"/>
                            <a:gd name="connsiteX935" fmla="*/ 885038 w 2647519"/>
                            <a:gd name="connsiteY935" fmla="*/ 2473642 h 2612594"/>
                            <a:gd name="connsiteX936" fmla="*/ 937425 w 2647519"/>
                            <a:gd name="connsiteY936" fmla="*/ 2488882 h 2612594"/>
                            <a:gd name="connsiteX937" fmla="*/ 1041248 w 2647519"/>
                            <a:gd name="connsiteY937" fmla="*/ 2515552 h 2612594"/>
                            <a:gd name="connsiteX938" fmla="*/ 1066965 w 2647519"/>
                            <a:gd name="connsiteY938" fmla="*/ 2520315 h 2612594"/>
                            <a:gd name="connsiteX939" fmla="*/ 1094588 w 2647519"/>
                            <a:gd name="connsiteY939" fmla="*/ 2525077 h 2612594"/>
                            <a:gd name="connsiteX940" fmla="*/ 1125068 w 2647519"/>
                            <a:gd name="connsiteY940" fmla="*/ 2531745 h 2612594"/>
                            <a:gd name="connsiteX941" fmla="*/ 1158657 w 2647519"/>
                            <a:gd name="connsiteY941" fmla="*/ 2539008 h 2612594"/>
                            <a:gd name="connsiteX942" fmla="*/ 1161262 w 2647519"/>
                            <a:gd name="connsiteY942" fmla="*/ 2538412 h 2612594"/>
                            <a:gd name="connsiteX943" fmla="*/ 1192695 w 2647519"/>
                            <a:gd name="connsiteY943" fmla="*/ 2543175 h 2612594"/>
                            <a:gd name="connsiteX944" fmla="*/ 1193647 w 2647519"/>
                            <a:gd name="connsiteY944" fmla="*/ 2541270 h 2612594"/>
                            <a:gd name="connsiteX945" fmla="*/ 1239367 w 2647519"/>
                            <a:gd name="connsiteY945" fmla="*/ 2543175 h 2612594"/>
                            <a:gd name="connsiteX946" fmla="*/ 1246987 w 2647519"/>
                            <a:gd name="connsiteY946" fmla="*/ 2544127 h 2612594"/>
                            <a:gd name="connsiteX947" fmla="*/ 1317472 w 2647519"/>
                            <a:gd name="connsiteY947" fmla="*/ 2544127 h 2612594"/>
                            <a:gd name="connsiteX948" fmla="*/ 1368907 w 2647519"/>
                            <a:gd name="connsiteY948" fmla="*/ 2546032 h 2612594"/>
                            <a:gd name="connsiteX949" fmla="*/ 1429867 w 2647519"/>
                            <a:gd name="connsiteY949" fmla="*/ 2541270 h 2612594"/>
                            <a:gd name="connsiteX950" fmla="*/ 1437487 w 2647519"/>
                            <a:gd name="connsiteY950" fmla="*/ 2541270 h 2612594"/>
                            <a:gd name="connsiteX951" fmla="*/ 1440345 w 2647519"/>
                            <a:gd name="connsiteY951" fmla="*/ 2548890 h 2612594"/>
                            <a:gd name="connsiteX952" fmla="*/ 1500352 w 2647519"/>
                            <a:gd name="connsiteY952" fmla="*/ 2541270 h 2612594"/>
                            <a:gd name="connsiteX953" fmla="*/ 1540357 w 2647519"/>
                            <a:gd name="connsiteY953" fmla="*/ 2531745 h 2612594"/>
                            <a:gd name="connsiteX954" fmla="*/ 1563217 w 2647519"/>
                            <a:gd name="connsiteY954" fmla="*/ 2527935 h 2612594"/>
                            <a:gd name="connsiteX955" fmla="*/ 1577505 w 2647519"/>
                            <a:gd name="connsiteY955" fmla="*/ 2526030 h 2612594"/>
                            <a:gd name="connsiteX956" fmla="*/ 1608937 w 2647519"/>
                            <a:gd name="connsiteY956" fmla="*/ 2518410 h 2612594"/>
                            <a:gd name="connsiteX957" fmla="*/ 1634655 w 2647519"/>
                            <a:gd name="connsiteY957" fmla="*/ 2512695 h 2612594"/>
                            <a:gd name="connsiteX958" fmla="*/ 1660372 w 2647519"/>
                            <a:gd name="connsiteY958" fmla="*/ 2506027 h 2612594"/>
                            <a:gd name="connsiteX959" fmla="*/ 1707545 w 2647519"/>
                            <a:gd name="connsiteY959" fmla="*/ 2497863 h 2612594"/>
                            <a:gd name="connsiteX960" fmla="*/ 1713713 w 2647519"/>
                            <a:gd name="connsiteY960" fmla="*/ 2495550 h 2612594"/>
                            <a:gd name="connsiteX961" fmla="*/ 1664183 w 2647519"/>
                            <a:gd name="connsiteY961" fmla="*/ 2504122 h 2612594"/>
                            <a:gd name="connsiteX962" fmla="*/ 1638465 w 2647519"/>
                            <a:gd name="connsiteY962" fmla="*/ 2510790 h 2612594"/>
                            <a:gd name="connsiteX963" fmla="*/ 1612748 w 2647519"/>
                            <a:gd name="connsiteY963" fmla="*/ 2516505 h 2612594"/>
                            <a:gd name="connsiteX964" fmla="*/ 1581315 w 2647519"/>
                            <a:gd name="connsiteY964" fmla="*/ 2524125 h 2612594"/>
                            <a:gd name="connsiteX965" fmla="*/ 1567028 w 2647519"/>
                            <a:gd name="connsiteY965" fmla="*/ 2526030 h 2612594"/>
                            <a:gd name="connsiteX966" fmla="*/ 1544168 w 2647519"/>
                            <a:gd name="connsiteY966" fmla="*/ 2529840 h 2612594"/>
                            <a:gd name="connsiteX967" fmla="*/ 1482255 w 2647519"/>
                            <a:gd name="connsiteY967" fmla="*/ 2535555 h 2612594"/>
                            <a:gd name="connsiteX968" fmla="*/ 1440345 w 2647519"/>
                            <a:gd name="connsiteY968" fmla="*/ 2539365 h 2612594"/>
                            <a:gd name="connsiteX969" fmla="*/ 1432725 w 2647519"/>
                            <a:gd name="connsiteY969" fmla="*/ 2539365 h 2612594"/>
                            <a:gd name="connsiteX970" fmla="*/ 1371765 w 2647519"/>
                            <a:gd name="connsiteY970" fmla="*/ 2544127 h 2612594"/>
                            <a:gd name="connsiteX971" fmla="*/ 1320330 w 2647519"/>
                            <a:gd name="connsiteY971" fmla="*/ 2542222 h 2612594"/>
                            <a:gd name="connsiteX972" fmla="*/ 1249845 w 2647519"/>
                            <a:gd name="connsiteY972" fmla="*/ 2542222 h 2612594"/>
                            <a:gd name="connsiteX973" fmla="*/ 1242225 w 2647519"/>
                            <a:gd name="connsiteY973" fmla="*/ 2541270 h 2612594"/>
                            <a:gd name="connsiteX974" fmla="*/ 1212698 w 2647519"/>
                            <a:gd name="connsiteY974" fmla="*/ 2528887 h 2612594"/>
                            <a:gd name="connsiteX975" fmla="*/ 1196505 w 2647519"/>
                            <a:gd name="connsiteY975" fmla="*/ 2539365 h 2612594"/>
                            <a:gd name="connsiteX976" fmla="*/ 1196464 w 2647519"/>
                            <a:gd name="connsiteY976" fmla="*/ 2539447 h 2612594"/>
                            <a:gd name="connsiteX977" fmla="*/ 1209840 w 2647519"/>
                            <a:gd name="connsiteY977" fmla="*/ 2530792 h 2612594"/>
                            <a:gd name="connsiteX978" fmla="*/ 1239368 w 2647519"/>
                            <a:gd name="connsiteY978" fmla="*/ 2543174 h 2612594"/>
                            <a:gd name="connsiteX979" fmla="*/ 1193648 w 2647519"/>
                            <a:gd name="connsiteY979" fmla="*/ 2541269 h 2612594"/>
                            <a:gd name="connsiteX980" fmla="*/ 1194008 w 2647519"/>
                            <a:gd name="connsiteY980" fmla="*/ 2541036 h 2612594"/>
                            <a:gd name="connsiteX981" fmla="*/ 1164120 w 2647519"/>
                            <a:gd name="connsiteY981" fmla="*/ 2536507 h 2612594"/>
                            <a:gd name="connsiteX982" fmla="*/ 1128878 w 2647519"/>
                            <a:gd name="connsiteY982" fmla="*/ 2528887 h 2612594"/>
                            <a:gd name="connsiteX983" fmla="*/ 1098398 w 2647519"/>
                            <a:gd name="connsiteY983" fmla="*/ 2522220 h 2612594"/>
                            <a:gd name="connsiteX984" fmla="*/ 1070775 w 2647519"/>
                            <a:gd name="connsiteY984" fmla="*/ 2517457 h 2612594"/>
                            <a:gd name="connsiteX985" fmla="*/ 1045058 w 2647519"/>
                            <a:gd name="connsiteY985" fmla="*/ 2512695 h 2612594"/>
                            <a:gd name="connsiteX986" fmla="*/ 941235 w 2647519"/>
                            <a:gd name="connsiteY986" fmla="*/ 2486025 h 2612594"/>
                            <a:gd name="connsiteX987" fmla="*/ 888848 w 2647519"/>
                            <a:gd name="connsiteY987" fmla="*/ 2470785 h 2612594"/>
                            <a:gd name="connsiteX988" fmla="*/ 873608 w 2647519"/>
                            <a:gd name="connsiteY988" fmla="*/ 2457450 h 2612594"/>
                            <a:gd name="connsiteX989" fmla="*/ 838365 w 2647519"/>
                            <a:gd name="connsiteY989" fmla="*/ 2450782 h 2612594"/>
                            <a:gd name="connsiteX990" fmla="*/ 785978 w 2647519"/>
                            <a:gd name="connsiteY990" fmla="*/ 2424112 h 2612594"/>
                            <a:gd name="connsiteX991" fmla="*/ 770738 w 2647519"/>
                            <a:gd name="connsiteY991" fmla="*/ 2425065 h 2612594"/>
                            <a:gd name="connsiteX992" fmla="*/ 716445 w 2647519"/>
                            <a:gd name="connsiteY992" fmla="*/ 2397442 h 2612594"/>
                            <a:gd name="connsiteX993" fmla="*/ 706920 w 2647519"/>
                            <a:gd name="connsiteY993" fmla="*/ 2380297 h 2612594"/>
                            <a:gd name="connsiteX994" fmla="*/ 708825 w 2647519"/>
                            <a:gd name="connsiteY994" fmla="*/ 2379345 h 2612594"/>
                            <a:gd name="connsiteX995" fmla="*/ 742163 w 2647519"/>
                            <a:gd name="connsiteY995" fmla="*/ 2397442 h 2612594"/>
                            <a:gd name="connsiteX996" fmla="*/ 775500 w 2647519"/>
                            <a:gd name="connsiteY996" fmla="*/ 2415540 h 2612594"/>
                            <a:gd name="connsiteX997" fmla="*/ 785025 w 2647519"/>
                            <a:gd name="connsiteY997" fmla="*/ 2409825 h 2612594"/>
                            <a:gd name="connsiteX998" fmla="*/ 745973 w 2647519"/>
                            <a:gd name="connsiteY998" fmla="*/ 2384107 h 2612594"/>
                            <a:gd name="connsiteX999" fmla="*/ 713588 w 2647519"/>
                            <a:gd name="connsiteY999" fmla="*/ 2369820 h 2612594"/>
                            <a:gd name="connsiteX1000" fmla="*/ 668820 w 2647519"/>
                            <a:gd name="connsiteY1000" fmla="*/ 2344102 h 2612594"/>
                            <a:gd name="connsiteX1001" fmla="*/ 630720 w 2647519"/>
                            <a:gd name="connsiteY1001" fmla="*/ 2319337 h 2612594"/>
                            <a:gd name="connsiteX1002" fmla="*/ 570713 w 2647519"/>
                            <a:gd name="connsiteY1002" fmla="*/ 2293620 h 2612594"/>
                            <a:gd name="connsiteX1003" fmla="*/ 547853 w 2647519"/>
                            <a:gd name="connsiteY1003" fmla="*/ 2274570 h 2612594"/>
                            <a:gd name="connsiteX1004" fmla="*/ 552615 w 2647519"/>
                            <a:gd name="connsiteY1004" fmla="*/ 2272665 h 2612594"/>
                            <a:gd name="connsiteX1005" fmla="*/ 575475 w 2647519"/>
                            <a:gd name="connsiteY1005" fmla="*/ 2279332 h 2612594"/>
                            <a:gd name="connsiteX1006" fmla="*/ 527850 w 2647519"/>
                            <a:gd name="connsiteY1006" fmla="*/ 2229802 h 2612594"/>
                            <a:gd name="connsiteX1007" fmla="*/ 501180 w 2647519"/>
                            <a:gd name="connsiteY1007" fmla="*/ 2207895 h 2612594"/>
                            <a:gd name="connsiteX1008" fmla="*/ 476415 w 2647519"/>
                            <a:gd name="connsiteY1008" fmla="*/ 2185987 h 2612594"/>
                            <a:gd name="connsiteX1009" fmla="*/ 444983 w 2647519"/>
                            <a:gd name="connsiteY1009" fmla="*/ 2160270 h 2612594"/>
                            <a:gd name="connsiteX1010" fmla="*/ 399263 w 2647519"/>
                            <a:gd name="connsiteY1010" fmla="*/ 2109787 h 2612594"/>
                            <a:gd name="connsiteX1011" fmla="*/ 396126 w 2647519"/>
                            <a:gd name="connsiteY1011" fmla="*/ 2099983 h 2612594"/>
                            <a:gd name="connsiteX1012" fmla="*/ 386880 w 2647519"/>
                            <a:gd name="connsiteY1012" fmla="*/ 2090737 h 2612594"/>
                            <a:gd name="connsiteX1013" fmla="*/ 355448 w 2647519"/>
                            <a:gd name="connsiteY1013" fmla="*/ 2056447 h 2612594"/>
                            <a:gd name="connsiteX1014" fmla="*/ 351638 w 2647519"/>
                            <a:gd name="connsiteY1014" fmla="*/ 2039302 h 2612594"/>
                            <a:gd name="connsiteX1015" fmla="*/ 339255 w 2647519"/>
                            <a:gd name="connsiteY1015" fmla="*/ 2022157 h 2612594"/>
                            <a:gd name="connsiteX1016" fmla="*/ 337780 w 2647519"/>
                            <a:gd name="connsiteY1016" fmla="*/ 2019844 h 2612594"/>
                            <a:gd name="connsiteX1017" fmla="*/ 323062 w 2647519"/>
                            <a:gd name="connsiteY1017" fmla="*/ 2009774 h 2612594"/>
                            <a:gd name="connsiteX1018" fmla="*/ 294487 w 2647519"/>
                            <a:gd name="connsiteY1018" fmla="*/ 1968817 h 2612594"/>
                            <a:gd name="connsiteX1019" fmla="*/ 278295 w 2647519"/>
                            <a:gd name="connsiteY1019" fmla="*/ 1930717 h 2612594"/>
                            <a:gd name="connsiteX1020" fmla="*/ 276390 w 2647519"/>
                            <a:gd name="connsiteY1020" fmla="*/ 1930717 h 2612594"/>
                            <a:gd name="connsiteX1021" fmla="*/ 254483 w 2647519"/>
                            <a:gd name="connsiteY1021" fmla="*/ 1888807 h 2612594"/>
                            <a:gd name="connsiteX1022" fmla="*/ 233528 w 2647519"/>
                            <a:gd name="connsiteY1022" fmla="*/ 1846897 h 2612594"/>
                            <a:gd name="connsiteX1023" fmla="*/ 211620 w 2647519"/>
                            <a:gd name="connsiteY1023" fmla="*/ 1798320 h 2612594"/>
                            <a:gd name="connsiteX1024" fmla="*/ 191618 w 2647519"/>
                            <a:gd name="connsiteY1024" fmla="*/ 1748790 h 2612594"/>
                            <a:gd name="connsiteX1025" fmla="*/ 211620 w 2647519"/>
                            <a:gd name="connsiteY1025" fmla="*/ 1782127 h 2612594"/>
                            <a:gd name="connsiteX1026" fmla="*/ 231623 w 2647519"/>
                            <a:gd name="connsiteY1026" fmla="*/ 1824037 h 2612594"/>
                            <a:gd name="connsiteX1027" fmla="*/ 238290 w 2647519"/>
                            <a:gd name="connsiteY1027" fmla="*/ 1846897 h 2612594"/>
                            <a:gd name="connsiteX1028" fmla="*/ 241045 w 2647519"/>
                            <a:gd name="connsiteY1028" fmla="*/ 1850938 h 2612594"/>
                            <a:gd name="connsiteX1029" fmla="*/ 237654 w 2647519"/>
                            <a:gd name="connsiteY1029" fmla="*/ 1833304 h 2612594"/>
                            <a:gd name="connsiteX1030" fmla="*/ 228808 w 2647519"/>
                            <a:gd name="connsiteY1030" fmla="*/ 1817251 h 2612594"/>
                            <a:gd name="connsiteX1031" fmla="*/ 214410 w 2647519"/>
                            <a:gd name="connsiteY1031" fmla="*/ 1784873 h 2612594"/>
                            <a:gd name="connsiteX1032" fmla="*/ 197332 w 2647519"/>
                            <a:gd name="connsiteY1032" fmla="*/ 1756409 h 2612594"/>
                            <a:gd name="connsiteX1033" fmla="*/ 176377 w 2647519"/>
                            <a:gd name="connsiteY1033" fmla="*/ 1699259 h 2612594"/>
                            <a:gd name="connsiteX1034" fmla="*/ 158426 w 2647519"/>
                            <a:gd name="connsiteY1034" fmla="*/ 1640679 h 2612594"/>
                            <a:gd name="connsiteX1035" fmla="*/ 152529 w 2647519"/>
                            <a:gd name="connsiteY1035" fmla="*/ 1623596 h 2612594"/>
                            <a:gd name="connsiteX1036" fmla="*/ 126853 w 2647519"/>
                            <a:gd name="connsiteY1036" fmla="*/ 1521108 h 2612594"/>
                            <a:gd name="connsiteX1037" fmla="*/ 115498 w 2647519"/>
                            <a:gd name="connsiteY1037" fmla="*/ 1446707 h 2612594"/>
                            <a:gd name="connsiteX1038" fmla="*/ 115417 w 2647519"/>
                            <a:gd name="connsiteY1038" fmla="*/ 1448752 h 2612594"/>
                            <a:gd name="connsiteX1039" fmla="*/ 116370 w 2647519"/>
                            <a:gd name="connsiteY1039" fmla="*/ 1463992 h 2612594"/>
                            <a:gd name="connsiteX1040" fmla="*/ 121132 w 2647519"/>
                            <a:gd name="connsiteY1040" fmla="*/ 1499235 h 2612594"/>
                            <a:gd name="connsiteX1041" fmla="*/ 126847 w 2647519"/>
                            <a:gd name="connsiteY1041" fmla="*/ 1535430 h 2612594"/>
                            <a:gd name="connsiteX1042" fmla="*/ 117322 w 2647519"/>
                            <a:gd name="connsiteY1042" fmla="*/ 1503997 h 2612594"/>
                            <a:gd name="connsiteX1043" fmla="*/ 110655 w 2647519"/>
                            <a:gd name="connsiteY1043" fmla="*/ 1463992 h 2612594"/>
                            <a:gd name="connsiteX1044" fmla="*/ 103035 w 2647519"/>
                            <a:gd name="connsiteY1044" fmla="*/ 1463992 h 2612594"/>
                            <a:gd name="connsiteX1045" fmla="*/ 98272 w 2647519"/>
                            <a:gd name="connsiteY1045" fmla="*/ 1427797 h 2612594"/>
                            <a:gd name="connsiteX1046" fmla="*/ 91605 w 2647519"/>
                            <a:gd name="connsiteY1046" fmla="*/ 1404937 h 2612594"/>
                            <a:gd name="connsiteX1047" fmla="*/ 85890 w 2647519"/>
                            <a:gd name="connsiteY1047" fmla="*/ 1383030 h 2612594"/>
                            <a:gd name="connsiteX1048" fmla="*/ 69697 w 2647519"/>
                            <a:gd name="connsiteY1048" fmla="*/ 1365885 h 2612594"/>
                            <a:gd name="connsiteX1049" fmla="*/ 64935 w 2647519"/>
                            <a:gd name="connsiteY1049" fmla="*/ 1365885 h 2612594"/>
                            <a:gd name="connsiteX1050" fmla="*/ 60172 w 2647519"/>
                            <a:gd name="connsiteY1050" fmla="*/ 1342072 h 2612594"/>
                            <a:gd name="connsiteX1051" fmla="*/ 58267 w 2647519"/>
                            <a:gd name="connsiteY1051" fmla="*/ 1311592 h 2612594"/>
                            <a:gd name="connsiteX1052" fmla="*/ 62077 w 2647519"/>
                            <a:gd name="connsiteY1052" fmla="*/ 1268730 h 2612594"/>
                            <a:gd name="connsiteX1053" fmla="*/ 63982 w 2647519"/>
                            <a:gd name="connsiteY1053" fmla="*/ 1253490 h 2612594"/>
                            <a:gd name="connsiteX1054" fmla="*/ 67226 w 2647519"/>
                            <a:gd name="connsiteY1054" fmla="*/ 1243037 h 2612594"/>
                            <a:gd name="connsiteX1055" fmla="*/ 65649 w 2647519"/>
                            <a:gd name="connsiteY1055" fmla="*/ 1219200 h 2612594"/>
                            <a:gd name="connsiteX1056" fmla="*/ 67792 w 2647519"/>
                            <a:gd name="connsiteY1056" fmla="*/ 1183957 h 2612594"/>
                            <a:gd name="connsiteX1057" fmla="*/ 71602 w 2647519"/>
                            <a:gd name="connsiteY1057" fmla="*/ 1176814 h 2612594"/>
                            <a:gd name="connsiteX1058" fmla="*/ 71602 w 2647519"/>
                            <a:gd name="connsiteY1058" fmla="*/ 1172527 h 2612594"/>
                            <a:gd name="connsiteX1059" fmla="*/ 63982 w 2647519"/>
                            <a:gd name="connsiteY1059" fmla="*/ 1186815 h 2612594"/>
                            <a:gd name="connsiteX1060" fmla="*/ 57315 w 2647519"/>
                            <a:gd name="connsiteY1060" fmla="*/ 1177290 h 2612594"/>
                            <a:gd name="connsiteX1061" fmla="*/ 44932 w 2647519"/>
                            <a:gd name="connsiteY1061" fmla="*/ 1160145 h 2612594"/>
                            <a:gd name="connsiteX1062" fmla="*/ 42670 w 2647519"/>
                            <a:gd name="connsiteY1062" fmla="*/ 1146572 h 2612594"/>
                            <a:gd name="connsiteX1063" fmla="*/ 42075 w 2647519"/>
                            <a:gd name="connsiteY1063" fmla="*/ 1147762 h 2612594"/>
                            <a:gd name="connsiteX1064" fmla="*/ 38265 w 2647519"/>
                            <a:gd name="connsiteY1064" fmla="*/ 1185862 h 2612594"/>
                            <a:gd name="connsiteX1065" fmla="*/ 35407 w 2647519"/>
                            <a:gd name="connsiteY1065" fmla="*/ 1223962 h 2612594"/>
                            <a:gd name="connsiteX1066" fmla="*/ 32550 w 2647519"/>
                            <a:gd name="connsiteY1066" fmla="*/ 1253490 h 2612594"/>
                            <a:gd name="connsiteX1067" fmla="*/ 32550 w 2647519"/>
                            <a:gd name="connsiteY1067" fmla="*/ 1314449 h 2612594"/>
                            <a:gd name="connsiteX1068" fmla="*/ 33502 w 2647519"/>
                            <a:gd name="connsiteY1068" fmla="*/ 1345882 h 2612594"/>
                            <a:gd name="connsiteX1069" fmla="*/ 35407 w 2647519"/>
                            <a:gd name="connsiteY1069" fmla="*/ 1377314 h 2612594"/>
                            <a:gd name="connsiteX1070" fmla="*/ 26835 w 2647519"/>
                            <a:gd name="connsiteY1070" fmla="*/ 1406842 h 2612594"/>
                            <a:gd name="connsiteX1071" fmla="*/ 24930 w 2647519"/>
                            <a:gd name="connsiteY1071" fmla="*/ 1406842 h 2612594"/>
                            <a:gd name="connsiteX1072" fmla="*/ 19215 w 2647519"/>
                            <a:gd name="connsiteY1072" fmla="*/ 1349692 h 2612594"/>
                            <a:gd name="connsiteX1073" fmla="*/ 19215 w 2647519"/>
                            <a:gd name="connsiteY1073" fmla="*/ 1290637 h 2612594"/>
                            <a:gd name="connsiteX1074" fmla="*/ 23977 w 2647519"/>
                            <a:gd name="connsiteY1074" fmla="*/ 1244917 h 2612594"/>
                            <a:gd name="connsiteX1075" fmla="*/ 32546 w 2647519"/>
                            <a:gd name="connsiteY1075" fmla="*/ 1253485 h 2612594"/>
                            <a:gd name="connsiteX1076" fmla="*/ 24930 w 2647519"/>
                            <a:gd name="connsiteY1076" fmla="*/ 1243965 h 2612594"/>
                            <a:gd name="connsiteX1077" fmla="*/ 23025 w 2647519"/>
                            <a:gd name="connsiteY1077" fmla="*/ 1209675 h 2612594"/>
                            <a:gd name="connsiteX1078" fmla="*/ 24930 w 2647519"/>
                            <a:gd name="connsiteY1078" fmla="*/ 1157287 h 2612594"/>
                            <a:gd name="connsiteX1079" fmla="*/ 25882 w 2647519"/>
                            <a:gd name="connsiteY1079" fmla="*/ 1143000 h 2612594"/>
                            <a:gd name="connsiteX1080" fmla="*/ 28740 w 2647519"/>
                            <a:gd name="connsiteY1080" fmla="*/ 1119187 h 2612594"/>
                            <a:gd name="connsiteX1081" fmla="*/ 40170 w 2647519"/>
                            <a:gd name="connsiteY1081" fmla="*/ 1076325 h 2612594"/>
                            <a:gd name="connsiteX1082" fmla="*/ 45865 w 2647519"/>
                            <a:gd name="connsiteY1082" fmla="*/ 1047851 h 2612594"/>
                            <a:gd name="connsiteX1083" fmla="*/ 43980 w 2647519"/>
                            <a:gd name="connsiteY1083" fmla="*/ 1041082 h 2612594"/>
                            <a:gd name="connsiteX1084" fmla="*/ 37312 w 2647519"/>
                            <a:gd name="connsiteY1084" fmla="*/ 1079182 h 2612594"/>
                            <a:gd name="connsiteX1085" fmla="*/ 25882 w 2647519"/>
                            <a:gd name="connsiteY1085" fmla="*/ 1122045 h 2612594"/>
                            <a:gd name="connsiteX1086" fmla="*/ 23025 w 2647519"/>
                            <a:gd name="connsiteY1086" fmla="*/ 1145857 h 2612594"/>
                            <a:gd name="connsiteX1087" fmla="*/ 22072 w 2647519"/>
                            <a:gd name="connsiteY1087" fmla="*/ 1160145 h 2612594"/>
                            <a:gd name="connsiteX1088" fmla="*/ 20167 w 2647519"/>
                            <a:gd name="connsiteY1088" fmla="*/ 1212532 h 2612594"/>
                            <a:gd name="connsiteX1089" fmla="*/ 22072 w 2647519"/>
                            <a:gd name="connsiteY1089" fmla="*/ 1246822 h 2612594"/>
                            <a:gd name="connsiteX1090" fmla="*/ 17310 w 2647519"/>
                            <a:gd name="connsiteY1090" fmla="*/ 1292542 h 2612594"/>
                            <a:gd name="connsiteX1091" fmla="*/ 17310 w 2647519"/>
                            <a:gd name="connsiteY1091" fmla="*/ 1351597 h 2612594"/>
                            <a:gd name="connsiteX1092" fmla="*/ 23025 w 2647519"/>
                            <a:gd name="connsiteY1092" fmla="*/ 1408747 h 2612594"/>
                            <a:gd name="connsiteX1093" fmla="*/ 24930 w 2647519"/>
                            <a:gd name="connsiteY1093" fmla="*/ 1408747 h 2612594"/>
                            <a:gd name="connsiteX1094" fmla="*/ 37312 w 2647519"/>
                            <a:gd name="connsiteY1094" fmla="*/ 1463040 h 2612594"/>
                            <a:gd name="connsiteX1095" fmla="*/ 43980 w 2647519"/>
                            <a:gd name="connsiteY1095" fmla="*/ 1507807 h 2612594"/>
                            <a:gd name="connsiteX1096" fmla="*/ 58267 w 2647519"/>
                            <a:gd name="connsiteY1096" fmla="*/ 1553527 h 2612594"/>
                            <a:gd name="connsiteX1097" fmla="*/ 80770 w 2647519"/>
                            <a:gd name="connsiteY1097" fmla="*/ 1651843 h 2612594"/>
                            <a:gd name="connsiteX1098" fmla="*/ 82734 w 2647519"/>
                            <a:gd name="connsiteY1098" fmla="*/ 1670685 h 2612594"/>
                            <a:gd name="connsiteX1099" fmla="*/ 86843 w 2647519"/>
                            <a:gd name="connsiteY1099" fmla="*/ 1670685 h 2612594"/>
                            <a:gd name="connsiteX1100" fmla="*/ 107798 w 2647519"/>
                            <a:gd name="connsiteY1100" fmla="*/ 1721167 h 2612594"/>
                            <a:gd name="connsiteX1101" fmla="*/ 115418 w 2647519"/>
                            <a:gd name="connsiteY1101" fmla="*/ 1746885 h 2612594"/>
                            <a:gd name="connsiteX1102" fmla="*/ 101130 w 2647519"/>
                            <a:gd name="connsiteY1102" fmla="*/ 1724977 h 2612594"/>
                            <a:gd name="connsiteX1103" fmla="*/ 85890 w 2647519"/>
                            <a:gd name="connsiteY1103" fmla="*/ 1690687 h 2612594"/>
                            <a:gd name="connsiteX1104" fmla="*/ 84938 w 2647519"/>
                            <a:gd name="connsiteY1104" fmla="*/ 1700212 h 2612594"/>
                            <a:gd name="connsiteX1105" fmla="*/ 76651 w 2647519"/>
                            <a:gd name="connsiteY1105" fmla="*/ 1674524 h 2612594"/>
                            <a:gd name="connsiteX1106" fmla="*/ 70650 w 2647519"/>
                            <a:gd name="connsiteY1106" fmla="*/ 1675447 h 2612594"/>
                            <a:gd name="connsiteX1107" fmla="*/ 63982 w 2647519"/>
                            <a:gd name="connsiteY1107" fmla="*/ 1653540 h 2612594"/>
                            <a:gd name="connsiteX1108" fmla="*/ 41122 w 2647519"/>
                            <a:gd name="connsiteY1108" fmla="*/ 1601152 h 2612594"/>
                            <a:gd name="connsiteX1109" fmla="*/ 26835 w 2647519"/>
                            <a:gd name="connsiteY1109" fmla="*/ 1554480 h 2612594"/>
                            <a:gd name="connsiteX1110" fmla="*/ 25882 w 2647519"/>
                            <a:gd name="connsiteY1110" fmla="*/ 1515427 h 2612594"/>
                            <a:gd name="connsiteX1111" fmla="*/ 19215 w 2647519"/>
                            <a:gd name="connsiteY1111" fmla="*/ 1469707 h 2612594"/>
                            <a:gd name="connsiteX1112" fmla="*/ 14452 w 2647519"/>
                            <a:gd name="connsiteY1112" fmla="*/ 1423987 h 2612594"/>
                            <a:gd name="connsiteX1113" fmla="*/ 3975 w 2647519"/>
                            <a:gd name="connsiteY1113" fmla="*/ 1390650 h 2612594"/>
                            <a:gd name="connsiteX1114" fmla="*/ 10642 w 2647519"/>
                            <a:gd name="connsiteY1114" fmla="*/ 1213485 h 2612594"/>
                            <a:gd name="connsiteX1115" fmla="*/ 17310 w 2647519"/>
                            <a:gd name="connsiteY1115" fmla="*/ 1167765 h 2612594"/>
                            <a:gd name="connsiteX1116" fmla="*/ 11595 w 2647519"/>
                            <a:gd name="connsiteY1116" fmla="*/ 1143000 h 2612594"/>
                            <a:gd name="connsiteX1117" fmla="*/ 23025 w 2647519"/>
                            <a:gd name="connsiteY1117" fmla="*/ 1074420 h 2612594"/>
                            <a:gd name="connsiteX1118" fmla="*/ 25882 w 2647519"/>
                            <a:gd name="connsiteY1118" fmla="*/ 1058227 h 2612594"/>
                            <a:gd name="connsiteX1119" fmla="*/ 33502 w 2647519"/>
                            <a:gd name="connsiteY1119" fmla="*/ 1002982 h 2612594"/>
                            <a:gd name="connsiteX1120" fmla="*/ 53505 w 2647519"/>
                            <a:gd name="connsiteY1120" fmla="*/ 962977 h 2612594"/>
                            <a:gd name="connsiteX1121" fmla="*/ 48742 w 2647519"/>
                            <a:gd name="connsiteY1121" fmla="*/ 1017270 h 2612594"/>
                            <a:gd name="connsiteX1122" fmla="*/ 53503 w 2647519"/>
                            <a:gd name="connsiteY1122" fmla="*/ 1007964 h 2612594"/>
                            <a:gd name="connsiteX1123" fmla="*/ 56362 w 2647519"/>
                            <a:gd name="connsiteY1123" fmla="*/ 985718 h 2612594"/>
                            <a:gd name="connsiteX1124" fmla="*/ 57315 w 2647519"/>
                            <a:gd name="connsiteY1124" fmla="*/ 961072 h 2612594"/>
                            <a:gd name="connsiteX1125" fmla="*/ 65887 w 2647519"/>
                            <a:gd name="connsiteY1125" fmla="*/ 929639 h 2612594"/>
                            <a:gd name="connsiteX1126" fmla="*/ 79222 w 2647519"/>
                            <a:gd name="connsiteY1126" fmla="*/ 882014 h 2612594"/>
                            <a:gd name="connsiteX1127" fmla="*/ 95415 w 2647519"/>
                            <a:gd name="connsiteY1127" fmla="*/ 833437 h 2612594"/>
                            <a:gd name="connsiteX1128" fmla="*/ 96628 w 2647519"/>
                            <a:gd name="connsiteY1128" fmla="*/ 832072 h 2612594"/>
                            <a:gd name="connsiteX1129" fmla="*/ 103988 w 2647519"/>
                            <a:gd name="connsiteY1129" fmla="*/ 793432 h 2612594"/>
                            <a:gd name="connsiteX1130" fmla="*/ 114465 w 2647519"/>
                            <a:gd name="connsiteY1130" fmla="*/ 765809 h 2612594"/>
                            <a:gd name="connsiteX1131" fmla="*/ 126848 w 2647519"/>
                            <a:gd name="connsiteY1131" fmla="*/ 742949 h 2612594"/>
                            <a:gd name="connsiteX1132" fmla="*/ 151613 w 2647519"/>
                            <a:gd name="connsiteY1132" fmla="*/ 695324 h 2612594"/>
                            <a:gd name="connsiteX1133" fmla="*/ 171615 w 2647519"/>
                            <a:gd name="connsiteY1133" fmla="*/ 652462 h 2612594"/>
                            <a:gd name="connsiteX1134" fmla="*/ 200190 w 2647519"/>
                            <a:gd name="connsiteY1134" fmla="*/ 597217 h 2612594"/>
                            <a:gd name="connsiteX1135" fmla="*/ 221145 w 2647519"/>
                            <a:gd name="connsiteY1135" fmla="*/ 573404 h 2612594"/>
                            <a:gd name="connsiteX1136" fmla="*/ 238290 w 2647519"/>
                            <a:gd name="connsiteY1136" fmla="*/ 540067 h 2612594"/>
                            <a:gd name="connsiteX1137" fmla="*/ 252578 w 2647519"/>
                            <a:gd name="connsiteY1137" fmla="*/ 519112 h 2612594"/>
                            <a:gd name="connsiteX1138" fmla="*/ 267818 w 2647519"/>
                            <a:gd name="connsiteY1138" fmla="*/ 511492 h 2612594"/>
                            <a:gd name="connsiteX1139" fmla="*/ 271628 w 2647519"/>
                            <a:gd name="connsiteY1139" fmla="*/ 505777 h 2612594"/>
                            <a:gd name="connsiteX1140" fmla="*/ 286868 w 2647519"/>
                            <a:gd name="connsiteY1140" fmla="*/ 475297 h 2612594"/>
                            <a:gd name="connsiteX1141" fmla="*/ 316395 w 2647519"/>
                            <a:gd name="connsiteY1141" fmla="*/ 441007 h 2612594"/>
                            <a:gd name="connsiteX1142" fmla="*/ 317199 w 2647519"/>
                            <a:gd name="connsiteY1142" fmla="*/ 455339 h 2612594"/>
                            <a:gd name="connsiteX1143" fmla="*/ 315045 w 2647519"/>
                            <a:gd name="connsiteY1143" fmla="*/ 461363 h 2612594"/>
                            <a:gd name="connsiteX1144" fmla="*/ 345922 w 2647519"/>
                            <a:gd name="connsiteY1144" fmla="*/ 429577 h 2612594"/>
                            <a:gd name="connsiteX1145" fmla="*/ 361162 w 2647519"/>
                            <a:gd name="connsiteY1145" fmla="*/ 409575 h 2612594"/>
                            <a:gd name="connsiteX1146" fmla="*/ 381165 w 2647519"/>
                            <a:gd name="connsiteY1146" fmla="*/ 390525 h 2612594"/>
                            <a:gd name="connsiteX1147" fmla="*/ 382888 w 2647519"/>
                            <a:gd name="connsiteY1147" fmla="*/ 392440 h 2612594"/>
                            <a:gd name="connsiteX1148" fmla="*/ 382118 w 2647519"/>
                            <a:gd name="connsiteY1148" fmla="*/ 391477 h 2612594"/>
                            <a:gd name="connsiteX1149" fmla="*/ 406883 w 2647519"/>
                            <a:gd name="connsiteY1149" fmla="*/ 366712 h 2612594"/>
                            <a:gd name="connsiteX1150" fmla="*/ 431648 w 2647519"/>
                            <a:gd name="connsiteY1150" fmla="*/ 343852 h 2612594"/>
                            <a:gd name="connsiteX1151" fmla="*/ 458318 w 2647519"/>
                            <a:gd name="connsiteY1151" fmla="*/ 315277 h 2612594"/>
                            <a:gd name="connsiteX1152" fmla="*/ 495465 w 2647519"/>
                            <a:gd name="connsiteY1152" fmla="*/ 287654 h 2612594"/>
                            <a:gd name="connsiteX1153" fmla="*/ 535470 w 2647519"/>
                            <a:gd name="connsiteY1153" fmla="*/ 258127 h 2612594"/>
                            <a:gd name="connsiteX1154" fmla="*/ 559389 w 2647519"/>
                            <a:gd name="connsiteY1154" fmla="*/ 241440 h 2612594"/>
                            <a:gd name="connsiteX1155" fmla="*/ 575475 w 2647519"/>
                            <a:gd name="connsiteY1155" fmla="*/ 226694 h 2612594"/>
                            <a:gd name="connsiteX1156" fmla="*/ 604050 w 2647519"/>
                            <a:gd name="connsiteY1156" fmla="*/ 209549 h 2612594"/>
                            <a:gd name="connsiteX1157" fmla="*/ 634530 w 2647519"/>
                            <a:gd name="connsiteY1157" fmla="*/ 193357 h 2612594"/>
                            <a:gd name="connsiteX1158" fmla="*/ 638565 w 2647519"/>
                            <a:gd name="connsiteY1158" fmla="*/ 191282 h 2612594"/>
                            <a:gd name="connsiteX1159" fmla="*/ 648937 w 2647519"/>
                            <a:gd name="connsiteY1159" fmla="*/ 181094 h 2612594"/>
                            <a:gd name="connsiteX1160" fmla="*/ 665963 w 2647519"/>
                            <a:gd name="connsiteY1160" fmla="*/ 168592 h 2612594"/>
                            <a:gd name="connsiteX1161" fmla="*/ 684656 w 2647519"/>
                            <a:gd name="connsiteY1161" fmla="*/ 159067 h 2612594"/>
                            <a:gd name="connsiteX1162" fmla="*/ 697880 w 2647519"/>
                            <a:gd name="connsiteY1162" fmla="*/ 156023 h 2612594"/>
                            <a:gd name="connsiteX1163" fmla="*/ 700252 w 2647519"/>
                            <a:gd name="connsiteY1163" fmla="*/ 154304 h 2612594"/>
                            <a:gd name="connsiteX1164" fmla="*/ 959332 w 2647519"/>
                            <a:gd name="connsiteY1164" fmla="*/ 49529 h 2612594"/>
                            <a:gd name="connsiteX1165" fmla="*/ 968944 w 2647519"/>
                            <a:gd name="connsiteY1165" fmla="*/ 47439 h 2612594"/>
                            <a:gd name="connsiteX1166" fmla="*/ 995527 w 2647519"/>
                            <a:gd name="connsiteY1166" fmla="*/ 38099 h 2612594"/>
                            <a:gd name="connsiteX1167" fmla="*/ 1013863 w 2647519"/>
                            <a:gd name="connsiteY1167" fmla="*/ 34408 h 2612594"/>
                            <a:gd name="connsiteX1168" fmla="*/ 1023424 w 2647519"/>
                            <a:gd name="connsiteY1168" fmla="*/ 34327 h 2612594"/>
                            <a:gd name="connsiteX1169" fmla="*/ 1026960 w 2647519"/>
                            <a:gd name="connsiteY1169" fmla="*/ 33337 h 2612594"/>
                            <a:gd name="connsiteX1170" fmla="*/ 1244130 w 2647519"/>
                            <a:gd name="connsiteY1170" fmla="*/ 4762 h 2612594"/>
                            <a:gd name="connsiteX1171" fmla="*/ 1305804 w 2647519"/>
                            <a:gd name="connsiteY1171" fmla="*/ 4524 h 2612594"/>
                            <a:gd name="connsiteX1172" fmla="*/ 1371765 w 2647519"/>
                            <a:gd name="connsiteY1172" fmla="*/ 5714 h 2612594"/>
                            <a:gd name="connsiteX1173" fmla="*/ 1372993 w 2647519"/>
                            <a:gd name="connsiteY1173" fmla="*/ 6635 h 2612594"/>
                            <a:gd name="connsiteX1174" fmla="*/ 1405103 w 2647519"/>
                            <a:gd name="connsiteY1174" fmla="*/ 2857 h 2612594"/>
                            <a:gd name="connsiteX1175" fmla="*/ 1434630 w 2647519"/>
                            <a:gd name="connsiteY1175" fmla="*/ 7619 h 2612594"/>
                            <a:gd name="connsiteX1176" fmla="*/ 1464158 w 2647519"/>
                            <a:gd name="connsiteY1176" fmla="*/ 13334 h 2612594"/>
                            <a:gd name="connsiteX1177" fmla="*/ 1479392 w 2647519"/>
                            <a:gd name="connsiteY1177" fmla="*/ 16797 h 2612594"/>
                            <a:gd name="connsiteX1178" fmla="*/ 1463205 w 2647519"/>
                            <a:gd name="connsiteY1178" fmla="*/ 12382 h 2612594"/>
                            <a:gd name="connsiteX1179" fmla="*/ 1433677 w 2647519"/>
                            <a:gd name="connsiteY1179" fmla="*/ 6667 h 2612594"/>
                            <a:gd name="connsiteX1180" fmla="*/ 1404150 w 2647519"/>
                            <a:gd name="connsiteY1180" fmla="*/ 1905 h 2612594"/>
                            <a:gd name="connsiteX1181" fmla="*/ 1404150 w 2647519"/>
                            <a:gd name="connsiteY1181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  <a:cxn ang="0">
                              <a:pos x="connsiteX1175" y="connsiteY1175"/>
                            </a:cxn>
                            <a:cxn ang="0">
                              <a:pos x="connsiteX1176" y="connsiteY1176"/>
                            </a:cxn>
                            <a:cxn ang="0">
                              <a:pos x="connsiteX1177" y="connsiteY1177"/>
                            </a:cxn>
                            <a:cxn ang="0">
                              <a:pos x="connsiteX1178" y="connsiteY1178"/>
                            </a:cxn>
                            <a:cxn ang="0">
                              <a:pos x="connsiteX1179" y="connsiteY1179"/>
                            </a:cxn>
                            <a:cxn ang="0">
                              <a:pos x="connsiteX1180" y="connsiteY1180"/>
                            </a:cxn>
                            <a:cxn ang="0">
                              <a:pos x="connsiteX1181" y="connsiteY1181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3" y="2520821"/>
                              </a:moveTo>
                              <a:lnTo>
                                <a:pt x="1643881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2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1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5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2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3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5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0" y="2265793"/>
                              </a:lnTo>
                              <a:close/>
                              <a:moveTo>
                                <a:pt x="2099801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79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59" y="2217355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5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4" y="2175510"/>
                                <a:pt x="2187820" y="2174974"/>
                              </a:cubicBezTo>
                              <a:close/>
                              <a:moveTo>
                                <a:pt x="475386" y="2153526"/>
                              </a:moveTo>
                              <a:lnTo>
                                <a:pt x="477272" y="2155821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3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1" y="2051897"/>
                              </a:lnTo>
                              <a:lnTo>
                                <a:pt x="2291271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498930" y="1857612"/>
                              </a:moveTo>
                              <a:cubicBezTo>
                                <a:pt x="2494525" y="1865709"/>
                                <a:pt x="2490953" y="1872615"/>
                                <a:pt x="2490953" y="1875472"/>
                              </a:cubicBezTo>
                              <a:cubicBezTo>
                                <a:pt x="2486190" y="1885949"/>
                                <a:pt x="2480475" y="1898332"/>
                                <a:pt x="2473808" y="1909762"/>
                              </a:cubicBezTo>
                              <a:cubicBezTo>
                                <a:pt x="2480475" y="1897379"/>
                                <a:pt x="2486190" y="1885949"/>
                                <a:pt x="2490953" y="1875472"/>
                              </a:cubicBezTo>
                              <a:cubicBezTo>
                                <a:pt x="2490953" y="1872615"/>
                                <a:pt x="2494525" y="1865709"/>
                                <a:pt x="2498930" y="1857612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0" y="1790989"/>
                                <a:pt x="2407787" y="1830865"/>
                                <a:pt x="2386218" y="1869449"/>
                              </a:cubicBezTo>
                              <a:lnTo>
                                <a:pt x="2377659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4"/>
                              </a:lnTo>
                              <a:lnTo>
                                <a:pt x="2141045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899"/>
                              </a:lnTo>
                              <a:lnTo>
                                <a:pt x="2038960" y="2261093"/>
                              </a:lnTo>
                              <a:lnTo>
                                <a:pt x="2036091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1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0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9" y="2365908"/>
                              </a:lnTo>
                              <a:lnTo>
                                <a:pt x="1809482" y="2392922"/>
                              </a:lnTo>
                              <a:cubicBezTo>
                                <a:pt x="1768715" y="2410757"/>
                                <a:pt x="1726784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09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2" y="1686218"/>
                              </a:lnTo>
                              <a:lnTo>
                                <a:pt x="2513217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0" y="1451152"/>
                              </a:lnTo>
                              <a:lnTo>
                                <a:pt x="2586541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600490" y="1407795"/>
                              </a:lnTo>
                              <a:lnTo>
                                <a:pt x="2599180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5" y="1369208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6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1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1" y="383323"/>
                              </a:lnTo>
                              <a:lnTo>
                                <a:pt x="456650" y="391477"/>
                              </a:lnTo>
                              <a:lnTo>
                                <a:pt x="454683" y="394339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82" y="590597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3" y="394339"/>
                              </a:lnTo>
                              <a:lnTo>
                                <a:pt x="464431" y="383323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5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49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3" y="364272"/>
                                <a:pt x="504752" y="361295"/>
                              </a:cubicBezTo>
                              <a:lnTo>
                                <a:pt x="512656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7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7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2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4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6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2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8" y="483516"/>
                                <a:pt x="2540483" y="854556"/>
                                <a:pt x="2540483" y="1275397"/>
                              </a:cubicBezTo>
                              <a:lnTo>
                                <a:pt x="2540080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8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lnTo>
                                <a:pt x="2514765" y="1824990"/>
                              </a:ln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5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5" y="2155031"/>
                                <a:pt x="2319383" y="2160388"/>
                              </a:cubicBezTo>
                              <a:lnTo>
                                <a:pt x="2303229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4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0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3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59" y="2417870"/>
                              </a:lnTo>
                              <a:lnTo>
                                <a:pt x="1997978" y="2418994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79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5" y="1850938"/>
                              </a:lnTo>
                              <a:lnTo>
                                <a:pt x="237654" y="1833304"/>
                              </a:lnTo>
                              <a:lnTo>
                                <a:pt x="228808" y="1817251"/>
                              </a:lnTo>
                              <a:lnTo>
                                <a:pt x="214410" y="1784873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6" y="1640679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8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7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1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8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4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1">
                            <a:alpha val="38000"/>
                          </a:schemeClr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23" name="Freeform: Shape 18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>
                        <a:spLocks noChangeAspect="1"/>
                      </wps:cNvSpPr>
                      <wps:spPr>
                        <a:xfrm>
                          <a:off x="7112000" y="9533467"/>
                          <a:ext cx="237081" cy="233999"/>
                        </a:xfrm>
                        <a:custGeom>
                          <a:avLst/>
                          <a:gdLst>
                            <a:gd name="connsiteX0" fmla="*/ 1439383 w 2647519"/>
                            <a:gd name="connsiteY0" fmla="*/ 2598425 h 2612594"/>
                            <a:gd name="connsiteX1" fmla="*/ 1427010 w 2647519"/>
                            <a:gd name="connsiteY1" fmla="*/ 2605087 h 2612594"/>
                            <a:gd name="connsiteX2" fmla="*/ 1427751 w 2647519"/>
                            <a:gd name="connsiteY2" fmla="*/ 2605405 h 2612594"/>
                            <a:gd name="connsiteX3" fmla="*/ 1542263 w 2647519"/>
                            <a:gd name="connsiteY3" fmla="*/ 2530792 h 2612594"/>
                            <a:gd name="connsiteX4" fmla="*/ 1502258 w 2647519"/>
                            <a:gd name="connsiteY4" fmla="*/ 2540317 h 2612594"/>
                            <a:gd name="connsiteX5" fmla="*/ 1442250 w 2647519"/>
                            <a:gd name="connsiteY5" fmla="*/ 2547937 h 2612594"/>
                            <a:gd name="connsiteX6" fmla="*/ 1439393 w 2647519"/>
                            <a:gd name="connsiteY6" fmla="*/ 2540317 h 2612594"/>
                            <a:gd name="connsiteX7" fmla="*/ 1481303 w 2647519"/>
                            <a:gd name="connsiteY7" fmla="*/ 2536507 h 2612594"/>
                            <a:gd name="connsiteX8" fmla="*/ 1542263 w 2647519"/>
                            <a:gd name="connsiteY8" fmla="*/ 2530792 h 2612594"/>
                            <a:gd name="connsiteX9" fmla="*/ 1646323 w 2647519"/>
                            <a:gd name="connsiteY9" fmla="*/ 2520821 h 2612594"/>
                            <a:gd name="connsiteX10" fmla="*/ 1643881 w 2647519"/>
                            <a:gd name="connsiteY10" fmla="*/ 2521511 h 2612594"/>
                            <a:gd name="connsiteX11" fmla="*/ 1645133 w 2647519"/>
                            <a:gd name="connsiteY11" fmla="*/ 2521267 h 2612594"/>
                            <a:gd name="connsiteX12" fmla="*/ 899801 w 2647519"/>
                            <a:gd name="connsiteY12" fmla="*/ 2506503 h 2612594"/>
                            <a:gd name="connsiteX13" fmla="*/ 942187 w 2647519"/>
                            <a:gd name="connsiteY13" fmla="*/ 2517457 h 2612594"/>
                            <a:gd name="connsiteX14" fmla="*/ 960285 w 2647519"/>
                            <a:gd name="connsiteY14" fmla="*/ 2518409 h 2612594"/>
                            <a:gd name="connsiteX15" fmla="*/ 1010767 w 2647519"/>
                            <a:gd name="connsiteY15" fmla="*/ 2543175 h 2612594"/>
                            <a:gd name="connsiteX16" fmla="*/ 1033627 w 2647519"/>
                            <a:gd name="connsiteY16" fmla="*/ 2547937 h 2612594"/>
                            <a:gd name="connsiteX17" fmla="*/ 1035057 w 2647519"/>
                            <a:gd name="connsiteY17" fmla="*/ 2548414 h 2612594"/>
                            <a:gd name="connsiteX18" fmla="*/ 1040295 w 2647519"/>
                            <a:gd name="connsiteY18" fmla="*/ 2543175 h 2612594"/>
                            <a:gd name="connsiteX19" fmla="*/ 1060297 w 2647519"/>
                            <a:gd name="connsiteY19" fmla="*/ 2548890 h 2612594"/>
                            <a:gd name="connsiteX20" fmla="*/ 1080300 w 2647519"/>
                            <a:gd name="connsiteY20" fmla="*/ 2553652 h 2612594"/>
                            <a:gd name="connsiteX21" fmla="*/ 1119712 w 2647519"/>
                            <a:gd name="connsiteY21" fmla="*/ 2562818 h 2612594"/>
                            <a:gd name="connsiteX22" fmla="*/ 1120305 w 2647519"/>
                            <a:gd name="connsiteY22" fmla="*/ 2562225 h 2612594"/>
                            <a:gd name="connsiteX23" fmla="*/ 1166025 w 2647519"/>
                            <a:gd name="connsiteY23" fmla="*/ 2569845 h 2612594"/>
                            <a:gd name="connsiteX24" fmla="*/ 1187932 w 2647519"/>
                            <a:gd name="connsiteY24" fmla="*/ 2573655 h 2612594"/>
                            <a:gd name="connsiteX25" fmla="*/ 1209840 w 2647519"/>
                            <a:gd name="connsiteY25" fmla="*/ 2575560 h 2612594"/>
                            <a:gd name="connsiteX26" fmla="*/ 1254607 w 2647519"/>
                            <a:gd name="connsiteY26" fmla="*/ 2577465 h 2612594"/>
                            <a:gd name="connsiteX27" fmla="*/ 1315567 w 2647519"/>
                            <a:gd name="connsiteY27" fmla="*/ 2576512 h 2612594"/>
                            <a:gd name="connsiteX28" fmla="*/ 1318213 w 2647519"/>
                            <a:gd name="connsiteY28" fmla="*/ 2576512 h 2612594"/>
                            <a:gd name="connsiteX29" fmla="*/ 1324140 w 2647519"/>
                            <a:gd name="connsiteY29" fmla="*/ 2573178 h 2612594"/>
                            <a:gd name="connsiteX30" fmla="*/ 1337475 w 2647519"/>
                            <a:gd name="connsiteY30" fmla="*/ 2568892 h 2612594"/>
                            <a:gd name="connsiteX31" fmla="*/ 1351048 w 2647519"/>
                            <a:gd name="connsiteY31" fmla="*/ 2568654 h 2612594"/>
                            <a:gd name="connsiteX32" fmla="*/ 1360335 w 2647519"/>
                            <a:gd name="connsiteY32" fmla="*/ 2569844 h 2612594"/>
                            <a:gd name="connsiteX33" fmla="*/ 1362835 w 2647519"/>
                            <a:gd name="connsiteY33" fmla="*/ 2576512 h 2612594"/>
                            <a:gd name="connsiteX34" fmla="*/ 1384147 w 2647519"/>
                            <a:gd name="connsiteY34" fmla="*/ 2576512 h 2612594"/>
                            <a:gd name="connsiteX35" fmla="*/ 1377480 w 2647519"/>
                            <a:gd name="connsiteY35" fmla="*/ 2586037 h 2612594"/>
                            <a:gd name="connsiteX36" fmla="*/ 1373670 w 2647519"/>
                            <a:gd name="connsiteY36" fmla="*/ 2590800 h 2612594"/>
                            <a:gd name="connsiteX37" fmla="*/ 1361287 w 2647519"/>
                            <a:gd name="connsiteY37" fmla="*/ 2596515 h 2612594"/>
                            <a:gd name="connsiteX38" fmla="*/ 1338427 w 2647519"/>
                            <a:gd name="connsiteY38" fmla="*/ 2596515 h 2612594"/>
                            <a:gd name="connsiteX39" fmla="*/ 1308900 w 2647519"/>
                            <a:gd name="connsiteY39" fmla="*/ 2594610 h 2612594"/>
                            <a:gd name="connsiteX40" fmla="*/ 1245082 w 2647519"/>
                            <a:gd name="connsiteY40" fmla="*/ 2592705 h 2612594"/>
                            <a:gd name="connsiteX41" fmla="*/ 1197457 w 2647519"/>
                            <a:gd name="connsiteY41" fmla="*/ 2588895 h 2612594"/>
                            <a:gd name="connsiteX42" fmla="*/ 1155547 w 2647519"/>
                            <a:gd name="connsiteY42" fmla="*/ 2583180 h 2612594"/>
                            <a:gd name="connsiteX43" fmla="*/ 1113637 w 2647519"/>
                            <a:gd name="connsiteY43" fmla="*/ 2576512 h 2612594"/>
                            <a:gd name="connsiteX44" fmla="*/ 1049820 w 2647519"/>
                            <a:gd name="connsiteY44" fmla="*/ 2566987 h 2612594"/>
                            <a:gd name="connsiteX45" fmla="*/ 1000290 w 2647519"/>
                            <a:gd name="connsiteY45" fmla="*/ 2550795 h 2612594"/>
                            <a:gd name="connsiteX46" fmla="*/ 1000863 w 2647519"/>
                            <a:gd name="connsiteY46" fmla="*/ 2550379 h 2612594"/>
                            <a:gd name="connsiteX47" fmla="*/ 971715 w 2647519"/>
                            <a:gd name="connsiteY47" fmla="*/ 2541270 h 2612594"/>
                            <a:gd name="connsiteX48" fmla="*/ 945997 w 2647519"/>
                            <a:gd name="connsiteY48" fmla="*/ 2529840 h 2612594"/>
                            <a:gd name="connsiteX49" fmla="*/ 916470 w 2647519"/>
                            <a:gd name="connsiteY49" fmla="*/ 2520315 h 2612594"/>
                            <a:gd name="connsiteX50" fmla="*/ 885990 w 2647519"/>
                            <a:gd name="connsiteY50" fmla="*/ 2509837 h 2612594"/>
                            <a:gd name="connsiteX51" fmla="*/ 899801 w 2647519"/>
                            <a:gd name="connsiteY51" fmla="*/ 2506503 h 2612594"/>
                            <a:gd name="connsiteX52" fmla="*/ 1460491 w 2647519"/>
                            <a:gd name="connsiteY52" fmla="*/ 2486082 h 2612594"/>
                            <a:gd name="connsiteX53" fmla="*/ 1445939 w 2647519"/>
                            <a:gd name="connsiteY53" fmla="*/ 2488303 h 2612594"/>
                            <a:gd name="connsiteX54" fmla="*/ 1345293 w 2647519"/>
                            <a:gd name="connsiteY54" fmla="*/ 2493385 h 2612594"/>
                            <a:gd name="connsiteX55" fmla="*/ 1378432 w 2647519"/>
                            <a:gd name="connsiteY55" fmla="*/ 2497454 h 2612594"/>
                            <a:gd name="connsiteX56" fmla="*/ 1387005 w 2647519"/>
                            <a:gd name="connsiteY56" fmla="*/ 2495549 h 2612594"/>
                            <a:gd name="connsiteX57" fmla="*/ 1446060 w 2647519"/>
                            <a:gd name="connsiteY57" fmla="*/ 2488882 h 2612594"/>
                            <a:gd name="connsiteX58" fmla="*/ 1455778 w 2647519"/>
                            <a:gd name="connsiteY58" fmla="*/ 2486992 h 2612594"/>
                            <a:gd name="connsiteX59" fmla="*/ 1550918 w 2647519"/>
                            <a:gd name="connsiteY59" fmla="*/ 2472281 h 2612594"/>
                            <a:gd name="connsiteX60" fmla="*/ 1501488 w 2647519"/>
                            <a:gd name="connsiteY60" fmla="*/ 2479825 h 2612594"/>
                            <a:gd name="connsiteX61" fmla="*/ 1518450 w 2647519"/>
                            <a:gd name="connsiteY61" fmla="*/ 2480309 h 2612594"/>
                            <a:gd name="connsiteX62" fmla="*/ 1542858 w 2647519"/>
                            <a:gd name="connsiteY62" fmla="*/ 2475785 h 2612594"/>
                            <a:gd name="connsiteX63" fmla="*/ 1731355 w 2647519"/>
                            <a:gd name="connsiteY63" fmla="*/ 2470078 h 2612594"/>
                            <a:gd name="connsiteX64" fmla="*/ 1576322 w 2647519"/>
                            <a:gd name="connsiteY64" fmla="*/ 2511364 h 2612594"/>
                            <a:gd name="connsiteX65" fmla="*/ 1654777 w 2647519"/>
                            <a:gd name="connsiteY65" fmla="*/ 2493883 h 2612594"/>
                            <a:gd name="connsiteX66" fmla="*/ 737400 w 2647519"/>
                            <a:gd name="connsiteY66" fmla="*/ 2450782 h 2612594"/>
                            <a:gd name="connsiteX67" fmla="*/ 846937 w 2647519"/>
                            <a:gd name="connsiteY67" fmla="*/ 2497454 h 2612594"/>
                            <a:gd name="connsiteX68" fmla="*/ 885990 w 2647519"/>
                            <a:gd name="connsiteY68" fmla="*/ 2509837 h 2612594"/>
                            <a:gd name="connsiteX69" fmla="*/ 915517 w 2647519"/>
                            <a:gd name="connsiteY69" fmla="*/ 2520314 h 2612594"/>
                            <a:gd name="connsiteX70" fmla="*/ 945045 w 2647519"/>
                            <a:gd name="connsiteY70" fmla="*/ 2529839 h 2612594"/>
                            <a:gd name="connsiteX71" fmla="*/ 970762 w 2647519"/>
                            <a:gd name="connsiteY71" fmla="*/ 2541269 h 2612594"/>
                            <a:gd name="connsiteX72" fmla="*/ 965047 w 2647519"/>
                            <a:gd name="connsiteY72" fmla="*/ 2546032 h 2612594"/>
                            <a:gd name="connsiteX73" fmla="*/ 949807 w 2647519"/>
                            <a:gd name="connsiteY73" fmla="*/ 2543174 h 2612594"/>
                            <a:gd name="connsiteX74" fmla="*/ 895515 w 2647519"/>
                            <a:gd name="connsiteY74" fmla="*/ 2523172 h 2612594"/>
                            <a:gd name="connsiteX75" fmla="*/ 868845 w 2647519"/>
                            <a:gd name="connsiteY75" fmla="*/ 2512694 h 2612594"/>
                            <a:gd name="connsiteX76" fmla="*/ 842175 w 2647519"/>
                            <a:gd name="connsiteY76" fmla="*/ 2501264 h 2612594"/>
                            <a:gd name="connsiteX77" fmla="*/ 806932 w 2647519"/>
                            <a:gd name="connsiteY77" fmla="*/ 2488882 h 2612594"/>
                            <a:gd name="connsiteX78" fmla="*/ 776452 w 2647519"/>
                            <a:gd name="connsiteY78" fmla="*/ 2475547 h 2612594"/>
                            <a:gd name="connsiteX79" fmla="*/ 752640 w 2647519"/>
                            <a:gd name="connsiteY79" fmla="*/ 2463164 h 2612594"/>
                            <a:gd name="connsiteX80" fmla="*/ 737400 w 2647519"/>
                            <a:gd name="connsiteY80" fmla="*/ 2450782 h 2612594"/>
                            <a:gd name="connsiteX81" fmla="*/ 782168 w 2647519"/>
                            <a:gd name="connsiteY81" fmla="*/ 2426970 h 2612594"/>
                            <a:gd name="connsiteX82" fmla="*/ 834555 w 2647519"/>
                            <a:gd name="connsiteY82" fmla="*/ 2453640 h 2612594"/>
                            <a:gd name="connsiteX83" fmla="*/ 827888 w 2647519"/>
                            <a:gd name="connsiteY83" fmla="*/ 2457450 h 2612594"/>
                            <a:gd name="connsiteX84" fmla="*/ 766928 w 2647519"/>
                            <a:gd name="connsiteY84" fmla="*/ 2427922 h 2612594"/>
                            <a:gd name="connsiteX85" fmla="*/ 782168 w 2647519"/>
                            <a:gd name="connsiteY85" fmla="*/ 2426970 h 2612594"/>
                            <a:gd name="connsiteX86" fmla="*/ 588810 w 2647519"/>
                            <a:gd name="connsiteY86" fmla="*/ 2362200 h 2612594"/>
                            <a:gd name="connsiteX87" fmla="*/ 653580 w 2647519"/>
                            <a:gd name="connsiteY87" fmla="*/ 2398395 h 2612594"/>
                            <a:gd name="connsiteX88" fmla="*/ 666915 w 2647519"/>
                            <a:gd name="connsiteY88" fmla="*/ 2413635 h 2612594"/>
                            <a:gd name="connsiteX89" fmla="*/ 636435 w 2647519"/>
                            <a:gd name="connsiteY89" fmla="*/ 2397442 h 2612594"/>
                            <a:gd name="connsiteX90" fmla="*/ 613575 w 2647519"/>
                            <a:gd name="connsiteY90" fmla="*/ 2383155 h 2612594"/>
                            <a:gd name="connsiteX91" fmla="*/ 588810 w 2647519"/>
                            <a:gd name="connsiteY91" fmla="*/ 2362200 h 2612594"/>
                            <a:gd name="connsiteX92" fmla="*/ 702387 w 2647519"/>
                            <a:gd name="connsiteY92" fmla="*/ 2337759 h 2612594"/>
                            <a:gd name="connsiteX93" fmla="*/ 702396 w 2647519"/>
                            <a:gd name="connsiteY93" fmla="*/ 2338030 h 2612594"/>
                            <a:gd name="connsiteX94" fmla="*/ 705613 w 2647519"/>
                            <a:gd name="connsiteY94" fmla="*/ 2341923 h 2612594"/>
                            <a:gd name="connsiteX95" fmla="*/ 705967 w 2647519"/>
                            <a:gd name="connsiteY95" fmla="*/ 2340292 h 2612594"/>
                            <a:gd name="connsiteX96" fmla="*/ 2093409 w 2647519"/>
                            <a:gd name="connsiteY96" fmla="*/ 2275234 h 2612594"/>
                            <a:gd name="connsiteX97" fmla="*/ 2089950 w 2647519"/>
                            <a:gd name="connsiteY97" fmla="*/ 2275522 h 2612594"/>
                            <a:gd name="connsiteX98" fmla="*/ 2032800 w 2647519"/>
                            <a:gd name="connsiteY98" fmla="*/ 2316480 h 2612594"/>
                            <a:gd name="connsiteX99" fmla="*/ 1976602 w 2647519"/>
                            <a:gd name="connsiteY99" fmla="*/ 2346960 h 2612594"/>
                            <a:gd name="connsiteX100" fmla="*/ 1936597 w 2647519"/>
                            <a:gd name="connsiteY100" fmla="*/ 2370772 h 2612594"/>
                            <a:gd name="connsiteX101" fmla="*/ 1914690 w 2647519"/>
                            <a:gd name="connsiteY101" fmla="*/ 2380297 h 2612594"/>
                            <a:gd name="connsiteX102" fmla="*/ 1891830 w 2647519"/>
                            <a:gd name="connsiteY102" fmla="*/ 2389822 h 2612594"/>
                            <a:gd name="connsiteX103" fmla="*/ 1864207 w 2647519"/>
                            <a:gd name="connsiteY103" fmla="*/ 2404110 h 2612594"/>
                            <a:gd name="connsiteX104" fmla="*/ 1843252 w 2647519"/>
                            <a:gd name="connsiteY104" fmla="*/ 2416492 h 2612594"/>
                            <a:gd name="connsiteX105" fmla="*/ 1812772 w 2647519"/>
                            <a:gd name="connsiteY105" fmla="*/ 2428875 h 2612594"/>
                            <a:gd name="connsiteX106" fmla="*/ 1781340 w 2647519"/>
                            <a:gd name="connsiteY106" fmla="*/ 2440305 h 2612594"/>
                            <a:gd name="connsiteX107" fmla="*/ 1772767 w 2647519"/>
                            <a:gd name="connsiteY107" fmla="*/ 2448877 h 2612594"/>
                            <a:gd name="connsiteX108" fmla="*/ 1759432 w 2647519"/>
                            <a:gd name="connsiteY108" fmla="*/ 2453640 h 2612594"/>
                            <a:gd name="connsiteX109" fmla="*/ 1726095 w 2647519"/>
                            <a:gd name="connsiteY109" fmla="*/ 2459355 h 2612594"/>
                            <a:gd name="connsiteX110" fmla="*/ 1683232 w 2647519"/>
                            <a:gd name="connsiteY110" fmla="*/ 2472690 h 2612594"/>
                            <a:gd name="connsiteX111" fmla="*/ 1644180 w 2647519"/>
                            <a:gd name="connsiteY111" fmla="*/ 2485072 h 2612594"/>
                            <a:gd name="connsiteX112" fmla="*/ 1601317 w 2647519"/>
                            <a:gd name="connsiteY112" fmla="*/ 2497455 h 2612594"/>
                            <a:gd name="connsiteX113" fmla="*/ 1547977 w 2647519"/>
                            <a:gd name="connsiteY113" fmla="*/ 2510790 h 2612594"/>
                            <a:gd name="connsiteX114" fmla="*/ 1472730 w 2647519"/>
                            <a:gd name="connsiteY114" fmla="*/ 2523172 h 2612594"/>
                            <a:gd name="connsiteX115" fmla="*/ 1470825 w 2647519"/>
                            <a:gd name="connsiteY115" fmla="*/ 2526030 h 2612594"/>
                            <a:gd name="connsiteX116" fmla="*/ 1434645 w 2647519"/>
                            <a:gd name="connsiteY116" fmla="*/ 2535075 h 2612594"/>
                            <a:gd name="connsiteX117" fmla="*/ 1435583 w 2647519"/>
                            <a:gd name="connsiteY117" fmla="*/ 2535555 h 2612594"/>
                            <a:gd name="connsiteX118" fmla="*/ 1475761 w 2647519"/>
                            <a:gd name="connsiteY118" fmla="*/ 2525510 h 2612594"/>
                            <a:gd name="connsiteX119" fmla="*/ 1476540 w 2647519"/>
                            <a:gd name="connsiteY119" fmla="*/ 2523172 h 2612594"/>
                            <a:gd name="connsiteX120" fmla="*/ 1551788 w 2647519"/>
                            <a:gd name="connsiteY120" fmla="*/ 2510790 h 2612594"/>
                            <a:gd name="connsiteX121" fmla="*/ 1605128 w 2647519"/>
                            <a:gd name="connsiteY121" fmla="*/ 2497455 h 2612594"/>
                            <a:gd name="connsiteX122" fmla="*/ 1647990 w 2647519"/>
                            <a:gd name="connsiteY122" fmla="*/ 2485072 h 2612594"/>
                            <a:gd name="connsiteX123" fmla="*/ 1687043 w 2647519"/>
                            <a:gd name="connsiteY123" fmla="*/ 2472690 h 2612594"/>
                            <a:gd name="connsiteX124" fmla="*/ 1729905 w 2647519"/>
                            <a:gd name="connsiteY124" fmla="*/ 2459355 h 2612594"/>
                            <a:gd name="connsiteX125" fmla="*/ 1763243 w 2647519"/>
                            <a:gd name="connsiteY125" fmla="*/ 2453640 h 2612594"/>
                            <a:gd name="connsiteX126" fmla="*/ 1740675 w 2647519"/>
                            <a:gd name="connsiteY126" fmla="*/ 2467181 h 2612594"/>
                            <a:gd name="connsiteX127" fmla="*/ 1741335 w 2647519"/>
                            <a:gd name="connsiteY127" fmla="*/ 2466975 h 2612594"/>
                            <a:gd name="connsiteX128" fmla="*/ 1765148 w 2647519"/>
                            <a:gd name="connsiteY128" fmla="*/ 2452687 h 2612594"/>
                            <a:gd name="connsiteX129" fmla="*/ 1778483 w 2647519"/>
                            <a:gd name="connsiteY129" fmla="*/ 2447925 h 2612594"/>
                            <a:gd name="connsiteX130" fmla="*/ 1779371 w 2647519"/>
                            <a:gd name="connsiteY130" fmla="*/ 2447679 h 2612594"/>
                            <a:gd name="connsiteX131" fmla="*/ 1785150 w 2647519"/>
                            <a:gd name="connsiteY131" fmla="*/ 2441257 h 2612594"/>
                            <a:gd name="connsiteX132" fmla="*/ 1816583 w 2647519"/>
                            <a:gd name="connsiteY132" fmla="*/ 2429827 h 2612594"/>
                            <a:gd name="connsiteX133" fmla="*/ 1847063 w 2647519"/>
                            <a:gd name="connsiteY133" fmla="*/ 2417445 h 2612594"/>
                            <a:gd name="connsiteX134" fmla="*/ 1868018 w 2647519"/>
                            <a:gd name="connsiteY134" fmla="*/ 2405062 h 2612594"/>
                            <a:gd name="connsiteX135" fmla="*/ 1895640 w 2647519"/>
                            <a:gd name="connsiteY135" fmla="*/ 2390775 h 2612594"/>
                            <a:gd name="connsiteX136" fmla="*/ 1918500 w 2647519"/>
                            <a:gd name="connsiteY136" fmla="*/ 2381250 h 2612594"/>
                            <a:gd name="connsiteX137" fmla="*/ 1934176 w 2647519"/>
                            <a:gd name="connsiteY137" fmla="*/ 2374435 h 2612594"/>
                            <a:gd name="connsiteX138" fmla="*/ 1942313 w 2647519"/>
                            <a:gd name="connsiteY138" fmla="*/ 2368867 h 2612594"/>
                            <a:gd name="connsiteX139" fmla="*/ 1982318 w 2647519"/>
                            <a:gd name="connsiteY139" fmla="*/ 2345055 h 2612594"/>
                            <a:gd name="connsiteX140" fmla="*/ 2038515 w 2647519"/>
                            <a:gd name="connsiteY140" fmla="*/ 2314575 h 2612594"/>
                            <a:gd name="connsiteX141" fmla="*/ 460060 w 2647519"/>
                            <a:gd name="connsiteY141" fmla="*/ 2262062 h 2612594"/>
                            <a:gd name="connsiteX142" fmla="*/ 463676 w 2647519"/>
                            <a:gd name="connsiteY142" fmla="*/ 2265164 h 2612594"/>
                            <a:gd name="connsiteX143" fmla="*/ 464910 w 2647519"/>
                            <a:gd name="connsiteY143" fmla="*/ 2265793 h 2612594"/>
                            <a:gd name="connsiteX144" fmla="*/ 2099801 w 2647519"/>
                            <a:gd name="connsiteY144" fmla="*/ 2237197 h 2612594"/>
                            <a:gd name="connsiteX145" fmla="*/ 2099475 w 2647519"/>
                            <a:gd name="connsiteY145" fmla="*/ 2237422 h 2612594"/>
                            <a:gd name="connsiteX146" fmla="*/ 2099475 w 2647519"/>
                            <a:gd name="connsiteY146" fmla="*/ 2237694 h 2612594"/>
                            <a:gd name="connsiteX147" fmla="*/ 2100989 w 2647519"/>
                            <a:gd name="connsiteY147" fmla="*/ 2237910 h 2612594"/>
                            <a:gd name="connsiteX148" fmla="*/ 2101380 w 2647519"/>
                            <a:gd name="connsiteY148" fmla="*/ 2237422 h 2612594"/>
                            <a:gd name="connsiteX149" fmla="*/ 2120379 w 2647519"/>
                            <a:gd name="connsiteY149" fmla="*/ 2222979 h 2612594"/>
                            <a:gd name="connsiteX150" fmla="*/ 2114756 w 2647519"/>
                            <a:gd name="connsiteY150" fmla="*/ 2226864 h 2612594"/>
                            <a:gd name="connsiteX151" fmla="*/ 2113762 w 2647519"/>
                            <a:gd name="connsiteY151" fmla="*/ 2227897 h 2612594"/>
                            <a:gd name="connsiteX152" fmla="*/ 2117618 w 2647519"/>
                            <a:gd name="connsiteY152" fmla="*/ 2225429 h 2612594"/>
                            <a:gd name="connsiteX153" fmla="*/ 382287 w 2647519"/>
                            <a:gd name="connsiteY153" fmla="*/ 2175002 h 2612594"/>
                            <a:gd name="connsiteX154" fmla="*/ 418259 w 2647519"/>
                            <a:gd name="connsiteY154" fmla="*/ 2217355 h 2612594"/>
                            <a:gd name="connsiteX155" fmla="*/ 389737 w 2647519"/>
                            <a:gd name="connsiteY155" fmla="*/ 2183129 h 2612594"/>
                            <a:gd name="connsiteX156" fmla="*/ 2187820 w 2647519"/>
                            <a:gd name="connsiteY156" fmla="*/ 2174974 h 2612594"/>
                            <a:gd name="connsiteX157" fmla="*/ 2187735 w 2647519"/>
                            <a:gd name="connsiteY157" fmla="*/ 2175004 h 2612594"/>
                            <a:gd name="connsiteX158" fmla="*/ 2187105 w 2647519"/>
                            <a:gd name="connsiteY158" fmla="*/ 2179320 h 2612594"/>
                            <a:gd name="connsiteX159" fmla="*/ 2171865 w 2647519"/>
                            <a:gd name="connsiteY159" fmla="*/ 2196465 h 2612594"/>
                            <a:gd name="connsiteX160" fmla="*/ 2153767 w 2647519"/>
                            <a:gd name="connsiteY160" fmla="*/ 2216467 h 2612594"/>
                            <a:gd name="connsiteX161" fmla="*/ 2154858 w 2647519"/>
                            <a:gd name="connsiteY161" fmla="*/ 2216215 h 2612594"/>
                            <a:gd name="connsiteX162" fmla="*/ 2171865 w 2647519"/>
                            <a:gd name="connsiteY162" fmla="*/ 2197417 h 2612594"/>
                            <a:gd name="connsiteX163" fmla="*/ 2187105 w 2647519"/>
                            <a:gd name="connsiteY163" fmla="*/ 2180272 h 2612594"/>
                            <a:gd name="connsiteX164" fmla="*/ 2187820 w 2647519"/>
                            <a:gd name="connsiteY164" fmla="*/ 2174974 h 2612594"/>
                            <a:gd name="connsiteX165" fmla="*/ 475386 w 2647519"/>
                            <a:gd name="connsiteY165" fmla="*/ 2153526 h 2612594"/>
                            <a:gd name="connsiteX166" fmla="*/ 477272 w 2647519"/>
                            <a:gd name="connsiteY166" fmla="*/ 2155821 h 2612594"/>
                            <a:gd name="connsiteX167" fmla="*/ 477367 w 2647519"/>
                            <a:gd name="connsiteY167" fmla="*/ 2155507 h 2612594"/>
                            <a:gd name="connsiteX168" fmla="*/ 334493 w 2647519"/>
                            <a:gd name="connsiteY168" fmla="*/ 2131694 h 2612594"/>
                            <a:gd name="connsiteX169" fmla="*/ 359258 w 2647519"/>
                            <a:gd name="connsiteY169" fmla="*/ 2147887 h 2612594"/>
                            <a:gd name="connsiteX170" fmla="*/ 360474 w 2647519"/>
                            <a:gd name="connsiteY170" fmla="*/ 2149319 h 2612594"/>
                            <a:gd name="connsiteX171" fmla="*/ 371759 w 2647519"/>
                            <a:gd name="connsiteY171" fmla="*/ 2151816 h 2612594"/>
                            <a:gd name="connsiteX172" fmla="*/ 397357 w 2647519"/>
                            <a:gd name="connsiteY172" fmla="*/ 2175509 h 2612594"/>
                            <a:gd name="connsiteX173" fmla="*/ 432600 w 2647519"/>
                            <a:gd name="connsiteY173" fmla="*/ 2204084 h 2612594"/>
                            <a:gd name="connsiteX174" fmla="*/ 447840 w 2647519"/>
                            <a:gd name="connsiteY174" fmla="*/ 2225039 h 2612594"/>
                            <a:gd name="connsiteX175" fmla="*/ 456412 w 2647519"/>
                            <a:gd name="connsiteY175" fmla="*/ 2235517 h 2612594"/>
                            <a:gd name="connsiteX176" fmla="*/ 492607 w 2647519"/>
                            <a:gd name="connsiteY176" fmla="*/ 2265997 h 2612594"/>
                            <a:gd name="connsiteX177" fmla="*/ 482130 w 2647519"/>
                            <a:gd name="connsiteY177" fmla="*/ 2274569 h 2612594"/>
                            <a:gd name="connsiteX178" fmla="*/ 448422 w 2647519"/>
                            <a:gd name="connsiteY178" fmla="*/ 2237115 h 2612594"/>
                            <a:gd name="connsiteX179" fmla="*/ 446888 w 2647519"/>
                            <a:gd name="connsiteY179" fmla="*/ 2237422 h 2612594"/>
                            <a:gd name="connsiteX180" fmla="*/ 446888 w 2647519"/>
                            <a:gd name="connsiteY180" fmla="*/ 2237422 h 2612594"/>
                            <a:gd name="connsiteX181" fmla="*/ 478787 w 2647519"/>
                            <a:gd name="connsiteY181" fmla="*/ 2272865 h 2612594"/>
                            <a:gd name="connsiteX182" fmla="*/ 482130 w 2647519"/>
                            <a:gd name="connsiteY182" fmla="*/ 2274569 h 2612594"/>
                            <a:gd name="connsiteX183" fmla="*/ 492608 w 2647519"/>
                            <a:gd name="connsiteY183" fmla="*/ 2265997 h 2612594"/>
                            <a:gd name="connsiteX184" fmla="*/ 583095 w 2647519"/>
                            <a:gd name="connsiteY184" fmla="*/ 2337434 h 2612594"/>
                            <a:gd name="connsiteX185" fmla="*/ 564998 w 2647519"/>
                            <a:gd name="connsiteY185" fmla="*/ 2343149 h 2612594"/>
                            <a:gd name="connsiteX186" fmla="*/ 571665 w 2647519"/>
                            <a:gd name="connsiteY186" fmla="*/ 2347912 h 2612594"/>
                            <a:gd name="connsiteX187" fmla="*/ 544995 w 2647519"/>
                            <a:gd name="connsiteY187" fmla="*/ 2348864 h 2612594"/>
                            <a:gd name="connsiteX188" fmla="*/ 527850 w 2647519"/>
                            <a:gd name="connsiteY188" fmla="*/ 2337434 h 2612594"/>
                            <a:gd name="connsiteX189" fmla="*/ 511658 w 2647519"/>
                            <a:gd name="connsiteY189" fmla="*/ 2325052 h 2612594"/>
                            <a:gd name="connsiteX190" fmla="*/ 471653 w 2647519"/>
                            <a:gd name="connsiteY190" fmla="*/ 2291714 h 2612594"/>
                            <a:gd name="connsiteX191" fmla="*/ 434505 w 2647519"/>
                            <a:gd name="connsiteY191" fmla="*/ 2258377 h 2612594"/>
                            <a:gd name="connsiteX192" fmla="*/ 400215 w 2647519"/>
                            <a:gd name="connsiteY192" fmla="*/ 2225039 h 2612594"/>
                            <a:gd name="connsiteX193" fmla="*/ 384023 w 2647519"/>
                            <a:gd name="connsiteY193" fmla="*/ 2208847 h 2612594"/>
                            <a:gd name="connsiteX194" fmla="*/ 368783 w 2647519"/>
                            <a:gd name="connsiteY194" fmla="*/ 2191702 h 2612594"/>
                            <a:gd name="connsiteX195" fmla="*/ 374498 w 2647519"/>
                            <a:gd name="connsiteY195" fmla="*/ 2184082 h 2612594"/>
                            <a:gd name="connsiteX196" fmla="*/ 393548 w 2647519"/>
                            <a:gd name="connsiteY196" fmla="*/ 2201227 h 2612594"/>
                            <a:gd name="connsiteX197" fmla="*/ 414503 w 2647519"/>
                            <a:gd name="connsiteY197" fmla="*/ 2217419 h 2612594"/>
                            <a:gd name="connsiteX198" fmla="*/ 440220 w 2647519"/>
                            <a:gd name="connsiteY198" fmla="*/ 2245042 h 2612594"/>
                            <a:gd name="connsiteX199" fmla="*/ 442406 w 2647519"/>
                            <a:gd name="connsiteY199" fmla="*/ 2246917 h 2612594"/>
                            <a:gd name="connsiteX200" fmla="*/ 414503 w 2647519"/>
                            <a:gd name="connsiteY200" fmla="*/ 2217419 h 2612594"/>
                            <a:gd name="connsiteX201" fmla="*/ 394500 w 2647519"/>
                            <a:gd name="connsiteY201" fmla="*/ 2201227 h 2612594"/>
                            <a:gd name="connsiteX202" fmla="*/ 375450 w 2647519"/>
                            <a:gd name="connsiteY202" fmla="*/ 2184082 h 2612594"/>
                            <a:gd name="connsiteX203" fmla="*/ 354495 w 2647519"/>
                            <a:gd name="connsiteY203" fmla="*/ 2158364 h 2612594"/>
                            <a:gd name="connsiteX204" fmla="*/ 334493 w 2647519"/>
                            <a:gd name="connsiteY204" fmla="*/ 2131694 h 2612594"/>
                            <a:gd name="connsiteX205" fmla="*/ 2432850 w 2647519"/>
                            <a:gd name="connsiteY205" fmla="*/ 1980247 h 2612594"/>
                            <a:gd name="connsiteX206" fmla="*/ 2432367 w 2647519"/>
                            <a:gd name="connsiteY206" fmla="*/ 1980454 h 2612594"/>
                            <a:gd name="connsiteX207" fmla="*/ 2421963 w 2647519"/>
                            <a:gd name="connsiteY207" fmla="*/ 2005422 h 2612594"/>
                            <a:gd name="connsiteX208" fmla="*/ 2422850 w 2647519"/>
                            <a:gd name="connsiteY208" fmla="*/ 1860918 h 2612594"/>
                            <a:gd name="connsiteX209" fmla="*/ 2397608 w 2647519"/>
                            <a:gd name="connsiteY209" fmla="*/ 1897379 h 2612594"/>
                            <a:gd name="connsiteX210" fmla="*/ 2385225 w 2647519"/>
                            <a:gd name="connsiteY210" fmla="*/ 1920239 h 2612594"/>
                            <a:gd name="connsiteX211" fmla="*/ 2372843 w 2647519"/>
                            <a:gd name="connsiteY211" fmla="*/ 1941194 h 2612594"/>
                            <a:gd name="connsiteX212" fmla="*/ 2343315 w 2647519"/>
                            <a:gd name="connsiteY212" fmla="*/ 1980247 h 2612594"/>
                            <a:gd name="connsiteX213" fmla="*/ 2317598 w 2647519"/>
                            <a:gd name="connsiteY213" fmla="*/ 2019299 h 2612594"/>
                            <a:gd name="connsiteX214" fmla="*/ 2294738 w 2647519"/>
                            <a:gd name="connsiteY214" fmla="*/ 2050732 h 2612594"/>
                            <a:gd name="connsiteX215" fmla="*/ 2292831 w 2647519"/>
                            <a:gd name="connsiteY215" fmla="*/ 2051897 h 2612594"/>
                            <a:gd name="connsiteX216" fmla="*/ 2291271 w 2647519"/>
                            <a:gd name="connsiteY216" fmla="*/ 2054208 h 2612594"/>
                            <a:gd name="connsiteX217" fmla="*/ 2293785 w 2647519"/>
                            <a:gd name="connsiteY217" fmla="*/ 2052637 h 2612594"/>
                            <a:gd name="connsiteX218" fmla="*/ 2316645 w 2647519"/>
                            <a:gd name="connsiteY218" fmla="*/ 2021205 h 2612594"/>
                            <a:gd name="connsiteX219" fmla="*/ 2342363 w 2647519"/>
                            <a:gd name="connsiteY219" fmla="*/ 1982152 h 2612594"/>
                            <a:gd name="connsiteX220" fmla="*/ 2371890 w 2647519"/>
                            <a:gd name="connsiteY220" fmla="*/ 1943100 h 2612594"/>
                            <a:gd name="connsiteX221" fmla="*/ 2384273 w 2647519"/>
                            <a:gd name="connsiteY221" fmla="*/ 1922145 h 2612594"/>
                            <a:gd name="connsiteX222" fmla="*/ 2396655 w 2647519"/>
                            <a:gd name="connsiteY222" fmla="*/ 1899285 h 2612594"/>
                            <a:gd name="connsiteX223" fmla="*/ 2422373 w 2647519"/>
                            <a:gd name="connsiteY223" fmla="*/ 1862137 h 2612594"/>
                            <a:gd name="connsiteX224" fmla="*/ 2498930 w 2647519"/>
                            <a:gd name="connsiteY224" fmla="*/ 1857612 h 2612594"/>
                            <a:gd name="connsiteX225" fmla="*/ 2490953 w 2647519"/>
                            <a:gd name="connsiteY225" fmla="*/ 1875472 h 2612594"/>
                            <a:gd name="connsiteX226" fmla="*/ 2473808 w 2647519"/>
                            <a:gd name="connsiteY226" fmla="*/ 1909762 h 2612594"/>
                            <a:gd name="connsiteX227" fmla="*/ 2490953 w 2647519"/>
                            <a:gd name="connsiteY227" fmla="*/ 1875472 h 2612594"/>
                            <a:gd name="connsiteX228" fmla="*/ 2498930 w 2647519"/>
                            <a:gd name="connsiteY228" fmla="*/ 1857612 h 2612594"/>
                            <a:gd name="connsiteX229" fmla="*/ 2521433 w 2647519"/>
                            <a:gd name="connsiteY229" fmla="*/ 1847850 h 2612594"/>
                            <a:gd name="connsiteX230" fmla="*/ 2509050 w 2647519"/>
                            <a:gd name="connsiteY230" fmla="*/ 1884997 h 2612594"/>
                            <a:gd name="connsiteX231" fmla="*/ 2487143 w 2647519"/>
                            <a:gd name="connsiteY231" fmla="*/ 1925002 h 2612594"/>
                            <a:gd name="connsiteX232" fmla="*/ 2465235 w 2647519"/>
                            <a:gd name="connsiteY232" fmla="*/ 1965960 h 2612594"/>
                            <a:gd name="connsiteX233" fmla="*/ 2445233 w 2647519"/>
                            <a:gd name="connsiteY233" fmla="*/ 1991677 h 2612594"/>
                            <a:gd name="connsiteX234" fmla="*/ 2458568 w 2647519"/>
                            <a:gd name="connsiteY234" fmla="*/ 1965007 h 2612594"/>
                            <a:gd name="connsiteX235" fmla="*/ 2469998 w 2647519"/>
                            <a:gd name="connsiteY235" fmla="*/ 1938337 h 2612594"/>
                            <a:gd name="connsiteX236" fmla="*/ 2478570 w 2647519"/>
                            <a:gd name="connsiteY236" fmla="*/ 1924050 h 2612594"/>
                            <a:gd name="connsiteX237" fmla="*/ 2490000 w 2647519"/>
                            <a:gd name="connsiteY237" fmla="*/ 1905000 h 2612594"/>
                            <a:gd name="connsiteX238" fmla="*/ 2500478 w 2647519"/>
                            <a:gd name="connsiteY238" fmla="*/ 1885950 h 2612594"/>
                            <a:gd name="connsiteX239" fmla="*/ 2521433 w 2647519"/>
                            <a:gd name="connsiteY239" fmla="*/ 1847850 h 2612594"/>
                            <a:gd name="connsiteX240" fmla="*/ 2459780 w 2647519"/>
                            <a:gd name="connsiteY240" fmla="*/ 1766202 h 2612594"/>
                            <a:gd name="connsiteX241" fmla="*/ 2436660 w 2647519"/>
                            <a:gd name="connsiteY241" fmla="*/ 1806892 h 2612594"/>
                            <a:gd name="connsiteX242" fmla="*/ 2436235 w 2647519"/>
                            <a:gd name="connsiteY242" fmla="*/ 1807870 h 2612594"/>
                            <a:gd name="connsiteX243" fmla="*/ 2459520 w 2647519"/>
                            <a:gd name="connsiteY243" fmla="*/ 1766887 h 2612594"/>
                            <a:gd name="connsiteX244" fmla="*/ 2472460 w 2647519"/>
                            <a:gd name="connsiteY244" fmla="*/ 1674043 h 2612594"/>
                            <a:gd name="connsiteX245" fmla="*/ 2444672 w 2647519"/>
                            <a:gd name="connsiteY245" fmla="*/ 1749965 h 2612594"/>
                            <a:gd name="connsiteX246" fmla="*/ 2386218 w 2647519"/>
                            <a:gd name="connsiteY246" fmla="*/ 1869449 h 2612594"/>
                            <a:gd name="connsiteX247" fmla="*/ 2377659 w 2647519"/>
                            <a:gd name="connsiteY247" fmla="*/ 1882980 h 2612594"/>
                            <a:gd name="connsiteX248" fmla="*/ 2377605 w 2647519"/>
                            <a:gd name="connsiteY248" fmla="*/ 1883092 h 2612594"/>
                            <a:gd name="connsiteX249" fmla="*/ 2357602 w 2647519"/>
                            <a:gd name="connsiteY249" fmla="*/ 1917382 h 2612594"/>
                            <a:gd name="connsiteX250" fmla="*/ 2337600 w 2647519"/>
                            <a:gd name="connsiteY250" fmla="*/ 1954530 h 2612594"/>
                            <a:gd name="connsiteX251" fmla="*/ 2314740 w 2647519"/>
                            <a:gd name="connsiteY251" fmla="*/ 1983105 h 2612594"/>
                            <a:gd name="connsiteX252" fmla="*/ 2295690 w 2647519"/>
                            <a:gd name="connsiteY252" fmla="*/ 2015490 h 2612594"/>
                            <a:gd name="connsiteX253" fmla="*/ 2183295 w 2647519"/>
                            <a:gd name="connsiteY253" fmla="*/ 2142172 h 2612594"/>
                            <a:gd name="connsiteX254" fmla="*/ 2146147 w 2647519"/>
                            <a:gd name="connsiteY254" fmla="*/ 2173605 h 2612594"/>
                            <a:gd name="connsiteX255" fmla="*/ 2142583 w 2647519"/>
                            <a:gd name="connsiteY255" fmla="*/ 2176314 h 2612594"/>
                            <a:gd name="connsiteX256" fmla="*/ 2141045 w 2647519"/>
                            <a:gd name="connsiteY256" fmla="*/ 2177871 h 2612594"/>
                            <a:gd name="connsiteX257" fmla="*/ 2125512 w 2647519"/>
                            <a:gd name="connsiteY257" fmla="*/ 2190534 h 2612594"/>
                            <a:gd name="connsiteX258" fmla="*/ 2112810 w 2647519"/>
                            <a:gd name="connsiteY258" fmla="*/ 2205037 h 2612594"/>
                            <a:gd name="connsiteX259" fmla="*/ 2066137 w 2647519"/>
                            <a:gd name="connsiteY259" fmla="*/ 2240280 h 2612594"/>
                            <a:gd name="connsiteX260" fmla="*/ 2058824 w 2647519"/>
                            <a:gd name="connsiteY260" fmla="*/ 2244899 h 2612594"/>
                            <a:gd name="connsiteX261" fmla="*/ 2038960 w 2647519"/>
                            <a:gd name="connsiteY261" fmla="*/ 2261093 h 2612594"/>
                            <a:gd name="connsiteX262" fmla="*/ 2036091 w 2647519"/>
                            <a:gd name="connsiteY262" fmla="*/ 2262956 h 2612594"/>
                            <a:gd name="connsiteX263" fmla="*/ 2031847 w 2647519"/>
                            <a:gd name="connsiteY263" fmla="*/ 2266950 h 2612594"/>
                            <a:gd name="connsiteX264" fmla="*/ 1994700 w 2647519"/>
                            <a:gd name="connsiteY264" fmla="*/ 2291715 h 2612594"/>
                            <a:gd name="connsiteX265" fmla="*/ 1957552 w 2647519"/>
                            <a:gd name="connsiteY265" fmla="*/ 2314575 h 2612594"/>
                            <a:gd name="connsiteX266" fmla="*/ 1953301 w 2647519"/>
                            <a:gd name="connsiteY266" fmla="*/ 2316730 h 2612594"/>
                            <a:gd name="connsiteX267" fmla="*/ 1928148 w 2647519"/>
                            <a:gd name="connsiteY267" fmla="*/ 2333067 h 2612594"/>
                            <a:gd name="connsiteX268" fmla="*/ 1920350 w 2647519"/>
                            <a:gd name="connsiteY268" fmla="*/ 2337000 h 2612594"/>
                            <a:gd name="connsiteX269" fmla="*/ 1912785 w 2647519"/>
                            <a:gd name="connsiteY269" fmla="*/ 2342197 h 2612594"/>
                            <a:gd name="connsiteX270" fmla="*/ 1887067 w 2647519"/>
                            <a:gd name="connsiteY270" fmla="*/ 2356485 h 2612594"/>
                            <a:gd name="connsiteX271" fmla="*/ 1863039 w 2647519"/>
                            <a:gd name="connsiteY271" fmla="*/ 2365908 h 2612594"/>
                            <a:gd name="connsiteX272" fmla="*/ 1809482 w 2647519"/>
                            <a:gd name="connsiteY272" fmla="*/ 2392922 h 2612594"/>
                            <a:gd name="connsiteX273" fmla="*/ 1683836 w 2647519"/>
                            <a:gd name="connsiteY273" fmla="*/ 2439784 h 2612594"/>
                            <a:gd name="connsiteX274" fmla="*/ 1596280 w 2647519"/>
                            <a:gd name="connsiteY274" fmla="*/ 2462297 h 2612594"/>
                            <a:gd name="connsiteX275" fmla="*/ 1667040 w 2647519"/>
                            <a:gd name="connsiteY275" fmla="*/ 2448877 h 2612594"/>
                            <a:gd name="connsiteX276" fmla="*/ 1680375 w 2647519"/>
                            <a:gd name="connsiteY276" fmla="*/ 2446019 h 2612594"/>
                            <a:gd name="connsiteX277" fmla="*/ 1723237 w 2647519"/>
                            <a:gd name="connsiteY277" fmla="*/ 2430779 h 2612594"/>
                            <a:gd name="connsiteX278" fmla="*/ 1749907 w 2647519"/>
                            <a:gd name="connsiteY278" fmla="*/ 2422207 h 2612594"/>
                            <a:gd name="connsiteX279" fmla="*/ 1792770 w 2647519"/>
                            <a:gd name="connsiteY279" fmla="*/ 2400299 h 2612594"/>
                            <a:gd name="connsiteX280" fmla="*/ 1841347 w 2647519"/>
                            <a:gd name="connsiteY280" fmla="*/ 2383154 h 2612594"/>
                            <a:gd name="connsiteX281" fmla="*/ 1872470 w 2647519"/>
                            <a:gd name="connsiteY281" fmla="*/ 2370949 h 2612594"/>
                            <a:gd name="connsiteX282" fmla="*/ 1886115 w 2647519"/>
                            <a:gd name="connsiteY282" fmla="*/ 2363152 h 2612594"/>
                            <a:gd name="connsiteX283" fmla="*/ 1898496 w 2647519"/>
                            <a:gd name="connsiteY283" fmla="*/ 2359343 h 2612594"/>
                            <a:gd name="connsiteX284" fmla="*/ 1915642 w 2647519"/>
                            <a:gd name="connsiteY284" fmla="*/ 2349817 h 2612594"/>
                            <a:gd name="connsiteX285" fmla="*/ 1920147 w 2647519"/>
                            <a:gd name="connsiteY285" fmla="*/ 2346686 h 2612594"/>
                            <a:gd name="connsiteX286" fmla="*/ 1931835 w 2647519"/>
                            <a:gd name="connsiteY286" fmla="*/ 2335530 h 2612594"/>
                            <a:gd name="connsiteX287" fmla="*/ 1957552 w 2647519"/>
                            <a:gd name="connsiteY287" fmla="*/ 2320290 h 2612594"/>
                            <a:gd name="connsiteX288" fmla="*/ 1986810 w 2647519"/>
                            <a:gd name="connsiteY288" fmla="*/ 2305948 h 2612594"/>
                            <a:gd name="connsiteX289" fmla="*/ 1997557 w 2647519"/>
                            <a:gd name="connsiteY289" fmla="*/ 2299334 h 2612594"/>
                            <a:gd name="connsiteX290" fmla="*/ 2034705 w 2647519"/>
                            <a:gd name="connsiteY290" fmla="*/ 2274569 h 2612594"/>
                            <a:gd name="connsiteX291" fmla="*/ 2050897 w 2647519"/>
                            <a:gd name="connsiteY291" fmla="*/ 2259329 h 2612594"/>
                            <a:gd name="connsiteX292" fmla="*/ 2068995 w 2647519"/>
                            <a:gd name="connsiteY292" fmla="*/ 2247899 h 2612594"/>
                            <a:gd name="connsiteX293" fmla="*/ 2115667 w 2647519"/>
                            <a:gd name="connsiteY293" fmla="*/ 2212657 h 2612594"/>
                            <a:gd name="connsiteX294" fmla="*/ 2149005 w 2647519"/>
                            <a:gd name="connsiteY294" fmla="*/ 2181224 h 2612594"/>
                            <a:gd name="connsiteX295" fmla="*/ 2186152 w 2647519"/>
                            <a:gd name="connsiteY295" fmla="*/ 2149792 h 2612594"/>
                            <a:gd name="connsiteX296" fmla="*/ 2298547 w 2647519"/>
                            <a:gd name="connsiteY296" fmla="*/ 2023109 h 2612594"/>
                            <a:gd name="connsiteX297" fmla="*/ 2314015 w 2647519"/>
                            <a:gd name="connsiteY297" fmla="*/ 1996814 h 2612594"/>
                            <a:gd name="connsiteX298" fmla="*/ 2314740 w 2647519"/>
                            <a:gd name="connsiteY298" fmla="*/ 1994534 h 2612594"/>
                            <a:gd name="connsiteX299" fmla="*/ 2339505 w 2647519"/>
                            <a:gd name="connsiteY299" fmla="*/ 1956434 h 2612594"/>
                            <a:gd name="connsiteX300" fmla="*/ 2347125 w 2647519"/>
                            <a:gd name="connsiteY300" fmla="*/ 1945004 h 2612594"/>
                            <a:gd name="connsiteX301" fmla="*/ 2357257 w 2647519"/>
                            <a:gd name="connsiteY301" fmla="*/ 1930951 h 2612594"/>
                            <a:gd name="connsiteX302" fmla="*/ 2360460 w 2647519"/>
                            <a:gd name="connsiteY302" fmla="*/ 1925002 h 2612594"/>
                            <a:gd name="connsiteX303" fmla="*/ 2380462 w 2647519"/>
                            <a:gd name="connsiteY303" fmla="*/ 1890712 h 2612594"/>
                            <a:gd name="connsiteX304" fmla="*/ 2419515 w 2647519"/>
                            <a:gd name="connsiteY304" fmla="*/ 1809749 h 2612594"/>
                            <a:gd name="connsiteX305" fmla="*/ 2457615 w 2647519"/>
                            <a:gd name="connsiteY305" fmla="*/ 1723072 h 2612594"/>
                            <a:gd name="connsiteX306" fmla="*/ 2468807 w 2647519"/>
                            <a:gd name="connsiteY306" fmla="*/ 1687829 h 2612594"/>
                            <a:gd name="connsiteX307" fmla="*/ 2576677 w 2647519"/>
                            <a:gd name="connsiteY307" fmla="*/ 1589722 h 2612594"/>
                            <a:gd name="connsiteX308" fmla="*/ 2573820 w 2647519"/>
                            <a:gd name="connsiteY308" fmla="*/ 1591627 h 2612594"/>
                            <a:gd name="connsiteX309" fmla="*/ 2573820 w 2647519"/>
                            <a:gd name="connsiteY309" fmla="*/ 1591627 h 2612594"/>
                            <a:gd name="connsiteX310" fmla="*/ 2585674 w 2647519"/>
                            <a:gd name="connsiteY310" fmla="*/ 1533271 h 2612594"/>
                            <a:gd name="connsiteX311" fmla="*/ 2585332 w 2647519"/>
                            <a:gd name="connsiteY311" fmla="*/ 1534956 h 2612594"/>
                            <a:gd name="connsiteX312" fmla="*/ 2588107 w 2647519"/>
                            <a:gd name="connsiteY312" fmla="*/ 1538287 h 2612594"/>
                            <a:gd name="connsiteX313" fmla="*/ 2596680 w 2647519"/>
                            <a:gd name="connsiteY313" fmla="*/ 1547812 h 2612594"/>
                            <a:gd name="connsiteX314" fmla="*/ 2602395 w 2647519"/>
                            <a:gd name="connsiteY314" fmla="*/ 1544002 h 2612594"/>
                            <a:gd name="connsiteX315" fmla="*/ 2602539 w 2647519"/>
                            <a:gd name="connsiteY315" fmla="*/ 1543271 h 2612594"/>
                            <a:gd name="connsiteX316" fmla="*/ 2598585 w 2647519"/>
                            <a:gd name="connsiteY316" fmla="*/ 1545907 h 2612594"/>
                            <a:gd name="connsiteX317" fmla="*/ 2589060 w 2647519"/>
                            <a:gd name="connsiteY317" fmla="*/ 1537334 h 2612594"/>
                            <a:gd name="connsiteX318" fmla="*/ 2577184 w 2647519"/>
                            <a:gd name="connsiteY318" fmla="*/ 1425070 h 2612594"/>
                            <a:gd name="connsiteX319" fmla="*/ 2576519 w 2647519"/>
                            <a:gd name="connsiteY319" fmla="*/ 1425107 h 2612594"/>
                            <a:gd name="connsiteX320" fmla="*/ 2575314 w 2647519"/>
                            <a:gd name="connsiteY320" fmla="*/ 1425174 h 2612594"/>
                            <a:gd name="connsiteX321" fmla="*/ 2575725 w 2647519"/>
                            <a:gd name="connsiteY321" fmla="*/ 1429702 h 2612594"/>
                            <a:gd name="connsiteX322" fmla="*/ 2574773 w 2647519"/>
                            <a:gd name="connsiteY322" fmla="*/ 1453515 h 2612594"/>
                            <a:gd name="connsiteX323" fmla="*/ 2570963 w 2647519"/>
                            <a:gd name="connsiteY323" fmla="*/ 1467802 h 2612594"/>
                            <a:gd name="connsiteX324" fmla="*/ 2548103 w 2647519"/>
                            <a:gd name="connsiteY324" fmla="*/ 1503997 h 2612594"/>
                            <a:gd name="connsiteX325" fmla="*/ 2542388 w 2647519"/>
                            <a:gd name="connsiteY325" fmla="*/ 1535430 h 2612594"/>
                            <a:gd name="connsiteX326" fmla="*/ 2536673 w 2647519"/>
                            <a:gd name="connsiteY326" fmla="*/ 1545907 h 2612594"/>
                            <a:gd name="connsiteX327" fmla="*/ 2527148 w 2647519"/>
                            <a:gd name="connsiteY327" fmla="*/ 1591627 h 2612594"/>
                            <a:gd name="connsiteX328" fmla="*/ 2516670 w 2647519"/>
                            <a:gd name="connsiteY328" fmla="*/ 1627822 h 2612594"/>
                            <a:gd name="connsiteX329" fmla="*/ 2505240 w 2647519"/>
                            <a:gd name="connsiteY329" fmla="*/ 1663065 h 2612594"/>
                            <a:gd name="connsiteX330" fmla="*/ 2498573 w 2647519"/>
                            <a:gd name="connsiteY330" fmla="*/ 1690687 h 2612594"/>
                            <a:gd name="connsiteX331" fmla="*/ 2490953 w 2647519"/>
                            <a:gd name="connsiteY331" fmla="*/ 1719262 h 2612594"/>
                            <a:gd name="connsiteX332" fmla="*/ 2497030 w 2647519"/>
                            <a:gd name="connsiteY332" fmla="*/ 1709809 h 2612594"/>
                            <a:gd name="connsiteX333" fmla="*/ 2502383 w 2647519"/>
                            <a:gd name="connsiteY333" fmla="*/ 1689734 h 2612594"/>
                            <a:gd name="connsiteX334" fmla="*/ 2507145 w 2647519"/>
                            <a:gd name="connsiteY334" fmla="*/ 1661159 h 2612594"/>
                            <a:gd name="connsiteX335" fmla="*/ 2518575 w 2647519"/>
                            <a:gd name="connsiteY335" fmla="*/ 1625917 h 2612594"/>
                            <a:gd name="connsiteX336" fmla="*/ 2529053 w 2647519"/>
                            <a:gd name="connsiteY336" fmla="*/ 1589722 h 2612594"/>
                            <a:gd name="connsiteX337" fmla="*/ 2538578 w 2647519"/>
                            <a:gd name="connsiteY337" fmla="*/ 1544002 h 2612594"/>
                            <a:gd name="connsiteX338" fmla="*/ 2544293 w 2647519"/>
                            <a:gd name="connsiteY338" fmla="*/ 1533524 h 2612594"/>
                            <a:gd name="connsiteX339" fmla="*/ 2550008 w 2647519"/>
                            <a:gd name="connsiteY339" fmla="*/ 1502092 h 2612594"/>
                            <a:gd name="connsiteX340" fmla="*/ 2572868 w 2647519"/>
                            <a:gd name="connsiteY340" fmla="*/ 1465897 h 2612594"/>
                            <a:gd name="connsiteX341" fmla="*/ 2557628 w 2647519"/>
                            <a:gd name="connsiteY341" fmla="*/ 1539239 h 2612594"/>
                            <a:gd name="connsiteX342" fmla="*/ 2546198 w 2647519"/>
                            <a:gd name="connsiteY342" fmla="*/ 1600199 h 2612594"/>
                            <a:gd name="connsiteX343" fmla="*/ 2520480 w 2647519"/>
                            <a:gd name="connsiteY343" fmla="*/ 1678304 h 2612594"/>
                            <a:gd name="connsiteX344" fmla="*/ 2515392 w 2647519"/>
                            <a:gd name="connsiteY344" fmla="*/ 1686218 h 2612594"/>
                            <a:gd name="connsiteX345" fmla="*/ 2513217 w 2647519"/>
                            <a:gd name="connsiteY345" fmla="*/ 1698069 h 2612594"/>
                            <a:gd name="connsiteX346" fmla="*/ 2506193 w 2647519"/>
                            <a:gd name="connsiteY346" fmla="*/ 1718310 h 2612594"/>
                            <a:gd name="connsiteX347" fmla="*/ 2479523 w 2647519"/>
                            <a:gd name="connsiteY347" fmla="*/ 1776412 h 2612594"/>
                            <a:gd name="connsiteX348" fmla="*/ 2467140 w 2647519"/>
                            <a:gd name="connsiteY348" fmla="*/ 1806892 h 2612594"/>
                            <a:gd name="connsiteX349" fmla="*/ 2459520 w 2647519"/>
                            <a:gd name="connsiteY349" fmla="*/ 1823085 h 2612594"/>
                            <a:gd name="connsiteX350" fmla="*/ 2449995 w 2647519"/>
                            <a:gd name="connsiteY350" fmla="*/ 1840230 h 2612594"/>
                            <a:gd name="connsiteX351" fmla="*/ 2424278 w 2647519"/>
                            <a:gd name="connsiteY351" fmla="*/ 1885950 h 2612594"/>
                            <a:gd name="connsiteX352" fmla="*/ 2396655 w 2647519"/>
                            <a:gd name="connsiteY352" fmla="*/ 1930717 h 2612594"/>
                            <a:gd name="connsiteX353" fmla="*/ 2361413 w 2647519"/>
                            <a:gd name="connsiteY353" fmla="*/ 1990725 h 2612594"/>
                            <a:gd name="connsiteX354" fmla="*/ 2322360 w 2647519"/>
                            <a:gd name="connsiteY354" fmla="*/ 2049780 h 2612594"/>
                            <a:gd name="connsiteX355" fmla="*/ 2296643 w 2647519"/>
                            <a:gd name="connsiteY355" fmla="*/ 2083117 h 2612594"/>
                            <a:gd name="connsiteX356" fmla="*/ 2269020 w 2647519"/>
                            <a:gd name="connsiteY356" fmla="*/ 2115502 h 2612594"/>
                            <a:gd name="connsiteX357" fmla="*/ 2259495 w 2647519"/>
                            <a:gd name="connsiteY357" fmla="*/ 2128837 h 2612594"/>
                            <a:gd name="connsiteX358" fmla="*/ 2249018 w 2647519"/>
                            <a:gd name="connsiteY358" fmla="*/ 2142172 h 2612594"/>
                            <a:gd name="connsiteX359" fmla="*/ 2232825 w 2647519"/>
                            <a:gd name="connsiteY359" fmla="*/ 2155507 h 2612594"/>
                            <a:gd name="connsiteX360" fmla="*/ 2206342 w 2647519"/>
                            <a:gd name="connsiteY360" fmla="*/ 2184829 h 2612594"/>
                            <a:gd name="connsiteX361" fmla="*/ 2207107 w 2647519"/>
                            <a:gd name="connsiteY361" fmla="*/ 2187892 h 2612594"/>
                            <a:gd name="connsiteX362" fmla="*/ 2179485 w 2647519"/>
                            <a:gd name="connsiteY362" fmla="*/ 2216467 h 2612594"/>
                            <a:gd name="connsiteX363" fmla="*/ 2149957 w 2647519"/>
                            <a:gd name="connsiteY363" fmla="*/ 2237422 h 2612594"/>
                            <a:gd name="connsiteX364" fmla="*/ 2126145 w 2647519"/>
                            <a:gd name="connsiteY364" fmla="*/ 2256472 h 2612594"/>
                            <a:gd name="connsiteX365" fmla="*/ 2103587 w 2647519"/>
                            <a:gd name="connsiteY365" fmla="*/ 2272957 h 2612594"/>
                            <a:gd name="connsiteX366" fmla="*/ 2107095 w 2647519"/>
                            <a:gd name="connsiteY366" fmla="*/ 2272665 h 2612594"/>
                            <a:gd name="connsiteX367" fmla="*/ 2131860 w 2647519"/>
                            <a:gd name="connsiteY367" fmla="*/ 2254567 h 2612594"/>
                            <a:gd name="connsiteX368" fmla="*/ 2155673 w 2647519"/>
                            <a:gd name="connsiteY368" fmla="*/ 2235517 h 2612594"/>
                            <a:gd name="connsiteX369" fmla="*/ 2185200 w 2647519"/>
                            <a:gd name="connsiteY369" fmla="*/ 2214562 h 2612594"/>
                            <a:gd name="connsiteX370" fmla="*/ 2212823 w 2647519"/>
                            <a:gd name="connsiteY370" fmla="*/ 2185987 h 2612594"/>
                            <a:gd name="connsiteX371" fmla="*/ 2211870 w 2647519"/>
                            <a:gd name="connsiteY371" fmla="*/ 2182177 h 2612594"/>
                            <a:gd name="connsiteX372" fmla="*/ 2238540 w 2647519"/>
                            <a:gd name="connsiteY372" fmla="*/ 2152650 h 2612594"/>
                            <a:gd name="connsiteX373" fmla="*/ 2254733 w 2647519"/>
                            <a:gd name="connsiteY373" fmla="*/ 2139315 h 2612594"/>
                            <a:gd name="connsiteX374" fmla="*/ 2265210 w 2647519"/>
                            <a:gd name="connsiteY374" fmla="*/ 2125980 h 2612594"/>
                            <a:gd name="connsiteX375" fmla="*/ 2274735 w 2647519"/>
                            <a:gd name="connsiteY375" fmla="*/ 2112645 h 2612594"/>
                            <a:gd name="connsiteX376" fmla="*/ 2302358 w 2647519"/>
                            <a:gd name="connsiteY376" fmla="*/ 2080260 h 2612594"/>
                            <a:gd name="connsiteX377" fmla="*/ 2328075 w 2647519"/>
                            <a:gd name="connsiteY377" fmla="*/ 2046922 h 2612594"/>
                            <a:gd name="connsiteX378" fmla="*/ 2367128 w 2647519"/>
                            <a:gd name="connsiteY378" fmla="*/ 1987867 h 2612594"/>
                            <a:gd name="connsiteX379" fmla="*/ 2402370 w 2647519"/>
                            <a:gd name="connsiteY379" fmla="*/ 1927860 h 2612594"/>
                            <a:gd name="connsiteX380" fmla="*/ 2429993 w 2647519"/>
                            <a:gd name="connsiteY380" fmla="*/ 1883092 h 2612594"/>
                            <a:gd name="connsiteX381" fmla="*/ 2455710 w 2647519"/>
                            <a:gd name="connsiteY381" fmla="*/ 1837372 h 2612594"/>
                            <a:gd name="connsiteX382" fmla="*/ 2465235 w 2647519"/>
                            <a:gd name="connsiteY382" fmla="*/ 1820227 h 2612594"/>
                            <a:gd name="connsiteX383" fmla="*/ 2472855 w 2647519"/>
                            <a:gd name="connsiteY383" fmla="*/ 1804035 h 2612594"/>
                            <a:gd name="connsiteX384" fmla="*/ 2485238 w 2647519"/>
                            <a:gd name="connsiteY384" fmla="*/ 1773555 h 2612594"/>
                            <a:gd name="connsiteX385" fmla="*/ 2511908 w 2647519"/>
                            <a:gd name="connsiteY385" fmla="*/ 1715452 h 2612594"/>
                            <a:gd name="connsiteX386" fmla="*/ 2522385 w 2647519"/>
                            <a:gd name="connsiteY386" fmla="*/ 1676400 h 2612594"/>
                            <a:gd name="connsiteX387" fmla="*/ 2548103 w 2647519"/>
                            <a:gd name="connsiteY387" fmla="*/ 1598295 h 2612594"/>
                            <a:gd name="connsiteX388" fmla="*/ 2559533 w 2647519"/>
                            <a:gd name="connsiteY388" fmla="*/ 1537335 h 2612594"/>
                            <a:gd name="connsiteX389" fmla="*/ 2574773 w 2647519"/>
                            <a:gd name="connsiteY389" fmla="*/ 1463992 h 2612594"/>
                            <a:gd name="connsiteX390" fmla="*/ 2578209 w 2647519"/>
                            <a:gd name="connsiteY390" fmla="*/ 1451109 h 2612594"/>
                            <a:gd name="connsiteX391" fmla="*/ 2575725 w 2647519"/>
                            <a:gd name="connsiteY391" fmla="*/ 1450657 h 2612594"/>
                            <a:gd name="connsiteX392" fmla="*/ 2576677 w 2647519"/>
                            <a:gd name="connsiteY392" fmla="*/ 1426845 h 2612594"/>
                            <a:gd name="connsiteX393" fmla="*/ 2597632 w 2647519"/>
                            <a:gd name="connsiteY393" fmla="*/ 1404937 h 2612594"/>
                            <a:gd name="connsiteX394" fmla="*/ 2586540 w 2647519"/>
                            <a:gd name="connsiteY394" fmla="*/ 1451152 h 2612594"/>
                            <a:gd name="connsiteX395" fmla="*/ 2586541 w 2647519"/>
                            <a:gd name="connsiteY395" fmla="*/ 1451152 h 2612594"/>
                            <a:gd name="connsiteX396" fmla="*/ 2597633 w 2647519"/>
                            <a:gd name="connsiteY396" fmla="*/ 1404938 h 2612594"/>
                            <a:gd name="connsiteX397" fmla="*/ 2606205 w 2647519"/>
                            <a:gd name="connsiteY397" fmla="*/ 1395412 h 2612594"/>
                            <a:gd name="connsiteX398" fmla="*/ 2600490 w 2647519"/>
                            <a:gd name="connsiteY398" fmla="*/ 1407795 h 2612594"/>
                            <a:gd name="connsiteX399" fmla="*/ 2600490 w 2647519"/>
                            <a:gd name="connsiteY399" fmla="*/ 1407795 h 2612594"/>
                            <a:gd name="connsiteX400" fmla="*/ 2599180 w 2647519"/>
                            <a:gd name="connsiteY400" fmla="*/ 1433750 h 2612594"/>
                            <a:gd name="connsiteX401" fmla="*/ 2598585 w 2647519"/>
                            <a:gd name="connsiteY401" fmla="*/ 1458277 h 2612594"/>
                            <a:gd name="connsiteX402" fmla="*/ 2589060 w 2647519"/>
                            <a:gd name="connsiteY402" fmla="*/ 1487586 h 2612594"/>
                            <a:gd name="connsiteX403" fmla="*/ 2589060 w 2647519"/>
                            <a:gd name="connsiteY403" fmla="*/ 1490934 h 2612594"/>
                            <a:gd name="connsiteX404" fmla="*/ 2600490 w 2647519"/>
                            <a:gd name="connsiteY404" fmla="*/ 1458277 h 2612594"/>
                            <a:gd name="connsiteX405" fmla="*/ 2602395 w 2647519"/>
                            <a:gd name="connsiteY405" fmla="*/ 1407794 h 2612594"/>
                            <a:gd name="connsiteX406" fmla="*/ 2606836 w 2647519"/>
                            <a:gd name="connsiteY406" fmla="*/ 1398173 h 2612594"/>
                            <a:gd name="connsiteX407" fmla="*/ 2565247 w 2647519"/>
                            <a:gd name="connsiteY407" fmla="*/ 1354454 h 2612594"/>
                            <a:gd name="connsiteX408" fmla="*/ 2559005 w 2647519"/>
                            <a:gd name="connsiteY408" fmla="*/ 1369208 h 2612594"/>
                            <a:gd name="connsiteX409" fmla="*/ 2556675 w 2647519"/>
                            <a:gd name="connsiteY409" fmla="*/ 1390650 h 2612594"/>
                            <a:gd name="connsiteX410" fmla="*/ 2553670 w 2647519"/>
                            <a:gd name="connsiteY410" fmla="*/ 1380633 h 2612594"/>
                            <a:gd name="connsiteX411" fmla="*/ 2552571 w 2647519"/>
                            <a:gd name="connsiteY411" fmla="*/ 1382047 h 2612594"/>
                            <a:gd name="connsiteX412" fmla="*/ 2555723 w 2647519"/>
                            <a:gd name="connsiteY412" fmla="*/ 1392555 h 2612594"/>
                            <a:gd name="connsiteX413" fmla="*/ 2553818 w 2647519"/>
                            <a:gd name="connsiteY413" fmla="*/ 1407795 h 2612594"/>
                            <a:gd name="connsiteX414" fmla="*/ 2557628 w 2647519"/>
                            <a:gd name="connsiteY414" fmla="*/ 1420177 h 2612594"/>
                            <a:gd name="connsiteX415" fmla="*/ 2560581 w 2647519"/>
                            <a:gd name="connsiteY415" fmla="*/ 1420013 h 2612594"/>
                            <a:gd name="connsiteX416" fmla="*/ 2558580 w 2647519"/>
                            <a:gd name="connsiteY416" fmla="*/ 1413509 h 2612594"/>
                            <a:gd name="connsiteX417" fmla="*/ 2560485 w 2647519"/>
                            <a:gd name="connsiteY417" fmla="*/ 1398269 h 2612594"/>
                            <a:gd name="connsiteX418" fmla="*/ 2565247 w 2647519"/>
                            <a:gd name="connsiteY418" fmla="*/ 1354454 h 2612594"/>
                            <a:gd name="connsiteX419" fmla="*/ 2645258 w 2647519"/>
                            <a:gd name="connsiteY419" fmla="*/ 1328737 h 2612594"/>
                            <a:gd name="connsiteX420" fmla="*/ 2647163 w 2647519"/>
                            <a:gd name="connsiteY420" fmla="*/ 1329689 h 2612594"/>
                            <a:gd name="connsiteX421" fmla="*/ 2646210 w 2647519"/>
                            <a:gd name="connsiteY421" fmla="*/ 1369694 h 2612594"/>
                            <a:gd name="connsiteX422" fmla="*/ 2647163 w 2647519"/>
                            <a:gd name="connsiteY422" fmla="*/ 1397317 h 2612594"/>
                            <a:gd name="connsiteX423" fmla="*/ 2644305 w 2647519"/>
                            <a:gd name="connsiteY423" fmla="*/ 1447799 h 2612594"/>
                            <a:gd name="connsiteX424" fmla="*/ 2641448 w 2647519"/>
                            <a:gd name="connsiteY424" fmla="*/ 1476374 h 2612594"/>
                            <a:gd name="connsiteX425" fmla="*/ 2632875 w 2647519"/>
                            <a:gd name="connsiteY425" fmla="*/ 1518284 h 2612594"/>
                            <a:gd name="connsiteX426" fmla="*/ 2630018 w 2647519"/>
                            <a:gd name="connsiteY426" fmla="*/ 1553527 h 2612594"/>
                            <a:gd name="connsiteX427" fmla="*/ 2615730 w 2647519"/>
                            <a:gd name="connsiteY427" fmla="*/ 1618297 h 2612594"/>
                            <a:gd name="connsiteX428" fmla="*/ 2602395 w 2647519"/>
                            <a:gd name="connsiteY428" fmla="*/ 1674494 h 2612594"/>
                            <a:gd name="connsiteX429" fmla="*/ 2578583 w 2647519"/>
                            <a:gd name="connsiteY429" fmla="*/ 1684972 h 2612594"/>
                            <a:gd name="connsiteX430" fmla="*/ 2580488 w 2647519"/>
                            <a:gd name="connsiteY430" fmla="*/ 1679257 h 2612594"/>
                            <a:gd name="connsiteX431" fmla="*/ 2584298 w 2647519"/>
                            <a:gd name="connsiteY431" fmla="*/ 1639252 h 2612594"/>
                            <a:gd name="connsiteX432" fmla="*/ 2598585 w 2647519"/>
                            <a:gd name="connsiteY432" fmla="*/ 1597342 h 2612594"/>
                            <a:gd name="connsiteX433" fmla="*/ 2610015 w 2647519"/>
                            <a:gd name="connsiteY433" fmla="*/ 1590675 h 2612594"/>
                            <a:gd name="connsiteX434" fmla="*/ 2610015 w 2647519"/>
                            <a:gd name="connsiteY434" fmla="*/ 1590674 h 2612594"/>
                            <a:gd name="connsiteX435" fmla="*/ 2622398 w 2647519"/>
                            <a:gd name="connsiteY435" fmla="*/ 1518284 h 2612594"/>
                            <a:gd name="connsiteX436" fmla="*/ 2629065 w 2647519"/>
                            <a:gd name="connsiteY436" fmla="*/ 1483994 h 2612594"/>
                            <a:gd name="connsiteX437" fmla="*/ 2634780 w 2647519"/>
                            <a:gd name="connsiteY437" fmla="*/ 1448752 h 2612594"/>
                            <a:gd name="connsiteX438" fmla="*/ 2639543 w 2647519"/>
                            <a:gd name="connsiteY438" fmla="*/ 1415414 h 2612594"/>
                            <a:gd name="connsiteX439" fmla="*/ 2641448 w 2647519"/>
                            <a:gd name="connsiteY439" fmla="*/ 1383982 h 2612594"/>
                            <a:gd name="connsiteX440" fmla="*/ 2642400 w 2647519"/>
                            <a:gd name="connsiteY440" fmla="*/ 1357312 h 2612594"/>
                            <a:gd name="connsiteX441" fmla="*/ 2644305 w 2647519"/>
                            <a:gd name="connsiteY441" fmla="*/ 1343024 h 2612594"/>
                            <a:gd name="connsiteX442" fmla="*/ 2645258 w 2647519"/>
                            <a:gd name="connsiteY442" fmla="*/ 1328737 h 2612594"/>
                            <a:gd name="connsiteX443" fmla="*/ 134151 w 2647519"/>
                            <a:gd name="connsiteY443" fmla="*/ 887095 h 2612594"/>
                            <a:gd name="connsiteX444" fmla="*/ 134625 w 2647519"/>
                            <a:gd name="connsiteY444" fmla="*/ 887332 h 2612594"/>
                            <a:gd name="connsiteX445" fmla="*/ 134670 w 2647519"/>
                            <a:gd name="connsiteY445" fmla="*/ 887199 h 2612594"/>
                            <a:gd name="connsiteX446" fmla="*/ 191618 w 2647519"/>
                            <a:gd name="connsiteY446" fmla="*/ 750570 h 2612594"/>
                            <a:gd name="connsiteX447" fmla="*/ 170663 w 2647519"/>
                            <a:gd name="connsiteY447" fmla="*/ 789622 h 2612594"/>
                            <a:gd name="connsiteX448" fmla="*/ 153518 w 2647519"/>
                            <a:gd name="connsiteY448" fmla="*/ 803910 h 2612594"/>
                            <a:gd name="connsiteX449" fmla="*/ 153477 w 2647519"/>
                            <a:gd name="connsiteY449" fmla="*/ 804822 h 2612594"/>
                            <a:gd name="connsiteX450" fmla="*/ 151819 w 2647519"/>
                            <a:gd name="connsiteY450" fmla="*/ 841286 h 2612594"/>
                            <a:gd name="connsiteX451" fmla="*/ 151866 w 2647519"/>
                            <a:gd name="connsiteY451" fmla="*/ 841199 h 2612594"/>
                            <a:gd name="connsiteX452" fmla="*/ 153518 w 2647519"/>
                            <a:gd name="connsiteY452" fmla="*/ 804862 h 2612594"/>
                            <a:gd name="connsiteX453" fmla="*/ 170663 w 2647519"/>
                            <a:gd name="connsiteY453" fmla="*/ 790574 h 2612594"/>
                            <a:gd name="connsiteX454" fmla="*/ 191618 w 2647519"/>
                            <a:gd name="connsiteY454" fmla="*/ 751522 h 2612594"/>
                            <a:gd name="connsiteX455" fmla="*/ 192332 w 2647519"/>
                            <a:gd name="connsiteY455" fmla="*/ 751998 h 2612594"/>
                            <a:gd name="connsiteX456" fmla="*/ 192689 w 2647519"/>
                            <a:gd name="connsiteY456" fmla="*/ 751284 h 2612594"/>
                            <a:gd name="connsiteX457" fmla="*/ 203047 w 2647519"/>
                            <a:gd name="connsiteY457" fmla="*/ 667702 h 2612594"/>
                            <a:gd name="connsiteX458" fmla="*/ 189712 w 2647519"/>
                            <a:gd name="connsiteY458" fmla="*/ 677227 h 2612594"/>
                            <a:gd name="connsiteX459" fmla="*/ 169710 w 2647519"/>
                            <a:gd name="connsiteY459" fmla="*/ 719137 h 2612594"/>
                            <a:gd name="connsiteX460" fmla="*/ 174286 w 2647519"/>
                            <a:gd name="connsiteY460" fmla="*/ 722798 h 2612594"/>
                            <a:gd name="connsiteX461" fmla="*/ 174435 w 2647519"/>
                            <a:gd name="connsiteY461" fmla="*/ 722155 h 2612594"/>
                            <a:gd name="connsiteX462" fmla="*/ 170663 w 2647519"/>
                            <a:gd name="connsiteY462" fmla="*/ 719137 h 2612594"/>
                            <a:gd name="connsiteX463" fmla="*/ 190665 w 2647519"/>
                            <a:gd name="connsiteY463" fmla="*/ 677227 h 2612594"/>
                            <a:gd name="connsiteX464" fmla="*/ 202473 w 2647519"/>
                            <a:gd name="connsiteY464" fmla="*/ 668793 h 2612594"/>
                            <a:gd name="connsiteX465" fmla="*/ 276390 w 2647519"/>
                            <a:gd name="connsiteY465" fmla="*/ 613410 h 2612594"/>
                            <a:gd name="connsiteX466" fmla="*/ 275187 w 2647519"/>
                            <a:gd name="connsiteY466" fmla="*/ 614373 h 2612594"/>
                            <a:gd name="connsiteX467" fmla="*/ 270080 w 2647519"/>
                            <a:gd name="connsiteY467" fmla="*/ 634008 h 2612594"/>
                            <a:gd name="connsiteX468" fmla="*/ 266865 w 2647519"/>
                            <a:gd name="connsiteY468" fmla="*/ 643890 h 2612594"/>
                            <a:gd name="connsiteX469" fmla="*/ 179235 w 2647519"/>
                            <a:gd name="connsiteY469" fmla="*/ 803910 h 2612594"/>
                            <a:gd name="connsiteX470" fmla="*/ 166852 w 2647519"/>
                            <a:gd name="connsiteY470" fmla="*/ 842962 h 2612594"/>
                            <a:gd name="connsiteX471" fmla="*/ 155422 w 2647519"/>
                            <a:gd name="connsiteY471" fmla="*/ 882967 h 2612594"/>
                            <a:gd name="connsiteX472" fmla="*/ 130657 w 2647519"/>
                            <a:gd name="connsiteY472" fmla="*/ 966787 h 2612594"/>
                            <a:gd name="connsiteX473" fmla="*/ 114465 w 2647519"/>
                            <a:gd name="connsiteY473" fmla="*/ 1023937 h 2612594"/>
                            <a:gd name="connsiteX474" fmla="*/ 106845 w 2647519"/>
                            <a:gd name="connsiteY474" fmla="*/ 1066800 h 2612594"/>
                            <a:gd name="connsiteX475" fmla="*/ 103035 w 2647519"/>
                            <a:gd name="connsiteY475" fmla="*/ 1088707 h 2612594"/>
                            <a:gd name="connsiteX476" fmla="*/ 100177 w 2647519"/>
                            <a:gd name="connsiteY476" fmla="*/ 1110615 h 2612594"/>
                            <a:gd name="connsiteX477" fmla="*/ 91605 w 2647519"/>
                            <a:gd name="connsiteY477" fmla="*/ 1169670 h 2612594"/>
                            <a:gd name="connsiteX478" fmla="*/ 88747 w 2647519"/>
                            <a:gd name="connsiteY478" fmla="*/ 1205865 h 2612594"/>
                            <a:gd name="connsiteX479" fmla="*/ 93510 w 2647519"/>
                            <a:gd name="connsiteY479" fmla="*/ 1243965 h 2612594"/>
                            <a:gd name="connsiteX480" fmla="*/ 95742 w 2647519"/>
                            <a:gd name="connsiteY480" fmla="*/ 1223205 h 2612594"/>
                            <a:gd name="connsiteX481" fmla="*/ 95415 w 2647519"/>
                            <a:gd name="connsiteY481" fmla="*/ 1216342 h 2612594"/>
                            <a:gd name="connsiteX482" fmla="*/ 99225 w 2647519"/>
                            <a:gd name="connsiteY482" fmla="*/ 1176337 h 2612594"/>
                            <a:gd name="connsiteX483" fmla="*/ 107797 w 2647519"/>
                            <a:gd name="connsiteY483" fmla="*/ 1117282 h 2612594"/>
                            <a:gd name="connsiteX484" fmla="*/ 114596 w 2647519"/>
                            <a:gd name="connsiteY484" fmla="*/ 1109123 h 2612594"/>
                            <a:gd name="connsiteX485" fmla="*/ 124469 w 2647519"/>
                            <a:gd name="connsiteY485" fmla="*/ 1043051 h 2612594"/>
                            <a:gd name="connsiteX486" fmla="*/ 123990 w 2647519"/>
                            <a:gd name="connsiteY486" fmla="*/ 1031557 h 2612594"/>
                            <a:gd name="connsiteX487" fmla="*/ 133400 w 2647519"/>
                            <a:gd name="connsiteY487" fmla="*/ 1004581 h 2612594"/>
                            <a:gd name="connsiteX488" fmla="*/ 138999 w 2647519"/>
                            <a:gd name="connsiteY488" fmla="*/ 981931 h 2612594"/>
                            <a:gd name="connsiteX489" fmla="*/ 137325 w 2647519"/>
                            <a:gd name="connsiteY489" fmla="*/ 985837 h 2612594"/>
                            <a:gd name="connsiteX490" fmla="*/ 131610 w 2647519"/>
                            <a:gd name="connsiteY490" fmla="*/ 983932 h 2612594"/>
                            <a:gd name="connsiteX491" fmla="*/ 117322 w 2647519"/>
                            <a:gd name="connsiteY491" fmla="*/ 1024890 h 2612594"/>
                            <a:gd name="connsiteX492" fmla="*/ 118275 w 2647519"/>
                            <a:gd name="connsiteY492" fmla="*/ 1047750 h 2612594"/>
                            <a:gd name="connsiteX493" fmla="*/ 111607 w 2647519"/>
                            <a:gd name="connsiteY493" fmla="*/ 1091565 h 2612594"/>
                            <a:gd name="connsiteX494" fmla="*/ 110655 w 2647519"/>
                            <a:gd name="connsiteY494" fmla="*/ 1099185 h 2612594"/>
                            <a:gd name="connsiteX495" fmla="*/ 101130 w 2647519"/>
                            <a:gd name="connsiteY495" fmla="*/ 1110615 h 2612594"/>
                            <a:gd name="connsiteX496" fmla="*/ 103987 w 2647519"/>
                            <a:gd name="connsiteY496" fmla="*/ 1088707 h 2612594"/>
                            <a:gd name="connsiteX497" fmla="*/ 107797 w 2647519"/>
                            <a:gd name="connsiteY497" fmla="*/ 1066800 h 2612594"/>
                            <a:gd name="connsiteX498" fmla="*/ 115417 w 2647519"/>
                            <a:gd name="connsiteY498" fmla="*/ 1023937 h 2612594"/>
                            <a:gd name="connsiteX499" fmla="*/ 131610 w 2647519"/>
                            <a:gd name="connsiteY499" fmla="*/ 966787 h 2612594"/>
                            <a:gd name="connsiteX500" fmla="*/ 156375 w 2647519"/>
                            <a:gd name="connsiteY500" fmla="*/ 882967 h 2612594"/>
                            <a:gd name="connsiteX501" fmla="*/ 167805 w 2647519"/>
                            <a:gd name="connsiteY501" fmla="*/ 842962 h 2612594"/>
                            <a:gd name="connsiteX502" fmla="*/ 180187 w 2647519"/>
                            <a:gd name="connsiteY502" fmla="*/ 803910 h 2612594"/>
                            <a:gd name="connsiteX503" fmla="*/ 267817 w 2647519"/>
                            <a:gd name="connsiteY503" fmla="*/ 643890 h 2612594"/>
                            <a:gd name="connsiteX504" fmla="*/ 276390 w 2647519"/>
                            <a:gd name="connsiteY504" fmla="*/ 613410 h 2612594"/>
                            <a:gd name="connsiteX505" fmla="*/ 293536 w 2647519"/>
                            <a:gd name="connsiteY505" fmla="*/ 518160 h 2612594"/>
                            <a:gd name="connsiteX506" fmla="*/ 293535 w 2647519"/>
                            <a:gd name="connsiteY506" fmla="*/ 518160 h 2612594"/>
                            <a:gd name="connsiteX507" fmla="*/ 298297 w 2647519"/>
                            <a:gd name="connsiteY507" fmla="*/ 521970 h 2612594"/>
                            <a:gd name="connsiteX508" fmla="*/ 298297 w 2647519"/>
                            <a:gd name="connsiteY508" fmla="*/ 521969 h 2612594"/>
                            <a:gd name="connsiteX509" fmla="*/ 465169 w 2647519"/>
                            <a:gd name="connsiteY509" fmla="*/ 382550 h 2612594"/>
                            <a:gd name="connsiteX510" fmla="*/ 464986 w 2647519"/>
                            <a:gd name="connsiteY510" fmla="*/ 382696 h 2612594"/>
                            <a:gd name="connsiteX511" fmla="*/ 464431 w 2647519"/>
                            <a:gd name="connsiteY511" fmla="*/ 383323 h 2612594"/>
                            <a:gd name="connsiteX512" fmla="*/ 456650 w 2647519"/>
                            <a:gd name="connsiteY512" fmla="*/ 391477 h 2612594"/>
                            <a:gd name="connsiteX513" fmla="*/ 454683 w 2647519"/>
                            <a:gd name="connsiteY513" fmla="*/ 394339 h 2612594"/>
                            <a:gd name="connsiteX514" fmla="*/ 453399 w 2647519"/>
                            <a:gd name="connsiteY514" fmla="*/ 395790 h 2612594"/>
                            <a:gd name="connsiteX515" fmla="*/ 447840 w 2647519"/>
                            <a:gd name="connsiteY515" fmla="*/ 403860 h 2612594"/>
                            <a:gd name="connsiteX516" fmla="*/ 389738 w 2647519"/>
                            <a:gd name="connsiteY516" fmla="*/ 472440 h 2612594"/>
                            <a:gd name="connsiteX517" fmla="*/ 373545 w 2647519"/>
                            <a:gd name="connsiteY517" fmla="*/ 491490 h 2612594"/>
                            <a:gd name="connsiteX518" fmla="*/ 357353 w 2647519"/>
                            <a:gd name="connsiteY518" fmla="*/ 511492 h 2612594"/>
                            <a:gd name="connsiteX519" fmla="*/ 285782 w 2647519"/>
                            <a:gd name="connsiteY519" fmla="*/ 590597 h 2612594"/>
                            <a:gd name="connsiteX520" fmla="*/ 358305 w 2647519"/>
                            <a:gd name="connsiteY520" fmla="*/ 510540 h 2612594"/>
                            <a:gd name="connsiteX521" fmla="*/ 374497 w 2647519"/>
                            <a:gd name="connsiteY521" fmla="*/ 490537 h 2612594"/>
                            <a:gd name="connsiteX522" fmla="*/ 390690 w 2647519"/>
                            <a:gd name="connsiteY522" fmla="*/ 471487 h 2612594"/>
                            <a:gd name="connsiteX523" fmla="*/ 448792 w 2647519"/>
                            <a:gd name="connsiteY523" fmla="*/ 402907 h 2612594"/>
                            <a:gd name="connsiteX524" fmla="*/ 454683 w 2647519"/>
                            <a:gd name="connsiteY524" fmla="*/ 394339 h 2612594"/>
                            <a:gd name="connsiteX525" fmla="*/ 464431 w 2647519"/>
                            <a:gd name="connsiteY525" fmla="*/ 383323 h 2612594"/>
                            <a:gd name="connsiteX526" fmla="*/ 489348 w 2647519"/>
                            <a:gd name="connsiteY526" fmla="*/ 316869 h 2612594"/>
                            <a:gd name="connsiteX527" fmla="*/ 481127 w 2647519"/>
                            <a:gd name="connsiteY527" fmla="*/ 319733 h 2612594"/>
                            <a:gd name="connsiteX528" fmla="*/ 475013 w 2647519"/>
                            <a:gd name="connsiteY528" fmla="*/ 322003 h 2612594"/>
                            <a:gd name="connsiteX529" fmla="*/ 473558 w 2647519"/>
                            <a:gd name="connsiteY529" fmla="*/ 323849 h 2612594"/>
                            <a:gd name="connsiteX530" fmla="*/ 463080 w 2647519"/>
                            <a:gd name="connsiteY530" fmla="*/ 333374 h 2612594"/>
                            <a:gd name="connsiteX531" fmla="*/ 436410 w 2647519"/>
                            <a:gd name="connsiteY531" fmla="*/ 350519 h 2612594"/>
                            <a:gd name="connsiteX532" fmla="*/ 418313 w 2647519"/>
                            <a:gd name="connsiteY532" fmla="*/ 370522 h 2612594"/>
                            <a:gd name="connsiteX533" fmla="*/ 401168 w 2647519"/>
                            <a:gd name="connsiteY533" fmla="*/ 390524 h 2612594"/>
                            <a:gd name="connsiteX534" fmla="*/ 389738 w 2647519"/>
                            <a:gd name="connsiteY534" fmla="*/ 401002 h 2612594"/>
                            <a:gd name="connsiteX535" fmla="*/ 389349 w 2647519"/>
                            <a:gd name="connsiteY535" fmla="*/ 400516 h 2612594"/>
                            <a:gd name="connsiteX536" fmla="*/ 378546 w 2647519"/>
                            <a:gd name="connsiteY536" fmla="*/ 413504 h 2612594"/>
                            <a:gd name="connsiteX537" fmla="*/ 360210 w 2647519"/>
                            <a:gd name="connsiteY537" fmla="*/ 436245 h 2612594"/>
                            <a:gd name="connsiteX538" fmla="*/ 330683 w 2647519"/>
                            <a:gd name="connsiteY538" fmla="*/ 468630 h 2612594"/>
                            <a:gd name="connsiteX539" fmla="*/ 335445 w 2647519"/>
                            <a:gd name="connsiteY539" fmla="*/ 474344 h 2612594"/>
                            <a:gd name="connsiteX540" fmla="*/ 335536 w 2647519"/>
                            <a:gd name="connsiteY540" fmla="*/ 474264 h 2612594"/>
                            <a:gd name="connsiteX541" fmla="*/ 331635 w 2647519"/>
                            <a:gd name="connsiteY541" fmla="*/ 469582 h 2612594"/>
                            <a:gd name="connsiteX542" fmla="*/ 361162 w 2647519"/>
                            <a:gd name="connsiteY542" fmla="*/ 437197 h 2612594"/>
                            <a:gd name="connsiteX543" fmla="*/ 390690 w 2647519"/>
                            <a:gd name="connsiteY543" fmla="*/ 401002 h 2612594"/>
                            <a:gd name="connsiteX544" fmla="*/ 402120 w 2647519"/>
                            <a:gd name="connsiteY544" fmla="*/ 390525 h 2612594"/>
                            <a:gd name="connsiteX545" fmla="*/ 419265 w 2647519"/>
                            <a:gd name="connsiteY545" fmla="*/ 370522 h 2612594"/>
                            <a:gd name="connsiteX546" fmla="*/ 437362 w 2647519"/>
                            <a:gd name="connsiteY546" fmla="*/ 350520 h 2612594"/>
                            <a:gd name="connsiteX547" fmla="*/ 464032 w 2647519"/>
                            <a:gd name="connsiteY547" fmla="*/ 333375 h 2612594"/>
                            <a:gd name="connsiteX548" fmla="*/ 474510 w 2647519"/>
                            <a:gd name="connsiteY548" fmla="*/ 323850 h 2612594"/>
                            <a:gd name="connsiteX549" fmla="*/ 485940 w 2647519"/>
                            <a:gd name="connsiteY549" fmla="*/ 319564 h 2612594"/>
                            <a:gd name="connsiteX550" fmla="*/ 489548 w 2647519"/>
                            <a:gd name="connsiteY550" fmla="*/ 318444 h 2612594"/>
                            <a:gd name="connsiteX551" fmla="*/ 1868970 w 2647519"/>
                            <a:gd name="connsiteY551" fmla="*/ 144780 h 2612594"/>
                            <a:gd name="connsiteX552" fmla="*/ 1917547 w 2647519"/>
                            <a:gd name="connsiteY552" fmla="*/ 166687 h 2612594"/>
                            <a:gd name="connsiteX553" fmla="*/ 1938502 w 2647519"/>
                            <a:gd name="connsiteY553" fmla="*/ 183832 h 2612594"/>
                            <a:gd name="connsiteX554" fmla="*/ 1891830 w 2647519"/>
                            <a:gd name="connsiteY554" fmla="*/ 160972 h 2612594"/>
                            <a:gd name="connsiteX555" fmla="*/ 1868970 w 2647519"/>
                            <a:gd name="connsiteY555" fmla="*/ 144780 h 2612594"/>
                            <a:gd name="connsiteX556" fmla="*/ 1710855 w 2647519"/>
                            <a:gd name="connsiteY556" fmla="*/ 75247 h 2612594"/>
                            <a:gd name="connsiteX557" fmla="*/ 1748955 w 2647519"/>
                            <a:gd name="connsiteY557" fmla="*/ 83819 h 2612594"/>
                            <a:gd name="connsiteX558" fmla="*/ 1802295 w 2647519"/>
                            <a:gd name="connsiteY558" fmla="*/ 110489 h 2612594"/>
                            <a:gd name="connsiteX559" fmla="*/ 1710855 w 2647519"/>
                            <a:gd name="connsiteY559" fmla="*/ 75247 h 2612594"/>
                            <a:gd name="connsiteX560" fmla="*/ 1137451 w 2647519"/>
                            <a:gd name="connsiteY560" fmla="*/ 68937 h 2612594"/>
                            <a:gd name="connsiteX561" fmla="*/ 1117448 w 2647519"/>
                            <a:gd name="connsiteY561" fmla="*/ 71437 h 2612594"/>
                            <a:gd name="connsiteX562" fmla="*/ 1074585 w 2647519"/>
                            <a:gd name="connsiteY562" fmla="*/ 77152 h 2612594"/>
                            <a:gd name="connsiteX563" fmla="*/ 1032675 w 2647519"/>
                            <a:gd name="connsiteY563" fmla="*/ 86677 h 2612594"/>
                            <a:gd name="connsiteX564" fmla="*/ 1014578 w 2647519"/>
                            <a:gd name="connsiteY564" fmla="*/ 92392 h 2612594"/>
                            <a:gd name="connsiteX565" fmla="*/ 993623 w 2647519"/>
                            <a:gd name="connsiteY565" fmla="*/ 98107 h 2612594"/>
                            <a:gd name="connsiteX566" fmla="*/ 947769 w 2647519"/>
                            <a:gd name="connsiteY566" fmla="*/ 107115 h 2612594"/>
                            <a:gd name="connsiteX567" fmla="*/ 939330 w 2647519"/>
                            <a:gd name="connsiteY567" fmla="*/ 110490 h 2612594"/>
                            <a:gd name="connsiteX568" fmla="*/ 881228 w 2647519"/>
                            <a:gd name="connsiteY568" fmla="*/ 130492 h 2612594"/>
                            <a:gd name="connsiteX569" fmla="*/ 824078 w 2647519"/>
                            <a:gd name="connsiteY569" fmla="*/ 153352 h 2612594"/>
                            <a:gd name="connsiteX570" fmla="*/ 784073 w 2647519"/>
                            <a:gd name="connsiteY570" fmla="*/ 171450 h 2612594"/>
                            <a:gd name="connsiteX571" fmla="*/ 757403 w 2647519"/>
                            <a:gd name="connsiteY571" fmla="*/ 181927 h 2612594"/>
                            <a:gd name="connsiteX572" fmla="*/ 691680 w 2647519"/>
                            <a:gd name="connsiteY572" fmla="*/ 212407 h 2612594"/>
                            <a:gd name="connsiteX573" fmla="*/ 660248 w 2647519"/>
                            <a:gd name="connsiteY573" fmla="*/ 232410 h 2612594"/>
                            <a:gd name="connsiteX574" fmla="*/ 629768 w 2647519"/>
                            <a:gd name="connsiteY574" fmla="*/ 252412 h 2612594"/>
                            <a:gd name="connsiteX575" fmla="*/ 581190 w 2647519"/>
                            <a:gd name="connsiteY575" fmla="*/ 288607 h 2612594"/>
                            <a:gd name="connsiteX576" fmla="*/ 535470 w 2647519"/>
                            <a:gd name="connsiteY576" fmla="*/ 324802 h 2612594"/>
                            <a:gd name="connsiteX577" fmla="*/ 491713 w 2647519"/>
                            <a:gd name="connsiteY577" fmla="*/ 362974 h 2612594"/>
                            <a:gd name="connsiteX578" fmla="*/ 495465 w 2647519"/>
                            <a:gd name="connsiteY578" fmla="*/ 367665 h 2612594"/>
                            <a:gd name="connsiteX579" fmla="*/ 504752 w 2647519"/>
                            <a:gd name="connsiteY579" fmla="*/ 361295 h 2612594"/>
                            <a:gd name="connsiteX580" fmla="*/ 512656 w 2647519"/>
                            <a:gd name="connsiteY580" fmla="*/ 355403 h 2612594"/>
                            <a:gd name="connsiteX581" fmla="*/ 541185 w 2647519"/>
                            <a:gd name="connsiteY581" fmla="*/ 330517 h 2612594"/>
                            <a:gd name="connsiteX582" fmla="*/ 586905 w 2647519"/>
                            <a:gd name="connsiteY582" fmla="*/ 294322 h 2612594"/>
                            <a:gd name="connsiteX583" fmla="*/ 635482 w 2647519"/>
                            <a:gd name="connsiteY583" fmla="*/ 258127 h 2612594"/>
                            <a:gd name="connsiteX584" fmla="*/ 665962 w 2647519"/>
                            <a:gd name="connsiteY584" fmla="*/ 238124 h 2612594"/>
                            <a:gd name="connsiteX585" fmla="*/ 697395 w 2647519"/>
                            <a:gd name="connsiteY585" fmla="*/ 218122 h 2612594"/>
                            <a:gd name="connsiteX586" fmla="*/ 763117 w 2647519"/>
                            <a:gd name="connsiteY586" fmla="*/ 187642 h 2612594"/>
                            <a:gd name="connsiteX587" fmla="*/ 788835 w 2647519"/>
                            <a:gd name="connsiteY587" fmla="*/ 174307 h 2612594"/>
                            <a:gd name="connsiteX588" fmla="*/ 828840 w 2647519"/>
                            <a:gd name="connsiteY588" fmla="*/ 156209 h 2612594"/>
                            <a:gd name="connsiteX589" fmla="*/ 885990 w 2647519"/>
                            <a:gd name="connsiteY589" fmla="*/ 133349 h 2612594"/>
                            <a:gd name="connsiteX590" fmla="*/ 944092 w 2647519"/>
                            <a:gd name="connsiteY590" fmla="*/ 113347 h 2612594"/>
                            <a:gd name="connsiteX591" fmla="*/ 968499 w 2647519"/>
                            <a:gd name="connsiteY591" fmla="*/ 108553 h 2612594"/>
                            <a:gd name="connsiteX592" fmla="*/ 980289 w 2647519"/>
                            <a:gd name="connsiteY592" fmla="*/ 104524 h 2612594"/>
                            <a:gd name="connsiteX593" fmla="*/ 1140765 w 2647519"/>
                            <a:gd name="connsiteY593" fmla="*/ 69904 h 2612594"/>
                            <a:gd name="connsiteX594" fmla="*/ 1478087 w 2647519"/>
                            <a:gd name="connsiteY594" fmla="*/ 48458 h 2612594"/>
                            <a:gd name="connsiteX595" fmla="*/ 1498447 w 2647519"/>
                            <a:gd name="connsiteY595" fmla="*/ 50482 h 2612594"/>
                            <a:gd name="connsiteX596" fmla="*/ 1526070 w 2647519"/>
                            <a:gd name="connsiteY596" fmla="*/ 60007 h 2612594"/>
                            <a:gd name="connsiteX597" fmla="*/ 1505115 w 2647519"/>
                            <a:gd name="connsiteY597" fmla="*/ 57150 h 2612594"/>
                            <a:gd name="connsiteX598" fmla="*/ 1461300 w 2647519"/>
                            <a:gd name="connsiteY598" fmla="*/ 48577 h 2612594"/>
                            <a:gd name="connsiteX599" fmla="*/ 1478087 w 2647519"/>
                            <a:gd name="connsiteY599" fmla="*/ 48458 h 2612594"/>
                            <a:gd name="connsiteX600" fmla="*/ 1588935 w 2647519"/>
                            <a:gd name="connsiteY600" fmla="*/ 40957 h 2612594"/>
                            <a:gd name="connsiteX601" fmla="*/ 1627987 w 2647519"/>
                            <a:gd name="connsiteY601" fmla="*/ 43814 h 2612594"/>
                            <a:gd name="connsiteX602" fmla="*/ 1675612 w 2647519"/>
                            <a:gd name="connsiteY602" fmla="*/ 62864 h 2612594"/>
                            <a:gd name="connsiteX603" fmla="*/ 1616557 w 2647519"/>
                            <a:gd name="connsiteY603" fmla="*/ 52387 h 2612594"/>
                            <a:gd name="connsiteX604" fmla="*/ 1588935 w 2647519"/>
                            <a:gd name="connsiteY604" fmla="*/ 40957 h 2612594"/>
                            <a:gd name="connsiteX605" fmla="*/ 1270324 w 2647519"/>
                            <a:gd name="connsiteY605" fmla="*/ 40719 h 2612594"/>
                            <a:gd name="connsiteX606" fmla="*/ 1160310 w 2647519"/>
                            <a:gd name="connsiteY606" fmla="*/ 46672 h 2612594"/>
                            <a:gd name="connsiteX607" fmla="*/ 1084110 w 2647519"/>
                            <a:gd name="connsiteY607" fmla="*/ 57149 h 2612594"/>
                            <a:gd name="connsiteX608" fmla="*/ 1047915 w 2647519"/>
                            <a:gd name="connsiteY608" fmla="*/ 66674 h 2612594"/>
                            <a:gd name="connsiteX609" fmla="*/ 1016482 w 2647519"/>
                            <a:gd name="connsiteY609" fmla="*/ 78104 h 2612594"/>
                            <a:gd name="connsiteX610" fmla="*/ 972667 w 2647519"/>
                            <a:gd name="connsiteY610" fmla="*/ 83819 h 2612594"/>
                            <a:gd name="connsiteX611" fmla="*/ 806932 w 2647519"/>
                            <a:gd name="connsiteY611" fmla="*/ 147637 h 2612594"/>
                            <a:gd name="connsiteX612" fmla="*/ 746925 w 2647519"/>
                            <a:gd name="connsiteY612" fmla="*/ 174307 h 2612594"/>
                            <a:gd name="connsiteX613" fmla="*/ 728827 w 2647519"/>
                            <a:gd name="connsiteY613" fmla="*/ 180974 h 2612594"/>
                            <a:gd name="connsiteX614" fmla="*/ 712635 w 2647519"/>
                            <a:gd name="connsiteY614" fmla="*/ 189547 h 2612594"/>
                            <a:gd name="connsiteX615" fmla="*/ 682155 w 2647519"/>
                            <a:gd name="connsiteY615" fmla="*/ 205739 h 2612594"/>
                            <a:gd name="connsiteX616" fmla="*/ 634530 w 2647519"/>
                            <a:gd name="connsiteY616" fmla="*/ 230504 h 2612594"/>
                            <a:gd name="connsiteX617" fmla="*/ 598335 w 2647519"/>
                            <a:gd name="connsiteY617" fmla="*/ 259079 h 2612594"/>
                            <a:gd name="connsiteX618" fmla="*/ 493560 w 2647519"/>
                            <a:gd name="connsiteY618" fmla="*/ 340994 h 2612594"/>
                            <a:gd name="connsiteX619" fmla="*/ 471664 w 2647519"/>
                            <a:gd name="connsiteY619" fmla="*/ 360034 h 2612594"/>
                            <a:gd name="connsiteX620" fmla="*/ 450243 w 2647519"/>
                            <a:gd name="connsiteY620" fmla="*/ 379593 h 2612594"/>
                            <a:gd name="connsiteX621" fmla="*/ 450697 w 2647519"/>
                            <a:gd name="connsiteY621" fmla="*/ 380047 h 2612594"/>
                            <a:gd name="connsiteX622" fmla="*/ 285915 w 2647519"/>
                            <a:gd name="connsiteY622" fmla="*/ 573404 h 2612594"/>
                            <a:gd name="connsiteX623" fmla="*/ 252577 w 2647519"/>
                            <a:gd name="connsiteY623" fmla="*/ 619124 h 2612594"/>
                            <a:gd name="connsiteX624" fmla="*/ 237337 w 2647519"/>
                            <a:gd name="connsiteY624" fmla="*/ 646747 h 2612594"/>
                            <a:gd name="connsiteX625" fmla="*/ 222097 w 2647519"/>
                            <a:gd name="connsiteY625" fmla="*/ 672464 h 2612594"/>
                            <a:gd name="connsiteX626" fmla="*/ 193522 w 2647519"/>
                            <a:gd name="connsiteY626" fmla="*/ 725804 h 2612594"/>
                            <a:gd name="connsiteX627" fmla="*/ 162439 w 2647519"/>
                            <a:gd name="connsiteY627" fmla="*/ 774784 h 2612594"/>
                            <a:gd name="connsiteX628" fmla="*/ 162090 w 2647519"/>
                            <a:gd name="connsiteY628" fmla="*/ 776287 h 2612594"/>
                            <a:gd name="connsiteX629" fmla="*/ 151612 w 2647519"/>
                            <a:gd name="connsiteY629" fmla="*/ 804862 h 2612594"/>
                            <a:gd name="connsiteX630" fmla="*/ 143992 w 2647519"/>
                            <a:gd name="connsiteY630" fmla="*/ 818197 h 2612594"/>
                            <a:gd name="connsiteX631" fmla="*/ 142087 w 2647519"/>
                            <a:gd name="connsiteY631" fmla="*/ 820102 h 2612594"/>
                            <a:gd name="connsiteX632" fmla="*/ 133634 w 2647519"/>
                            <a:gd name="connsiteY632" fmla="*/ 848201 h 2612594"/>
                            <a:gd name="connsiteX633" fmla="*/ 131610 w 2647519"/>
                            <a:gd name="connsiteY633" fmla="*/ 864870 h 2612594"/>
                            <a:gd name="connsiteX634" fmla="*/ 129705 w 2647519"/>
                            <a:gd name="connsiteY634" fmla="*/ 888682 h 2612594"/>
                            <a:gd name="connsiteX635" fmla="*/ 116370 w 2647519"/>
                            <a:gd name="connsiteY635" fmla="*/ 927735 h 2612594"/>
                            <a:gd name="connsiteX636" fmla="*/ 103987 w 2647519"/>
                            <a:gd name="connsiteY636" fmla="*/ 966787 h 2612594"/>
                            <a:gd name="connsiteX637" fmla="*/ 90652 w 2647519"/>
                            <a:gd name="connsiteY637" fmla="*/ 1023937 h 2612594"/>
                            <a:gd name="connsiteX638" fmla="*/ 83032 w 2647519"/>
                            <a:gd name="connsiteY638" fmla="*/ 1076325 h 2612594"/>
                            <a:gd name="connsiteX639" fmla="*/ 78270 w 2647519"/>
                            <a:gd name="connsiteY639" fmla="*/ 1128712 h 2612594"/>
                            <a:gd name="connsiteX640" fmla="*/ 84937 w 2647519"/>
                            <a:gd name="connsiteY640" fmla="*/ 1092517 h 2612594"/>
                            <a:gd name="connsiteX641" fmla="*/ 85555 w 2647519"/>
                            <a:gd name="connsiteY641" fmla="*/ 1089530 h 2612594"/>
                            <a:gd name="connsiteX642" fmla="*/ 86842 w 2647519"/>
                            <a:gd name="connsiteY642" fmla="*/ 1075372 h 2612594"/>
                            <a:gd name="connsiteX643" fmla="*/ 94462 w 2647519"/>
                            <a:gd name="connsiteY643" fmla="*/ 1022985 h 2612594"/>
                            <a:gd name="connsiteX644" fmla="*/ 96848 w 2647519"/>
                            <a:gd name="connsiteY644" fmla="*/ 1023781 h 2612594"/>
                            <a:gd name="connsiteX645" fmla="*/ 97055 w 2647519"/>
                            <a:gd name="connsiteY645" fmla="*/ 1022896 h 2612594"/>
                            <a:gd name="connsiteX646" fmla="*/ 94463 w 2647519"/>
                            <a:gd name="connsiteY646" fmla="*/ 1022032 h 2612594"/>
                            <a:gd name="connsiteX647" fmla="*/ 107798 w 2647519"/>
                            <a:gd name="connsiteY647" fmla="*/ 964882 h 2612594"/>
                            <a:gd name="connsiteX648" fmla="*/ 120180 w 2647519"/>
                            <a:gd name="connsiteY648" fmla="*/ 925829 h 2612594"/>
                            <a:gd name="connsiteX649" fmla="*/ 133454 w 2647519"/>
                            <a:gd name="connsiteY649" fmla="*/ 886956 h 2612594"/>
                            <a:gd name="connsiteX650" fmla="*/ 132563 w 2647519"/>
                            <a:gd name="connsiteY650" fmla="*/ 886777 h 2612594"/>
                            <a:gd name="connsiteX651" fmla="*/ 134468 w 2647519"/>
                            <a:gd name="connsiteY651" fmla="*/ 862965 h 2612594"/>
                            <a:gd name="connsiteX652" fmla="*/ 144945 w 2647519"/>
                            <a:gd name="connsiteY652" fmla="*/ 818197 h 2612594"/>
                            <a:gd name="connsiteX653" fmla="*/ 152565 w 2647519"/>
                            <a:gd name="connsiteY653" fmla="*/ 804862 h 2612594"/>
                            <a:gd name="connsiteX654" fmla="*/ 152821 w 2647519"/>
                            <a:gd name="connsiteY654" fmla="*/ 804166 h 2612594"/>
                            <a:gd name="connsiteX655" fmla="*/ 163043 w 2647519"/>
                            <a:gd name="connsiteY655" fmla="*/ 776287 h 2612594"/>
                            <a:gd name="connsiteX656" fmla="*/ 194475 w 2647519"/>
                            <a:gd name="connsiteY656" fmla="*/ 726757 h 2612594"/>
                            <a:gd name="connsiteX657" fmla="*/ 223050 w 2647519"/>
                            <a:gd name="connsiteY657" fmla="*/ 673417 h 2612594"/>
                            <a:gd name="connsiteX658" fmla="*/ 238290 w 2647519"/>
                            <a:gd name="connsiteY658" fmla="*/ 647700 h 2612594"/>
                            <a:gd name="connsiteX659" fmla="*/ 253530 w 2647519"/>
                            <a:gd name="connsiteY659" fmla="*/ 620077 h 2612594"/>
                            <a:gd name="connsiteX660" fmla="*/ 286868 w 2647519"/>
                            <a:gd name="connsiteY660" fmla="*/ 574357 h 2612594"/>
                            <a:gd name="connsiteX661" fmla="*/ 451650 w 2647519"/>
                            <a:gd name="connsiteY661" fmla="*/ 381000 h 2612594"/>
                            <a:gd name="connsiteX662" fmla="*/ 495465 w 2647519"/>
                            <a:gd name="connsiteY662" fmla="*/ 340995 h 2612594"/>
                            <a:gd name="connsiteX663" fmla="*/ 600240 w 2647519"/>
                            <a:gd name="connsiteY663" fmla="*/ 259080 h 2612594"/>
                            <a:gd name="connsiteX664" fmla="*/ 636435 w 2647519"/>
                            <a:gd name="connsiteY664" fmla="*/ 230505 h 2612594"/>
                            <a:gd name="connsiteX665" fmla="*/ 684060 w 2647519"/>
                            <a:gd name="connsiteY665" fmla="*/ 205740 h 2612594"/>
                            <a:gd name="connsiteX666" fmla="*/ 714540 w 2647519"/>
                            <a:gd name="connsiteY666" fmla="*/ 189547 h 2612594"/>
                            <a:gd name="connsiteX667" fmla="*/ 730733 w 2647519"/>
                            <a:gd name="connsiteY667" fmla="*/ 180975 h 2612594"/>
                            <a:gd name="connsiteX668" fmla="*/ 748830 w 2647519"/>
                            <a:gd name="connsiteY668" fmla="*/ 174307 h 2612594"/>
                            <a:gd name="connsiteX669" fmla="*/ 808838 w 2647519"/>
                            <a:gd name="connsiteY669" fmla="*/ 147637 h 2612594"/>
                            <a:gd name="connsiteX670" fmla="*/ 974573 w 2647519"/>
                            <a:gd name="connsiteY670" fmla="*/ 83820 h 2612594"/>
                            <a:gd name="connsiteX671" fmla="*/ 1018388 w 2647519"/>
                            <a:gd name="connsiteY671" fmla="*/ 78105 h 2612594"/>
                            <a:gd name="connsiteX672" fmla="*/ 1049820 w 2647519"/>
                            <a:gd name="connsiteY672" fmla="*/ 66675 h 2612594"/>
                            <a:gd name="connsiteX673" fmla="*/ 1086015 w 2647519"/>
                            <a:gd name="connsiteY673" fmla="*/ 57150 h 2612594"/>
                            <a:gd name="connsiteX674" fmla="*/ 1162215 w 2647519"/>
                            <a:gd name="connsiteY674" fmla="*/ 46672 h 2612594"/>
                            <a:gd name="connsiteX675" fmla="*/ 1272229 w 2647519"/>
                            <a:gd name="connsiteY675" fmla="*/ 41076 h 2612594"/>
                            <a:gd name="connsiteX676" fmla="*/ 1360655 w 2647519"/>
                            <a:gd name="connsiteY676" fmla="*/ 44043 h 2612594"/>
                            <a:gd name="connsiteX677" fmla="*/ 1404150 w 2647519"/>
                            <a:gd name="connsiteY677" fmla="*/ 0 h 2612594"/>
                            <a:gd name="connsiteX678" fmla="*/ 1448917 w 2647519"/>
                            <a:gd name="connsiteY678" fmla="*/ 2857 h 2612594"/>
                            <a:gd name="connsiteX679" fmla="*/ 1494637 w 2647519"/>
                            <a:gd name="connsiteY679" fmla="*/ 7620 h 2612594"/>
                            <a:gd name="connsiteX680" fmla="*/ 1525117 w 2647519"/>
                            <a:gd name="connsiteY680" fmla="*/ 15240 h 2612594"/>
                            <a:gd name="connsiteX681" fmla="*/ 1545120 w 2647519"/>
                            <a:gd name="connsiteY681" fmla="*/ 24765 h 2612594"/>
                            <a:gd name="connsiteX682" fmla="*/ 1569885 w 2647519"/>
                            <a:gd name="connsiteY682" fmla="*/ 20002 h 2612594"/>
                            <a:gd name="connsiteX683" fmla="*/ 1607032 w 2647519"/>
                            <a:gd name="connsiteY683" fmla="*/ 28575 h 2612594"/>
                            <a:gd name="connsiteX684" fmla="*/ 1629892 w 2647519"/>
                            <a:gd name="connsiteY684" fmla="*/ 35242 h 2612594"/>
                            <a:gd name="connsiteX685" fmla="*/ 1628940 w 2647519"/>
                            <a:gd name="connsiteY685" fmla="*/ 36195 h 2612594"/>
                            <a:gd name="connsiteX686" fmla="*/ 1627987 w 2647519"/>
                            <a:gd name="connsiteY686" fmla="*/ 42862 h 2612594"/>
                            <a:gd name="connsiteX687" fmla="*/ 1588935 w 2647519"/>
                            <a:gd name="connsiteY687" fmla="*/ 40005 h 2612594"/>
                            <a:gd name="connsiteX688" fmla="*/ 1575600 w 2647519"/>
                            <a:gd name="connsiteY688" fmla="*/ 36195 h 2612594"/>
                            <a:gd name="connsiteX689" fmla="*/ 1562265 w 2647519"/>
                            <a:gd name="connsiteY689" fmla="*/ 33337 h 2612594"/>
                            <a:gd name="connsiteX690" fmla="*/ 1536547 w 2647519"/>
                            <a:gd name="connsiteY690" fmla="*/ 27622 h 2612594"/>
                            <a:gd name="connsiteX691" fmla="*/ 1510830 w 2647519"/>
                            <a:gd name="connsiteY691" fmla="*/ 21907 h 2612594"/>
                            <a:gd name="connsiteX692" fmla="*/ 1484160 w 2647519"/>
                            <a:gd name="connsiteY692" fmla="*/ 18097 h 2612594"/>
                            <a:gd name="connsiteX693" fmla="*/ 1454633 w 2647519"/>
                            <a:gd name="connsiteY693" fmla="*/ 18097 h 2612594"/>
                            <a:gd name="connsiteX694" fmla="*/ 1430820 w 2647519"/>
                            <a:gd name="connsiteY694" fmla="*/ 18097 h 2612594"/>
                            <a:gd name="connsiteX695" fmla="*/ 1393673 w 2647519"/>
                            <a:gd name="connsiteY695" fmla="*/ 18097 h 2612594"/>
                            <a:gd name="connsiteX696" fmla="*/ 1391928 w 2647519"/>
                            <a:gd name="connsiteY696" fmla="*/ 17540 h 2612594"/>
                            <a:gd name="connsiteX697" fmla="*/ 1375575 w 2647519"/>
                            <a:gd name="connsiteY697" fmla="*/ 25717 h 2612594"/>
                            <a:gd name="connsiteX698" fmla="*/ 1381290 w 2647519"/>
                            <a:gd name="connsiteY698" fmla="*/ 35242 h 2612594"/>
                            <a:gd name="connsiteX699" fmla="*/ 1438440 w 2647519"/>
                            <a:gd name="connsiteY699" fmla="*/ 46672 h 2612594"/>
                            <a:gd name="connsiteX700" fmla="*/ 1413008 w 2647519"/>
                            <a:gd name="connsiteY700" fmla="*/ 47116 h 2612594"/>
                            <a:gd name="connsiteX701" fmla="*/ 1413437 w 2647519"/>
                            <a:gd name="connsiteY701" fmla="*/ 47149 h 2612594"/>
                            <a:gd name="connsiteX702" fmla="*/ 1440345 w 2647519"/>
                            <a:gd name="connsiteY702" fmla="*/ 46672 h 2612594"/>
                            <a:gd name="connsiteX703" fmla="*/ 1463205 w 2647519"/>
                            <a:gd name="connsiteY703" fmla="*/ 49530 h 2612594"/>
                            <a:gd name="connsiteX704" fmla="*/ 1507020 w 2647519"/>
                            <a:gd name="connsiteY704" fmla="*/ 58102 h 2612594"/>
                            <a:gd name="connsiteX705" fmla="*/ 1527975 w 2647519"/>
                            <a:gd name="connsiteY705" fmla="*/ 60960 h 2612594"/>
                            <a:gd name="connsiteX706" fmla="*/ 1563218 w 2647519"/>
                            <a:gd name="connsiteY706" fmla="*/ 68580 h 2612594"/>
                            <a:gd name="connsiteX707" fmla="*/ 1599413 w 2647519"/>
                            <a:gd name="connsiteY707" fmla="*/ 76200 h 2612594"/>
                            <a:gd name="connsiteX708" fmla="*/ 1634655 w 2647519"/>
                            <a:gd name="connsiteY708" fmla="*/ 84772 h 2612594"/>
                            <a:gd name="connsiteX709" fmla="*/ 1669898 w 2647519"/>
                            <a:gd name="connsiteY709" fmla="*/ 95250 h 2612594"/>
                            <a:gd name="connsiteX710" fmla="*/ 1687043 w 2647519"/>
                            <a:gd name="connsiteY710" fmla="*/ 100012 h 2612594"/>
                            <a:gd name="connsiteX711" fmla="*/ 1704188 w 2647519"/>
                            <a:gd name="connsiteY711" fmla="*/ 105727 h 2612594"/>
                            <a:gd name="connsiteX712" fmla="*/ 1704409 w 2647519"/>
                            <a:gd name="connsiteY712" fmla="*/ 105929 h 2612594"/>
                            <a:gd name="connsiteX713" fmla="*/ 1716704 w 2647519"/>
                            <a:gd name="connsiteY713" fmla="*/ 108049 h 2612594"/>
                            <a:gd name="connsiteX714" fmla="*/ 1746499 w 2647519"/>
                            <a:gd name="connsiteY714" fmla="*/ 119121 h 2612594"/>
                            <a:gd name="connsiteX715" fmla="*/ 1750661 w 2647519"/>
                            <a:gd name="connsiteY715" fmla="*/ 125427 h 2612594"/>
                            <a:gd name="connsiteX716" fmla="*/ 1751813 w 2647519"/>
                            <a:gd name="connsiteY716" fmla="*/ 125730 h 2612594"/>
                            <a:gd name="connsiteX717" fmla="*/ 1778483 w 2647519"/>
                            <a:gd name="connsiteY717" fmla="*/ 136207 h 2612594"/>
                            <a:gd name="connsiteX718" fmla="*/ 1801343 w 2647519"/>
                            <a:gd name="connsiteY718" fmla="*/ 145732 h 2612594"/>
                            <a:gd name="connsiteX719" fmla="*/ 1824203 w 2647519"/>
                            <a:gd name="connsiteY719" fmla="*/ 156210 h 2612594"/>
                            <a:gd name="connsiteX720" fmla="*/ 1841348 w 2647519"/>
                            <a:gd name="connsiteY720" fmla="*/ 165735 h 2612594"/>
                            <a:gd name="connsiteX721" fmla="*/ 1852778 w 2647519"/>
                            <a:gd name="connsiteY721" fmla="*/ 171450 h 2612594"/>
                            <a:gd name="connsiteX722" fmla="*/ 1865160 w 2647519"/>
                            <a:gd name="connsiteY722" fmla="*/ 178117 h 2612594"/>
                            <a:gd name="connsiteX723" fmla="*/ 1907070 w 2647519"/>
                            <a:gd name="connsiteY723" fmla="*/ 201930 h 2612594"/>
                            <a:gd name="connsiteX724" fmla="*/ 1960410 w 2647519"/>
                            <a:gd name="connsiteY724" fmla="*/ 236220 h 2612594"/>
                            <a:gd name="connsiteX725" fmla="*/ 1988033 w 2647519"/>
                            <a:gd name="connsiteY725" fmla="*/ 255270 h 2612594"/>
                            <a:gd name="connsiteX726" fmla="*/ 1988832 w 2647519"/>
                            <a:gd name="connsiteY726" fmla="*/ 255841 h 2612594"/>
                            <a:gd name="connsiteX727" fmla="*/ 2002949 w 2647519"/>
                            <a:gd name="connsiteY727" fmla="*/ 264417 h 2612594"/>
                            <a:gd name="connsiteX728" fmla="*/ 2540483 w 2647519"/>
                            <a:gd name="connsiteY728" fmla="*/ 1275397 h 2612594"/>
                            <a:gd name="connsiteX729" fmla="*/ 2540080 w 2647519"/>
                            <a:gd name="connsiteY729" fmla="*/ 1283368 h 2612594"/>
                            <a:gd name="connsiteX730" fmla="*/ 2550960 w 2647519"/>
                            <a:gd name="connsiteY730" fmla="*/ 1284922 h 2612594"/>
                            <a:gd name="connsiteX731" fmla="*/ 2561437 w 2647519"/>
                            <a:gd name="connsiteY731" fmla="*/ 1292542 h 2612594"/>
                            <a:gd name="connsiteX732" fmla="*/ 2566200 w 2647519"/>
                            <a:gd name="connsiteY732" fmla="*/ 1318259 h 2612594"/>
                            <a:gd name="connsiteX733" fmla="*/ 2584297 w 2647519"/>
                            <a:gd name="connsiteY733" fmla="*/ 1348739 h 2612594"/>
                            <a:gd name="connsiteX734" fmla="*/ 2591918 w 2647519"/>
                            <a:gd name="connsiteY734" fmla="*/ 1349432 h 2612594"/>
                            <a:gd name="connsiteX735" fmla="*/ 2591918 w 2647519"/>
                            <a:gd name="connsiteY735" fmla="*/ 1342072 h 2612594"/>
                            <a:gd name="connsiteX736" fmla="*/ 2599661 w 2647519"/>
                            <a:gd name="connsiteY736" fmla="*/ 1320563 h 2612594"/>
                            <a:gd name="connsiteX737" fmla="*/ 2599537 w 2647519"/>
                            <a:gd name="connsiteY737" fmla="*/ 1316355 h 2612594"/>
                            <a:gd name="connsiteX738" fmla="*/ 2607157 w 2647519"/>
                            <a:gd name="connsiteY738" fmla="*/ 1290637 h 2612594"/>
                            <a:gd name="connsiteX739" fmla="*/ 2617635 w 2647519"/>
                            <a:gd name="connsiteY739" fmla="*/ 1290637 h 2612594"/>
                            <a:gd name="connsiteX740" fmla="*/ 2633827 w 2647519"/>
                            <a:gd name="connsiteY740" fmla="*/ 1280160 h 2612594"/>
                            <a:gd name="connsiteX741" fmla="*/ 2635732 w 2647519"/>
                            <a:gd name="connsiteY741" fmla="*/ 1322070 h 2612594"/>
                            <a:gd name="connsiteX742" fmla="*/ 2630970 w 2647519"/>
                            <a:gd name="connsiteY742" fmla="*/ 1342072 h 2612594"/>
                            <a:gd name="connsiteX743" fmla="*/ 2625255 w 2647519"/>
                            <a:gd name="connsiteY743" fmla="*/ 1361122 h 2612594"/>
                            <a:gd name="connsiteX744" fmla="*/ 2622397 w 2647519"/>
                            <a:gd name="connsiteY744" fmla="*/ 1392555 h 2612594"/>
                            <a:gd name="connsiteX745" fmla="*/ 2621445 w 2647519"/>
                            <a:gd name="connsiteY745" fmla="*/ 1408747 h 2612594"/>
                            <a:gd name="connsiteX746" fmla="*/ 2619540 w 2647519"/>
                            <a:gd name="connsiteY746" fmla="*/ 1424940 h 2612594"/>
                            <a:gd name="connsiteX747" fmla="*/ 2615478 w 2647519"/>
                            <a:gd name="connsiteY747" fmla="*/ 1427648 h 2612594"/>
                            <a:gd name="connsiteX748" fmla="*/ 2615730 w 2647519"/>
                            <a:gd name="connsiteY748" fmla="*/ 1428749 h 2612594"/>
                            <a:gd name="connsiteX749" fmla="*/ 2619621 w 2647519"/>
                            <a:gd name="connsiteY749" fmla="*/ 1426155 h 2612594"/>
                            <a:gd name="connsiteX750" fmla="*/ 2621445 w 2647519"/>
                            <a:gd name="connsiteY750" fmla="*/ 1410652 h 2612594"/>
                            <a:gd name="connsiteX751" fmla="*/ 2622397 w 2647519"/>
                            <a:gd name="connsiteY751" fmla="*/ 1394460 h 2612594"/>
                            <a:gd name="connsiteX752" fmla="*/ 2625255 w 2647519"/>
                            <a:gd name="connsiteY752" fmla="*/ 1363027 h 2612594"/>
                            <a:gd name="connsiteX753" fmla="*/ 2630970 w 2647519"/>
                            <a:gd name="connsiteY753" fmla="*/ 1343977 h 2612594"/>
                            <a:gd name="connsiteX754" fmla="*/ 2635732 w 2647519"/>
                            <a:gd name="connsiteY754" fmla="*/ 1323975 h 2612594"/>
                            <a:gd name="connsiteX755" fmla="*/ 2643352 w 2647519"/>
                            <a:gd name="connsiteY755" fmla="*/ 1329690 h 2612594"/>
                            <a:gd name="connsiteX756" fmla="*/ 2642400 w 2647519"/>
                            <a:gd name="connsiteY756" fmla="*/ 1343977 h 2612594"/>
                            <a:gd name="connsiteX757" fmla="*/ 2640495 w 2647519"/>
                            <a:gd name="connsiteY757" fmla="*/ 1358265 h 2612594"/>
                            <a:gd name="connsiteX758" fmla="*/ 2639542 w 2647519"/>
                            <a:gd name="connsiteY758" fmla="*/ 1384935 h 2612594"/>
                            <a:gd name="connsiteX759" fmla="*/ 2637637 w 2647519"/>
                            <a:gd name="connsiteY759" fmla="*/ 1416367 h 2612594"/>
                            <a:gd name="connsiteX760" fmla="*/ 2632875 w 2647519"/>
                            <a:gd name="connsiteY760" fmla="*/ 1449705 h 2612594"/>
                            <a:gd name="connsiteX761" fmla="*/ 2627160 w 2647519"/>
                            <a:gd name="connsiteY761" fmla="*/ 1484947 h 2612594"/>
                            <a:gd name="connsiteX762" fmla="*/ 2620492 w 2647519"/>
                            <a:gd name="connsiteY762" fmla="*/ 1519237 h 2612594"/>
                            <a:gd name="connsiteX763" fmla="*/ 2608110 w 2647519"/>
                            <a:gd name="connsiteY763" fmla="*/ 1591627 h 2612594"/>
                            <a:gd name="connsiteX764" fmla="*/ 2596680 w 2647519"/>
                            <a:gd name="connsiteY764" fmla="*/ 1598295 h 2612594"/>
                            <a:gd name="connsiteX765" fmla="*/ 2582392 w 2647519"/>
                            <a:gd name="connsiteY765" fmla="*/ 1640205 h 2612594"/>
                            <a:gd name="connsiteX766" fmla="*/ 2578582 w 2647519"/>
                            <a:gd name="connsiteY766" fmla="*/ 1680210 h 2612594"/>
                            <a:gd name="connsiteX767" fmla="*/ 2576677 w 2647519"/>
                            <a:gd name="connsiteY767" fmla="*/ 1685925 h 2612594"/>
                            <a:gd name="connsiteX768" fmla="*/ 2560485 w 2647519"/>
                            <a:gd name="connsiteY768" fmla="*/ 1729740 h 2612594"/>
                            <a:gd name="connsiteX769" fmla="*/ 2555722 w 2647519"/>
                            <a:gd name="connsiteY769" fmla="*/ 1733550 h 2612594"/>
                            <a:gd name="connsiteX770" fmla="*/ 2535720 w 2647519"/>
                            <a:gd name="connsiteY770" fmla="*/ 1780222 h 2612594"/>
                            <a:gd name="connsiteX771" fmla="*/ 2556675 w 2647519"/>
                            <a:gd name="connsiteY771" fmla="*/ 1733550 h 2612594"/>
                            <a:gd name="connsiteX772" fmla="*/ 2561437 w 2647519"/>
                            <a:gd name="connsiteY772" fmla="*/ 1729740 h 2612594"/>
                            <a:gd name="connsiteX773" fmla="*/ 2530957 w 2647519"/>
                            <a:gd name="connsiteY773" fmla="*/ 1816417 h 2612594"/>
                            <a:gd name="connsiteX774" fmla="*/ 2514765 w 2647519"/>
                            <a:gd name="connsiteY774" fmla="*/ 1824990 h 2612594"/>
                            <a:gd name="connsiteX775" fmla="*/ 2511407 w 2647519"/>
                            <a:gd name="connsiteY775" fmla="*/ 1831707 h 2612594"/>
                            <a:gd name="connsiteX776" fmla="*/ 2511908 w 2647519"/>
                            <a:gd name="connsiteY776" fmla="*/ 1832609 h 2612594"/>
                            <a:gd name="connsiteX777" fmla="*/ 2515718 w 2647519"/>
                            <a:gd name="connsiteY777" fmla="*/ 1824989 h 2612594"/>
                            <a:gd name="connsiteX778" fmla="*/ 2531910 w 2647519"/>
                            <a:gd name="connsiteY778" fmla="*/ 1816417 h 2612594"/>
                            <a:gd name="connsiteX779" fmla="*/ 2520480 w 2647519"/>
                            <a:gd name="connsiteY779" fmla="*/ 1848802 h 2612594"/>
                            <a:gd name="connsiteX780" fmla="*/ 2499525 w 2647519"/>
                            <a:gd name="connsiteY780" fmla="*/ 1886902 h 2612594"/>
                            <a:gd name="connsiteX781" fmla="*/ 2489048 w 2647519"/>
                            <a:gd name="connsiteY781" fmla="*/ 1905952 h 2612594"/>
                            <a:gd name="connsiteX782" fmla="*/ 2477618 w 2647519"/>
                            <a:gd name="connsiteY782" fmla="*/ 1925002 h 2612594"/>
                            <a:gd name="connsiteX783" fmla="*/ 2469045 w 2647519"/>
                            <a:gd name="connsiteY783" fmla="*/ 1939289 h 2612594"/>
                            <a:gd name="connsiteX784" fmla="*/ 2456663 w 2647519"/>
                            <a:gd name="connsiteY784" fmla="*/ 1966912 h 2612594"/>
                            <a:gd name="connsiteX785" fmla="*/ 2443328 w 2647519"/>
                            <a:gd name="connsiteY785" fmla="*/ 1993582 h 2612594"/>
                            <a:gd name="connsiteX786" fmla="*/ 2422373 w 2647519"/>
                            <a:gd name="connsiteY786" fmla="*/ 2022157 h 2612594"/>
                            <a:gd name="connsiteX787" fmla="*/ 2401418 w 2647519"/>
                            <a:gd name="connsiteY787" fmla="*/ 2048827 h 2612594"/>
                            <a:gd name="connsiteX788" fmla="*/ 2402291 w 2647519"/>
                            <a:gd name="connsiteY788" fmla="*/ 2047029 h 2612594"/>
                            <a:gd name="connsiteX789" fmla="*/ 2378557 w 2647519"/>
                            <a:gd name="connsiteY789" fmla="*/ 2079307 h 2612594"/>
                            <a:gd name="connsiteX790" fmla="*/ 2327122 w 2647519"/>
                            <a:gd name="connsiteY790" fmla="*/ 2135505 h 2612594"/>
                            <a:gd name="connsiteX791" fmla="*/ 2316995 w 2647519"/>
                            <a:gd name="connsiteY791" fmla="*/ 2151085 h 2612594"/>
                            <a:gd name="connsiteX792" fmla="*/ 2327122 w 2647519"/>
                            <a:gd name="connsiteY792" fmla="*/ 2136457 h 2612594"/>
                            <a:gd name="connsiteX793" fmla="*/ 2378557 w 2647519"/>
                            <a:gd name="connsiteY793" fmla="*/ 2080259 h 2612594"/>
                            <a:gd name="connsiteX794" fmla="*/ 2339505 w 2647519"/>
                            <a:gd name="connsiteY794" fmla="*/ 2139314 h 2612594"/>
                            <a:gd name="connsiteX795" fmla="*/ 2319383 w 2647519"/>
                            <a:gd name="connsiteY795" fmla="*/ 2160388 h 2612594"/>
                            <a:gd name="connsiteX796" fmla="*/ 2303229 w 2647519"/>
                            <a:gd name="connsiteY796" fmla="*/ 2172263 h 2612594"/>
                            <a:gd name="connsiteX797" fmla="*/ 2302357 w 2647519"/>
                            <a:gd name="connsiteY797" fmla="*/ 2173605 h 2612594"/>
                            <a:gd name="connsiteX798" fmla="*/ 2292258 w 2647519"/>
                            <a:gd name="connsiteY798" fmla="*/ 2181374 h 2612594"/>
                            <a:gd name="connsiteX799" fmla="*/ 2291880 w 2647519"/>
                            <a:gd name="connsiteY799" fmla="*/ 2184082 h 2612594"/>
                            <a:gd name="connsiteX800" fmla="*/ 2247112 w 2647519"/>
                            <a:gd name="connsiteY800" fmla="*/ 2229802 h 2612594"/>
                            <a:gd name="connsiteX801" fmla="*/ 2199487 w 2647519"/>
                            <a:gd name="connsiteY801" fmla="*/ 2273617 h 2612594"/>
                            <a:gd name="connsiteX802" fmla="*/ 2197284 w 2647519"/>
                            <a:gd name="connsiteY802" fmla="*/ 2275215 h 2612594"/>
                            <a:gd name="connsiteX803" fmla="*/ 2181390 w 2647519"/>
                            <a:gd name="connsiteY803" fmla="*/ 2295524 h 2612594"/>
                            <a:gd name="connsiteX804" fmla="*/ 2143290 w 2647519"/>
                            <a:gd name="connsiteY804" fmla="*/ 2324099 h 2612594"/>
                            <a:gd name="connsiteX805" fmla="*/ 2107680 w 2647519"/>
                            <a:gd name="connsiteY805" fmla="*/ 2350806 h 2612594"/>
                            <a:gd name="connsiteX806" fmla="*/ 2107553 w 2647519"/>
                            <a:gd name="connsiteY806" fmla="*/ 2350961 h 2612594"/>
                            <a:gd name="connsiteX807" fmla="*/ 2143290 w 2647519"/>
                            <a:gd name="connsiteY807" fmla="*/ 2325052 h 2612594"/>
                            <a:gd name="connsiteX808" fmla="*/ 2181390 w 2647519"/>
                            <a:gd name="connsiteY808" fmla="*/ 2296477 h 2612594"/>
                            <a:gd name="connsiteX809" fmla="*/ 2149957 w 2647519"/>
                            <a:gd name="connsiteY809" fmla="*/ 2327909 h 2612594"/>
                            <a:gd name="connsiteX810" fmla="*/ 2124359 w 2647519"/>
                            <a:gd name="connsiteY810" fmla="*/ 2344578 h 2612594"/>
                            <a:gd name="connsiteX811" fmla="*/ 2106651 w 2647519"/>
                            <a:gd name="connsiteY811" fmla="*/ 2352057 h 2612594"/>
                            <a:gd name="connsiteX812" fmla="*/ 2106142 w 2647519"/>
                            <a:gd name="connsiteY812" fmla="*/ 2352675 h 2612594"/>
                            <a:gd name="connsiteX813" fmla="*/ 2087092 w 2647519"/>
                            <a:gd name="connsiteY813" fmla="*/ 2365057 h 2612594"/>
                            <a:gd name="connsiteX814" fmla="*/ 2079913 w 2647519"/>
                            <a:gd name="connsiteY814" fmla="*/ 2368384 h 2612594"/>
                            <a:gd name="connsiteX815" fmla="*/ 2061852 w 2647519"/>
                            <a:gd name="connsiteY815" fmla="*/ 2383036 h 2612594"/>
                            <a:gd name="connsiteX816" fmla="*/ 2044230 w 2647519"/>
                            <a:gd name="connsiteY816" fmla="*/ 2395537 h 2612594"/>
                            <a:gd name="connsiteX817" fmla="*/ 2017560 w 2647519"/>
                            <a:gd name="connsiteY817" fmla="*/ 2412682 h 2612594"/>
                            <a:gd name="connsiteX818" fmla="*/ 2008988 w 2647519"/>
                            <a:gd name="connsiteY818" fmla="*/ 2413635 h 2612594"/>
                            <a:gd name="connsiteX819" fmla="*/ 1999459 w 2647519"/>
                            <a:gd name="connsiteY819" fmla="*/ 2417870 h 2612594"/>
                            <a:gd name="connsiteX820" fmla="*/ 1997978 w 2647519"/>
                            <a:gd name="connsiteY820" fmla="*/ 2418994 h 2612594"/>
                            <a:gd name="connsiteX821" fmla="*/ 2009940 w 2647519"/>
                            <a:gd name="connsiteY821" fmla="*/ 2414587 h 2612594"/>
                            <a:gd name="connsiteX822" fmla="*/ 2018513 w 2647519"/>
                            <a:gd name="connsiteY822" fmla="*/ 2413635 h 2612594"/>
                            <a:gd name="connsiteX823" fmla="*/ 1984223 w 2647519"/>
                            <a:gd name="connsiteY823" fmla="*/ 2439352 h 2612594"/>
                            <a:gd name="connsiteX824" fmla="*/ 1962315 w 2647519"/>
                            <a:gd name="connsiteY824" fmla="*/ 2450783 h 2612594"/>
                            <a:gd name="connsiteX825" fmla="*/ 1940408 w 2647519"/>
                            <a:gd name="connsiteY825" fmla="*/ 2461260 h 2612594"/>
                            <a:gd name="connsiteX826" fmla="*/ 1924934 w 2647519"/>
                            <a:gd name="connsiteY826" fmla="*/ 2463581 h 2612594"/>
                            <a:gd name="connsiteX827" fmla="*/ 1922310 w 2647519"/>
                            <a:gd name="connsiteY827" fmla="*/ 2465070 h 2612594"/>
                            <a:gd name="connsiteX828" fmla="*/ 1849920 w 2647519"/>
                            <a:gd name="connsiteY828" fmla="*/ 2496502 h 2612594"/>
                            <a:gd name="connsiteX829" fmla="*/ 1846229 w 2647519"/>
                            <a:gd name="connsiteY829" fmla="*/ 2497341 h 2612594"/>
                            <a:gd name="connsiteX830" fmla="*/ 1824203 w 2647519"/>
                            <a:gd name="connsiteY830" fmla="*/ 2511742 h 2612594"/>
                            <a:gd name="connsiteX831" fmla="*/ 1836585 w 2647519"/>
                            <a:gd name="connsiteY831" fmla="*/ 2515552 h 2612594"/>
                            <a:gd name="connsiteX832" fmla="*/ 1790865 w 2647519"/>
                            <a:gd name="connsiteY832" fmla="*/ 2535555 h 2612594"/>
                            <a:gd name="connsiteX833" fmla="*/ 1794675 w 2647519"/>
                            <a:gd name="connsiteY833" fmla="*/ 2522220 h 2612594"/>
                            <a:gd name="connsiteX834" fmla="*/ 1779435 w 2647519"/>
                            <a:gd name="connsiteY834" fmla="*/ 2527935 h 2612594"/>
                            <a:gd name="connsiteX835" fmla="*/ 1765148 w 2647519"/>
                            <a:gd name="connsiteY835" fmla="*/ 2532697 h 2612594"/>
                            <a:gd name="connsiteX836" fmla="*/ 1735620 w 2647519"/>
                            <a:gd name="connsiteY836" fmla="*/ 2542222 h 2612594"/>
                            <a:gd name="connsiteX837" fmla="*/ 1731675 w 2647519"/>
                            <a:gd name="connsiteY837" fmla="*/ 2537487 h 2612594"/>
                            <a:gd name="connsiteX838" fmla="*/ 1717522 w 2647519"/>
                            <a:gd name="connsiteY838" fmla="*/ 2540317 h 2612594"/>
                            <a:gd name="connsiteX839" fmla="*/ 1700377 w 2647519"/>
                            <a:gd name="connsiteY839" fmla="*/ 2544127 h 2612594"/>
                            <a:gd name="connsiteX840" fmla="*/ 1665135 w 2647519"/>
                            <a:gd name="connsiteY840" fmla="*/ 2552700 h 2612594"/>
                            <a:gd name="connsiteX841" fmla="*/ 1663973 w 2647519"/>
                            <a:gd name="connsiteY841" fmla="*/ 2553240 h 2612594"/>
                            <a:gd name="connsiteX842" fmla="*/ 1697520 w 2647519"/>
                            <a:gd name="connsiteY842" fmla="*/ 2545079 h 2612594"/>
                            <a:gd name="connsiteX843" fmla="*/ 1714665 w 2647519"/>
                            <a:gd name="connsiteY843" fmla="*/ 2541269 h 2612594"/>
                            <a:gd name="connsiteX844" fmla="*/ 1728952 w 2647519"/>
                            <a:gd name="connsiteY844" fmla="*/ 2538412 h 2612594"/>
                            <a:gd name="connsiteX845" fmla="*/ 1734667 w 2647519"/>
                            <a:gd name="connsiteY845" fmla="*/ 2543174 h 2612594"/>
                            <a:gd name="connsiteX846" fmla="*/ 1764195 w 2647519"/>
                            <a:gd name="connsiteY846" fmla="*/ 2533649 h 2612594"/>
                            <a:gd name="connsiteX847" fmla="*/ 1778482 w 2647519"/>
                            <a:gd name="connsiteY847" fmla="*/ 2528887 h 2612594"/>
                            <a:gd name="connsiteX848" fmla="*/ 1793722 w 2647519"/>
                            <a:gd name="connsiteY848" fmla="*/ 2523172 h 2612594"/>
                            <a:gd name="connsiteX849" fmla="*/ 1789912 w 2647519"/>
                            <a:gd name="connsiteY849" fmla="*/ 2536507 h 2612594"/>
                            <a:gd name="connsiteX850" fmla="*/ 1749907 w 2647519"/>
                            <a:gd name="connsiteY850" fmla="*/ 2555557 h 2612594"/>
                            <a:gd name="connsiteX851" fmla="*/ 1747946 w 2647519"/>
                            <a:gd name="connsiteY851" fmla="*/ 2555008 h 2612594"/>
                            <a:gd name="connsiteX852" fmla="*/ 1720380 w 2647519"/>
                            <a:gd name="connsiteY852" fmla="*/ 2566034 h 2612594"/>
                            <a:gd name="connsiteX853" fmla="*/ 1697520 w 2647519"/>
                            <a:gd name="connsiteY853" fmla="*/ 2572702 h 2612594"/>
                            <a:gd name="connsiteX854" fmla="*/ 1663230 w 2647519"/>
                            <a:gd name="connsiteY854" fmla="*/ 2581274 h 2612594"/>
                            <a:gd name="connsiteX855" fmla="*/ 1649062 w 2647519"/>
                            <a:gd name="connsiteY855" fmla="*/ 2580084 h 2612594"/>
                            <a:gd name="connsiteX856" fmla="*/ 1619428 w 2647519"/>
                            <a:gd name="connsiteY856" fmla="*/ 2585850 h 2612594"/>
                            <a:gd name="connsiteX857" fmla="*/ 1618462 w 2647519"/>
                            <a:gd name="connsiteY857" fmla="*/ 2587942 h 2612594"/>
                            <a:gd name="connsiteX858" fmla="*/ 1539405 w 2647519"/>
                            <a:gd name="connsiteY858" fmla="*/ 2603182 h 2612594"/>
                            <a:gd name="connsiteX859" fmla="*/ 1521307 w 2647519"/>
                            <a:gd name="connsiteY859" fmla="*/ 2598419 h 2612594"/>
                            <a:gd name="connsiteX860" fmla="*/ 1506067 w 2647519"/>
                            <a:gd name="connsiteY860" fmla="*/ 2598419 h 2612594"/>
                            <a:gd name="connsiteX861" fmla="*/ 1479397 w 2647519"/>
                            <a:gd name="connsiteY861" fmla="*/ 2606992 h 2612594"/>
                            <a:gd name="connsiteX862" fmla="*/ 1455585 w 2647519"/>
                            <a:gd name="connsiteY862" fmla="*/ 2608897 h 2612594"/>
                            <a:gd name="connsiteX863" fmla="*/ 1431772 w 2647519"/>
                            <a:gd name="connsiteY863" fmla="*/ 2609849 h 2612594"/>
                            <a:gd name="connsiteX864" fmla="*/ 1429185 w 2647519"/>
                            <a:gd name="connsiteY864" fmla="*/ 2608741 h 2612594"/>
                            <a:gd name="connsiteX865" fmla="*/ 1407484 w 2647519"/>
                            <a:gd name="connsiteY865" fmla="*/ 2612588 h 2612594"/>
                            <a:gd name="connsiteX866" fmla="*/ 1381290 w 2647519"/>
                            <a:gd name="connsiteY866" fmla="*/ 2607944 h 2612594"/>
                            <a:gd name="connsiteX867" fmla="*/ 1382243 w 2647519"/>
                            <a:gd name="connsiteY867" fmla="*/ 2606992 h 2612594"/>
                            <a:gd name="connsiteX868" fmla="*/ 1387005 w 2647519"/>
                            <a:gd name="connsiteY868" fmla="*/ 2600324 h 2612594"/>
                            <a:gd name="connsiteX869" fmla="*/ 1365098 w 2647519"/>
                            <a:gd name="connsiteY869" fmla="*/ 2597467 h 2612594"/>
                            <a:gd name="connsiteX870" fmla="*/ 1375575 w 2647519"/>
                            <a:gd name="connsiteY870" fmla="*/ 2591752 h 2612594"/>
                            <a:gd name="connsiteX871" fmla="*/ 1407008 w 2647519"/>
                            <a:gd name="connsiteY871" fmla="*/ 2590799 h 2612594"/>
                            <a:gd name="connsiteX872" fmla="*/ 1437488 w 2647519"/>
                            <a:gd name="connsiteY872" fmla="*/ 2589847 h 2612594"/>
                            <a:gd name="connsiteX873" fmla="*/ 1481302 w 2647519"/>
                            <a:gd name="connsiteY873" fmla="*/ 2590799 h 2612594"/>
                            <a:gd name="connsiteX874" fmla="*/ 1511782 w 2647519"/>
                            <a:gd name="connsiteY874" fmla="*/ 2587942 h 2612594"/>
                            <a:gd name="connsiteX875" fmla="*/ 1568932 w 2647519"/>
                            <a:gd name="connsiteY875" fmla="*/ 2575559 h 2612594"/>
                            <a:gd name="connsiteX876" fmla="*/ 1607032 w 2647519"/>
                            <a:gd name="connsiteY876" fmla="*/ 2566987 h 2612594"/>
                            <a:gd name="connsiteX877" fmla="*/ 1635607 w 2647519"/>
                            <a:gd name="connsiteY877" fmla="*/ 2566034 h 2612594"/>
                            <a:gd name="connsiteX878" fmla="*/ 1637595 w 2647519"/>
                            <a:gd name="connsiteY878" fmla="*/ 2565111 h 2612594"/>
                            <a:gd name="connsiteX879" fmla="*/ 1609890 w 2647519"/>
                            <a:gd name="connsiteY879" fmla="*/ 2566035 h 2612594"/>
                            <a:gd name="connsiteX880" fmla="*/ 1571790 w 2647519"/>
                            <a:gd name="connsiteY880" fmla="*/ 2574607 h 2612594"/>
                            <a:gd name="connsiteX881" fmla="*/ 1514640 w 2647519"/>
                            <a:gd name="connsiteY881" fmla="*/ 2586990 h 2612594"/>
                            <a:gd name="connsiteX882" fmla="*/ 1484160 w 2647519"/>
                            <a:gd name="connsiteY882" fmla="*/ 2589847 h 2612594"/>
                            <a:gd name="connsiteX883" fmla="*/ 1440345 w 2647519"/>
                            <a:gd name="connsiteY883" fmla="*/ 2588895 h 2612594"/>
                            <a:gd name="connsiteX884" fmla="*/ 1409865 w 2647519"/>
                            <a:gd name="connsiteY884" fmla="*/ 2589847 h 2612594"/>
                            <a:gd name="connsiteX885" fmla="*/ 1378432 w 2647519"/>
                            <a:gd name="connsiteY885" fmla="*/ 2590800 h 2612594"/>
                            <a:gd name="connsiteX886" fmla="*/ 1379385 w 2647519"/>
                            <a:gd name="connsiteY886" fmla="*/ 2586990 h 2612594"/>
                            <a:gd name="connsiteX887" fmla="*/ 1386052 w 2647519"/>
                            <a:gd name="connsiteY887" fmla="*/ 2577465 h 2612594"/>
                            <a:gd name="connsiteX888" fmla="*/ 1679422 w 2647519"/>
                            <a:gd name="connsiteY888" fmla="*/ 2528887 h 2612594"/>
                            <a:gd name="connsiteX889" fmla="*/ 1878495 w 2647519"/>
                            <a:gd name="connsiteY889" fmla="*/ 2453640 h 2612594"/>
                            <a:gd name="connsiteX890" fmla="*/ 1930882 w 2647519"/>
                            <a:gd name="connsiteY890" fmla="*/ 2426017 h 2612594"/>
                            <a:gd name="connsiteX891" fmla="*/ 1960410 w 2647519"/>
                            <a:gd name="connsiteY891" fmla="*/ 2410777 h 2612594"/>
                            <a:gd name="connsiteX892" fmla="*/ 1990890 w 2647519"/>
                            <a:gd name="connsiteY892" fmla="*/ 2394585 h 2612594"/>
                            <a:gd name="connsiteX893" fmla="*/ 2048040 w 2647519"/>
                            <a:gd name="connsiteY893" fmla="*/ 2360295 h 2612594"/>
                            <a:gd name="connsiteX894" fmla="*/ 2093760 w 2647519"/>
                            <a:gd name="connsiteY894" fmla="*/ 2325052 h 2612594"/>
                            <a:gd name="connsiteX895" fmla="*/ 2179485 w 2647519"/>
                            <a:gd name="connsiteY895" fmla="*/ 2258377 h 2612594"/>
                            <a:gd name="connsiteX896" fmla="*/ 2203297 w 2647519"/>
                            <a:gd name="connsiteY896" fmla="*/ 2239327 h 2612594"/>
                            <a:gd name="connsiteX897" fmla="*/ 2226157 w 2647519"/>
                            <a:gd name="connsiteY897" fmla="*/ 2219325 h 2612594"/>
                            <a:gd name="connsiteX898" fmla="*/ 2260447 w 2647519"/>
                            <a:gd name="connsiteY898" fmla="*/ 2187892 h 2612594"/>
                            <a:gd name="connsiteX899" fmla="*/ 2274735 w 2647519"/>
                            <a:gd name="connsiteY899" fmla="*/ 2164080 h 2612594"/>
                            <a:gd name="connsiteX900" fmla="*/ 2295258 w 2647519"/>
                            <a:gd name="connsiteY900" fmla="*/ 2145267 h 2612594"/>
                            <a:gd name="connsiteX901" fmla="*/ 2295423 w 2647519"/>
                            <a:gd name="connsiteY901" fmla="*/ 2144085 h 2612594"/>
                            <a:gd name="connsiteX902" fmla="*/ 2275688 w 2647519"/>
                            <a:gd name="connsiteY902" fmla="*/ 2162175 h 2612594"/>
                            <a:gd name="connsiteX903" fmla="*/ 2261400 w 2647519"/>
                            <a:gd name="connsiteY903" fmla="*/ 2185987 h 2612594"/>
                            <a:gd name="connsiteX904" fmla="*/ 2227110 w 2647519"/>
                            <a:gd name="connsiteY904" fmla="*/ 2217420 h 2612594"/>
                            <a:gd name="connsiteX905" fmla="*/ 2204250 w 2647519"/>
                            <a:gd name="connsiteY905" fmla="*/ 2237422 h 2612594"/>
                            <a:gd name="connsiteX906" fmla="*/ 2180438 w 2647519"/>
                            <a:gd name="connsiteY906" fmla="*/ 2256472 h 2612594"/>
                            <a:gd name="connsiteX907" fmla="*/ 2094713 w 2647519"/>
                            <a:gd name="connsiteY907" fmla="*/ 2323147 h 2612594"/>
                            <a:gd name="connsiteX908" fmla="*/ 2048993 w 2647519"/>
                            <a:gd name="connsiteY908" fmla="*/ 2358390 h 2612594"/>
                            <a:gd name="connsiteX909" fmla="*/ 1991843 w 2647519"/>
                            <a:gd name="connsiteY909" fmla="*/ 2392680 h 2612594"/>
                            <a:gd name="connsiteX910" fmla="*/ 1961363 w 2647519"/>
                            <a:gd name="connsiteY910" fmla="*/ 2408872 h 2612594"/>
                            <a:gd name="connsiteX911" fmla="*/ 1931835 w 2647519"/>
                            <a:gd name="connsiteY911" fmla="*/ 2424112 h 2612594"/>
                            <a:gd name="connsiteX912" fmla="*/ 1879448 w 2647519"/>
                            <a:gd name="connsiteY912" fmla="*/ 2451735 h 2612594"/>
                            <a:gd name="connsiteX913" fmla="*/ 1680375 w 2647519"/>
                            <a:gd name="connsiteY913" fmla="*/ 2526982 h 2612594"/>
                            <a:gd name="connsiteX914" fmla="*/ 1387005 w 2647519"/>
                            <a:gd name="connsiteY914" fmla="*/ 2575560 h 2612594"/>
                            <a:gd name="connsiteX915" fmla="*/ 1365098 w 2647519"/>
                            <a:gd name="connsiteY915" fmla="*/ 2575560 h 2612594"/>
                            <a:gd name="connsiteX916" fmla="*/ 1362240 w 2647519"/>
                            <a:gd name="connsiteY916" fmla="*/ 2567940 h 2612594"/>
                            <a:gd name="connsiteX917" fmla="*/ 1339380 w 2647519"/>
                            <a:gd name="connsiteY917" fmla="*/ 2566987 h 2612594"/>
                            <a:gd name="connsiteX918" fmla="*/ 1318425 w 2647519"/>
                            <a:gd name="connsiteY918" fmla="*/ 2575560 h 2612594"/>
                            <a:gd name="connsiteX919" fmla="*/ 1257465 w 2647519"/>
                            <a:gd name="connsiteY919" fmla="*/ 2576512 h 2612594"/>
                            <a:gd name="connsiteX920" fmla="*/ 1212698 w 2647519"/>
                            <a:gd name="connsiteY920" fmla="*/ 2574607 h 2612594"/>
                            <a:gd name="connsiteX921" fmla="*/ 1190790 w 2647519"/>
                            <a:gd name="connsiteY921" fmla="*/ 2572702 h 2612594"/>
                            <a:gd name="connsiteX922" fmla="*/ 1168883 w 2647519"/>
                            <a:gd name="connsiteY922" fmla="*/ 2568892 h 2612594"/>
                            <a:gd name="connsiteX923" fmla="*/ 1182079 w 2647519"/>
                            <a:gd name="connsiteY923" fmla="*/ 2554816 h 2612594"/>
                            <a:gd name="connsiteX924" fmla="*/ 1179360 w 2647519"/>
                            <a:gd name="connsiteY924" fmla="*/ 2555557 h 2612594"/>
                            <a:gd name="connsiteX925" fmla="*/ 1130192 w 2647519"/>
                            <a:gd name="connsiteY925" fmla="*/ 2546452 h 2612594"/>
                            <a:gd name="connsiteX926" fmla="*/ 1127925 w 2647519"/>
                            <a:gd name="connsiteY926" fmla="*/ 2546985 h 2612594"/>
                            <a:gd name="connsiteX927" fmla="*/ 1033628 w 2647519"/>
                            <a:gd name="connsiteY927" fmla="*/ 2529840 h 2612594"/>
                            <a:gd name="connsiteX928" fmla="*/ 996480 w 2647519"/>
                            <a:gd name="connsiteY928" fmla="*/ 2522220 h 2612594"/>
                            <a:gd name="connsiteX929" fmla="*/ 964095 w 2647519"/>
                            <a:gd name="connsiteY929" fmla="*/ 2516505 h 2612594"/>
                            <a:gd name="connsiteX930" fmla="*/ 925043 w 2647519"/>
                            <a:gd name="connsiteY930" fmla="*/ 2498407 h 2612594"/>
                            <a:gd name="connsiteX931" fmla="*/ 876465 w 2647519"/>
                            <a:gd name="connsiteY931" fmla="*/ 2480310 h 2612594"/>
                            <a:gd name="connsiteX932" fmla="*/ 825983 w 2647519"/>
                            <a:gd name="connsiteY932" fmla="*/ 2460307 h 2612594"/>
                            <a:gd name="connsiteX933" fmla="*/ 834555 w 2647519"/>
                            <a:gd name="connsiteY933" fmla="*/ 2453640 h 2612594"/>
                            <a:gd name="connsiteX934" fmla="*/ 869798 w 2647519"/>
                            <a:gd name="connsiteY934" fmla="*/ 2460307 h 2612594"/>
                            <a:gd name="connsiteX935" fmla="*/ 885038 w 2647519"/>
                            <a:gd name="connsiteY935" fmla="*/ 2473642 h 2612594"/>
                            <a:gd name="connsiteX936" fmla="*/ 937425 w 2647519"/>
                            <a:gd name="connsiteY936" fmla="*/ 2488882 h 2612594"/>
                            <a:gd name="connsiteX937" fmla="*/ 1041248 w 2647519"/>
                            <a:gd name="connsiteY937" fmla="*/ 2515552 h 2612594"/>
                            <a:gd name="connsiteX938" fmla="*/ 1066965 w 2647519"/>
                            <a:gd name="connsiteY938" fmla="*/ 2520315 h 2612594"/>
                            <a:gd name="connsiteX939" fmla="*/ 1094588 w 2647519"/>
                            <a:gd name="connsiteY939" fmla="*/ 2525077 h 2612594"/>
                            <a:gd name="connsiteX940" fmla="*/ 1125068 w 2647519"/>
                            <a:gd name="connsiteY940" fmla="*/ 2531745 h 2612594"/>
                            <a:gd name="connsiteX941" fmla="*/ 1158657 w 2647519"/>
                            <a:gd name="connsiteY941" fmla="*/ 2539008 h 2612594"/>
                            <a:gd name="connsiteX942" fmla="*/ 1161262 w 2647519"/>
                            <a:gd name="connsiteY942" fmla="*/ 2538412 h 2612594"/>
                            <a:gd name="connsiteX943" fmla="*/ 1192695 w 2647519"/>
                            <a:gd name="connsiteY943" fmla="*/ 2543175 h 2612594"/>
                            <a:gd name="connsiteX944" fmla="*/ 1193647 w 2647519"/>
                            <a:gd name="connsiteY944" fmla="*/ 2541270 h 2612594"/>
                            <a:gd name="connsiteX945" fmla="*/ 1239367 w 2647519"/>
                            <a:gd name="connsiteY945" fmla="*/ 2543175 h 2612594"/>
                            <a:gd name="connsiteX946" fmla="*/ 1246987 w 2647519"/>
                            <a:gd name="connsiteY946" fmla="*/ 2544127 h 2612594"/>
                            <a:gd name="connsiteX947" fmla="*/ 1317472 w 2647519"/>
                            <a:gd name="connsiteY947" fmla="*/ 2544127 h 2612594"/>
                            <a:gd name="connsiteX948" fmla="*/ 1368907 w 2647519"/>
                            <a:gd name="connsiteY948" fmla="*/ 2546032 h 2612594"/>
                            <a:gd name="connsiteX949" fmla="*/ 1429867 w 2647519"/>
                            <a:gd name="connsiteY949" fmla="*/ 2541270 h 2612594"/>
                            <a:gd name="connsiteX950" fmla="*/ 1437487 w 2647519"/>
                            <a:gd name="connsiteY950" fmla="*/ 2541270 h 2612594"/>
                            <a:gd name="connsiteX951" fmla="*/ 1440345 w 2647519"/>
                            <a:gd name="connsiteY951" fmla="*/ 2548890 h 2612594"/>
                            <a:gd name="connsiteX952" fmla="*/ 1500352 w 2647519"/>
                            <a:gd name="connsiteY952" fmla="*/ 2541270 h 2612594"/>
                            <a:gd name="connsiteX953" fmla="*/ 1540357 w 2647519"/>
                            <a:gd name="connsiteY953" fmla="*/ 2531745 h 2612594"/>
                            <a:gd name="connsiteX954" fmla="*/ 1563217 w 2647519"/>
                            <a:gd name="connsiteY954" fmla="*/ 2527935 h 2612594"/>
                            <a:gd name="connsiteX955" fmla="*/ 1577505 w 2647519"/>
                            <a:gd name="connsiteY955" fmla="*/ 2526030 h 2612594"/>
                            <a:gd name="connsiteX956" fmla="*/ 1608937 w 2647519"/>
                            <a:gd name="connsiteY956" fmla="*/ 2518410 h 2612594"/>
                            <a:gd name="connsiteX957" fmla="*/ 1634655 w 2647519"/>
                            <a:gd name="connsiteY957" fmla="*/ 2512695 h 2612594"/>
                            <a:gd name="connsiteX958" fmla="*/ 1660372 w 2647519"/>
                            <a:gd name="connsiteY958" fmla="*/ 2506027 h 2612594"/>
                            <a:gd name="connsiteX959" fmla="*/ 1707545 w 2647519"/>
                            <a:gd name="connsiteY959" fmla="*/ 2497863 h 2612594"/>
                            <a:gd name="connsiteX960" fmla="*/ 1713713 w 2647519"/>
                            <a:gd name="connsiteY960" fmla="*/ 2495550 h 2612594"/>
                            <a:gd name="connsiteX961" fmla="*/ 1664183 w 2647519"/>
                            <a:gd name="connsiteY961" fmla="*/ 2504122 h 2612594"/>
                            <a:gd name="connsiteX962" fmla="*/ 1638465 w 2647519"/>
                            <a:gd name="connsiteY962" fmla="*/ 2510790 h 2612594"/>
                            <a:gd name="connsiteX963" fmla="*/ 1612748 w 2647519"/>
                            <a:gd name="connsiteY963" fmla="*/ 2516505 h 2612594"/>
                            <a:gd name="connsiteX964" fmla="*/ 1581315 w 2647519"/>
                            <a:gd name="connsiteY964" fmla="*/ 2524125 h 2612594"/>
                            <a:gd name="connsiteX965" fmla="*/ 1567028 w 2647519"/>
                            <a:gd name="connsiteY965" fmla="*/ 2526030 h 2612594"/>
                            <a:gd name="connsiteX966" fmla="*/ 1544168 w 2647519"/>
                            <a:gd name="connsiteY966" fmla="*/ 2529840 h 2612594"/>
                            <a:gd name="connsiteX967" fmla="*/ 1482255 w 2647519"/>
                            <a:gd name="connsiteY967" fmla="*/ 2535555 h 2612594"/>
                            <a:gd name="connsiteX968" fmla="*/ 1440345 w 2647519"/>
                            <a:gd name="connsiteY968" fmla="*/ 2539365 h 2612594"/>
                            <a:gd name="connsiteX969" fmla="*/ 1432725 w 2647519"/>
                            <a:gd name="connsiteY969" fmla="*/ 2539365 h 2612594"/>
                            <a:gd name="connsiteX970" fmla="*/ 1371765 w 2647519"/>
                            <a:gd name="connsiteY970" fmla="*/ 2544127 h 2612594"/>
                            <a:gd name="connsiteX971" fmla="*/ 1320330 w 2647519"/>
                            <a:gd name="connsiteY971" fmla="*/ 2542222 h 2612594"/>
                            <a:gd name="connsiteX972" fmla="*/ 1249845 w 2647519"/>
                            <a:gd name="connsiteY972" fmla="*/ 2542222 h 2612594"/>
                            <a:gd name="connsiteX973" fmla="*/ 1242225 w 2647519"/>
                            <a:gd name="connsiteY973" fmla="*/ 2541270 h 2612594"/>
                            <a:gd name="connsiteX974" fmla="*/ 1212698 w 2647519"/>
                            <a:gd name="connsiteY974" fmla="*/ 2528887 h 2612594"/>
                            <a:gd name="connsiteX975" fmla="*/ 1196505 w 2647519"/>
                            <a:gd name="connsiteY975" fmla="*/ 2539365 h 2612594"/>
                            <a:gd name="connsiteX976" fmla="*/ 1196464 w 2647519"/>
                            <a:gd name="connsiteY976" fmla="*/ 2539447 h 2612594"/>
                            <a:gd name="connsiteX977" fmla="*/ 1209840 w 2647519"/>
                            <a:gd name="connsiteY977" fmla="*/ 2530792 h 2612594"/>
                            <a:gd name="connsiteX978" fmla="*/ 1239368 w 2647519"/>
                            <a:gd name="connsiteY978" fmla="*/ 2543174 h 2612594"/>
                            <a:gd name="connsiteX979" fmla="*/ 1193648 w 2647519"/>
                            <a:gd name="connsiteY979" fmla="*/ 2541269 h 2612594"/>
                            <a:gd name="connsiteX980" fmla="*/ 1194008 w 2647519"/>
                            <a:gd name="connsiteY980" fmla="*/ 2541036 h 2612594"/>
                            <a:gd name="connsiteX981" fmla="*/ 1164120 w 2647519"/>
                            <a:gd name="connsiteY981" fmla="*/ 2536507 h 2612594"/>
                            <a:gd name="connsiteX982" fmla="*/ 1128878 w 2647519"/>
                            <a:gd name="connsiteY982" fmla="*/ 2528887 h 2612594"/>
                            <a:gd name="connsiteX983" fmla="*/ 1098398 w 2647519"/>
                            <a:gd name="connsiteY983" fmla="*/ 2522220 h 2612594"/>
                            <a:gd name="connsiteX984" fmla="*/ 1070775 w 2647519"/>
                            <a:gd name="connsiteY984" fmla="*/ 2517457 h 2612594"/>
                            <a:gd name="connsiteX985" fmla="*/ 1045058 w 2647519"/>
                            <a:gd name="connsiteY985" fmla="*/ 2512695 h 2612594"/>
                            <a:gd name="connsiteX986" fmla="*/ 941235 w 2647519"/>
                            <a:gd name="connsiteY986" fmla="*/ 2486025 h 2612594"/>
                            <a:gd name="connsiteX987" fmla="*/ 888848 w 2647519"/>
                            <a:gd name="connsiteY987" fmla="*/ 2470785 h 2612594"/>
                            <a:gd name="connsiteX988" fmla="*/ 873608 w 2647519"/>
                            <a:gd name="connsiteY988" fmla="*/ 2457450 h 2612594"/>
                            <a:gd name="connsiteX989" fmla="*/ 838365 w 2647519"/>
                            <a:gd name="connsiteY989" fmla="*/ 2450782 h 2612594"/>
                            <a:gd name="connsiteX990" fmla="*/ 785978 w 2647519"/>
                            <a:gd name="connsiteY990" fmla="*/ 2424112 h 2612594"/>
                            <a:gd name="connsiteX991" fmla="*/ 770738 w 2647519"/>
                            <a:gd name="connsiteY991" fmla="*/ 2425065 h 2612594"/>
                            <a:gd name="connsiteX992" fmla="*/ 716445 w 2647519"/>
                            <a:gd name="connsiteY992" fmla="*/ 2397442 h 2612594"/>
                            <a:gd name="connsiteX993" fmla="*/ 706920 w 2647519"/>
                            <a:gd name="connsiteY993" fmla="*/ 2380297 h 2612594"/>
                            <a:gd name="connsiteX994" fmla="*/ 708825 w 2647519"/>
                            <a:gd name="connsiteY994" fmla="*/ 2379345 h 2612594"/>
                            <a:gd name="connsiteX995" fmla="*/ 742163 w 2647519"/>
                            <a:gd name="connsiteY995" fmla="*/ 2397442 h 2612594"/>
                            <a:gd name="connsiteX996" fmla="*/ 775500 w 2647519"/>
                            <a:gd name="connsiteY996" fmla="*/ 2415540 h 2612594"/>
                            <a:gd name="connsiteX997" fmla="*/ 785025 w 2647519"/>
                            <a:gd name="connsiteY997" fmla="*/ 2409825 h 2612594"/>
                            <a:gd name="connsiteX998" fmla="*/ 745973 w 2647519"/>
                            <a:gd name="connsiteY998" fmla="*/ 2384107 h 2612594"/>
                            <a:gd name="connsiteX999" fmla="*/ 713588 w 2647519"/>
                            <a:gd name="connsiteY999" fmla="*/ 2369820 h 2612594"/>
                            <a:gd name="connsiteX1000" fmla="*/ 668820 w 2647519"/>
                            <a:gd name="connsiteY1000" fmla="*/ 2344102 h 2612594"/>
                            <a:gd name="connsiteX1001" fmla="*/ 630720 w 2647519"/>
                            <a:gd name="connsiteY1001" fmla="*/ 2319337 h 2612594"/>
                            <a:gd name="connsiteX1002" fmla="*/ 570713 w 2647519"/>
                            <a:gd name="connsiteY1002" fmla="*/ 2293620 h 2612594"/>
                            <a:gd name="connsiteX1003" fmla="*/ 547853 w 2647519"/>
                            <a:gd name="connsiteY1003" fmla="*/ 2274570 h 2612594"/>
                            <a:gd name="connsiteX1004" fmla="*/ 552615 w 2647519"/>
                            <a:gd name="connsiteY1004" fmla="*/ 2272665 h 2612594"/>
                            <a:gd name="connsiteX1005" fmla="*/ 575475 w 2647519"/>
                            <a:gd name="connsiteY1005" fmla="*/ 2279332 h 2612594"/>
                            <a:gd name="connsiteX1006" fmla="*/ 527850 w 2647519"/>
                            <a:gd name="connsiteY1006" fmla="*/ 2229802 h 2612594"/>
                            <a:gd name="connsiteX1007" fmla="*/ 501180 w 2647519"/>
                            <a:gd name="connsiteY1007" fmla="*/ 2207895 h 2612594"/>
                            <a:gd name="connsiteX1008" fmla="*/ 476415 w 2647519"/>
                            <a:gd name="connsiteY1008" fmla="*/ 2185987 h 2612594"/>
                            <a:gd name="connsiteX1009" fmla="*/ 444983 w 2647519"/>
                            <a:gd name="connsiteY1009" fmla="*/ 2160270 h 2612594"/>
                            <a:gd name="connsiteX1010" fmla="*/ 399263 w 2647519"/>
                            <a:gd name="connsiteY1010" fmla="*/ 2109787 h 2612594"/>
                            <a:gd name="connsiteX1011" fmla="*/ 396126 w 2647519"/>
                            <a:gd name="connsiteY1011" fmla="*/ 2099983 h 2612594"/>
                            <a:gd name="connsiteX1012" fmla="*/ 386880 w 2647519"/>
                            <a:gd name="connsiteY1012" fmla="*/ 2090737 h 2612594"/>
                            <a:gd name="connsiteX1013" fmla="*/ 355448 w 2647519"/>
                            <a:gd name="connsiteY1013" fmla="*/ 2056447 h 2612594"/>
                            <a:gd name="connsiteX1014" fmla="*/ 351638 w 2647519"/>
                            <a:gd name="connsiteY1014" fmla="*/ 2039302 h 2612594"/>
                            <a:gd name="connsiteX1015" fmla="*/ 339255 w 2647519"/>
                            <a:gd name="connsiteY1015" fmla="*/ 2022157 h 2612594"/>
                            <a:gd name="connsiteX1016" fmla="*/ 337780 w 2647519"/>
                            <a:gd name="connsiteY1016" fmla="*/ 2019844 h 2612594"/>
                            <a:gd name="connsiteX1017" fmla="*/ 323062 w 2647519"/>
                            <a:gd name="connsiteY1017" fmla="*/ 2009774 h 2612594"/>
                            <a:gd name="connsiteX1018" fmla="*/ 294487 w 2647519"/>
                            <a:gd name="connsiteY1018" fmla="*/ 1968817 h 2612594"/>
                            <a:gd name="connsiteX1019" fmla="*/ 278295 w 2647519"/>
                            <a:gd name="connsiteY1019" fmla="*/ 1930717 h 2612594"/>
                            <a:gd name="connsiteX1020" fmla="*/ 276390 w 2647519"/>
                            <a:gd name="connsiteY1020" fmla="*/ 1930717 h 2612594"/>
                            <a:gd name="connsiteX1021" fmla="*/ 254483 w 2647519"/>
                            <a:gd name="connsiteY1021" fmla="*/ 1888807 h 2612594"/>
                            <a:gd name="connsiteX1022" fmla="*/ 233528 w 2647519"/>
                            <a:gd name="connsiteY1022" fmla="*/ 1846897 h 2612594"/>
                            <a:gd name="connsiteX1023" fmla="*/ 211620 w 2647519"/>
                            <a:gd name="connsiteY1023" fmla="*/ 1798320 h 2612594"/>
                            <a:gd name="connsiteX1024" fmla="*/ 191618 w 2647519"/>
                            <a:gd name="connsiteY1024" fmla="*/ 1748790 h 2612594"/>
                            <a:gd name="connsiteX1025" fmla="*/ 211620 w 2647519"/>
                            <a:gd name="connsiteY1025" fmla="*/ 1782127 h 2612594"/>
                            <a:gd name="connsiteX1026" fmla="*/ 231623 w 2647519"/>
                            <a:gd name="connsiteY1026" fmla="*/ 1824037 h 2612594"/>
                            <a:gd name="connsiteX1027" fmla="*/ 238290 w 2647519"/>
                            <a:gd name="connsiteY1027" fmla="*/ 1846897 h 2612594"/>
                            <a:gd name="connsiteX1028" fmla="*/ 241045 w 2647519"/>
                            <a:gd name="connsiteY1028" fmla="*/ 1850938 h 2612594"/>
                            <a:gd name="connsiteX1029" fmla="*/ 237654 w 2647519"/>
                            <a:gd name="connsiteY1029" fmla="*/ 1833304 h 2612594"/>
                            <a:gd name="connsiteX1030" fmla="*/ 228808 w 2647519"/>
                            <a:gd name="connsiteY1030" fmla="*/ 1817251 h 2612594"/>
                            <a:gd name="connsiteX1031" fmla="*/ 214410 w 2647519"/>
                            <a:gd name="connsiteY1031" fmla="*/ 1784873 h 2612594"/>
                            <a:gd name="connsiteX1032" fmla="*/ 197332 w 2647519"/>
                            <a:gd name="connsiteY1032" fmla="*/ 1756409 h 2612594"/>
                            <a:gd name="connsiteX1033" fmla="*/ 176377 w 2647519"/>
                            <a:gd name="connsiteY1033" fmla="*/ 1699259 h 2612594"/>
                            <a:gd name="connsiteX1034" fmla="*/ 158426 w 2647519"/>
                            <a:gd name="connsiteY1034" fmla="*/ 1640679 h 2612594"/>
                            <a:gd name="connsiteX1035" fmla="*/ 152529 w 2647519"/>
                            <a:gd name="connsiteY1035" fmla="*/ 1623596 h 2612594"/>
                            <a:gd name="connsiteX1036" fmla="*/ 126853 w 2647519"/>
                            <a:gd name="connsiteY1036" fmla="*/ 1521108 h 2612594"/>
                            <a:gd name="connsiteX1037" fmla="*/ 115498 w 2647519"/>
                            <a:gd name="connsiteY1037" fmla="*/ 1446707 h 2612594"/>
                            <a:gd name="connsiteX1038" fmla="*/ 115417 w 2647519"/>
                            <a:gd name="connsiteY1038" fmla="*/ 1448752 h 2612594"/>
                            <a:gd name="connsiteX1039" fmla="*/ 116370 w 2647519"/>
                            <a:gd name="connsiteY1039" fmla="*/ 1463992 h 2612594"/>
                            <a:gd name="connsiteX1040" fmla="*/ 121132 w 2647519"/>
                            <a:gd name="connsiteY1040" fmla="*/ 1499235 h 2612594"/>
                            <a:gd name="connsiteX1041" fmla="*/ 126847 w 2647519"/>
                            <a:gd name="connsiteY1041" fmla="*/ 1535430 h 2612594"/>
                            <a:gd name="connsiteX1042" fmla="*/ 117322 w 2647519"/>
                            <a:gd name="connsiteY1042" fmla="*/ 1503997 h 2612594"/>
                            <a:gd name="connsiteX1043" fmla="*/ 110655 w 2647519"/>
                            <a:gd name="connsiteY1043" fmla="*/ 1463992 h 2612594"/>
                            <a:gd name="connsiteX1044" fmla="*/ 103035 w 2647519"/>
                            <a:gd name="connsiteY1044" fmla="*/ 1463992 h 2612594"/>
                            <a:gd name="connsiteX1045" fmla="*/ 98272 w 2647519"/>
                            <a:gd name="connsiteY1045" fmla="*/ 1427797 h 2612594"/>
                            <a:gd name="connsiteX1046" fmla="*/ 91605 w 2647519"/>
                            <a:gd name="connsiteY1046" fmla="*/ 1404937 h 2612594"/>
                            <a:gd name="connsiteX1047" fmla="*/ 85890 w 2647519"/>
                            <a:gd name="connsiteY1047" fmla="*/ 1383030 h 2612594"/>
                            <a:gd name="connsiteX1048" fmla="*/ 69697 w 2647519"/>
                            <a:gd name="connsiteY1048" fmla="*/ 1365885 h 2612594"/>
                            <a:gd name="connsiteX1049" fmla="*/ 64935 w 2647519"/>
                            <a:gd name="connsiteY1049" fmla="*/ 1365885 h 2612594"/>
                            <a:gd name="connsiteX1050" fmla="*/ 60172 w 2647519"/>
                            <a:gd name="connsiteY1050" fmla="*/ 1342072 h 2612594"/>
                            <a:gd name="connsiteX1051" fmla="*/ 58267 w 2647519"/>
                            <a:gd name="connsiteY1051" fmla="*/ 1311592 h 2612594"/>
                            <a:gd name="connsiteX1052" fmla="*/ 62077 w 2647519"/>
                            <a:gd name="connsiteY1052" fmla="*/ 1268730 h 2612594"/>
                            <a:gd name="connsiteX1053" fmla="*/ 63982 w 2647519"/>
                            <a:gd name="connsiteY1053" fmla="*/ 1253490 h 2612594"/>
                            <a:gd name="connsiteX1054" fmla="*/ 67226 w 2647519"/>
                            <a:gd name="connsiteY1054" fmla="*/ 1243037 h 2612594"/>
                            <a:gd name="connsiteX1055" fmla="*/ 65649 w 2647519"/>
                            <a:gd name="connsiteY1055" fmla="*/ 1219200 h 2612594"/>
                            <a:gd name="connsiteX1056" fmla="*/ 67792 w 2647519"/>
                            <a:gd name="connsiteY1056" fmla="*/ 1183957 h 2612594"/>
                            <a:gd name="connsiteX1057" fmla="*/ 71602 w 2647519"/>
                            <a:gd name="connsiteY1057" fmla="*/ 1176814 h 2612594"/>
                            <a:gd name="connsiteX1058" fmla="*/ 71602 w 2647519"/>
                            <a:gd name="connsiteY1058" fmla="*/ 1172527 h 2612594"/>
                            <a:gd name="connsiteX1059" fmla="*/ 63982 w 2647519"/>
                            <a:gd name="connsiteY1059" fmla="*/ 1186815 h 2612594"/>
                            <a:gd name="connsiteX1060" fmla="*/ 57315 w 2647519"/>
                            <a:gd name="connsiteY1060" fmla="*/ 1177290 h 2612594"/>
                            <a:gd name="connsiteX1061" fmla="*/ 44932 w 2647519"/>
                            <a:gd name="connsiteY1061" fmla="*/ 1160145 h 2612594"/>
                            <a:gd name="connsiteX1062" fmla="*/ 42670 w 2647519"/>
                            <a:gd name="connsiteY1062" fmla="*/ 1146572 h 2612594"/>
                            <a:gd name="connsiteX1063" fmla="*/ 42075 w 2647519"/>
                            <a:gd name="connsiteY1063" fmla="*/ 1147762 h 2612594"/>
                            <a:gd name="connsiteX1064" fmla="*/ 38265 w 2647519"/>
                            <a:gd name="connsiteY1064" fmla="*/ 1185862 h 2612594"/>
                            <a:gd name="connsiteX1065" fmla="*/ 35407 w 2647519"/>
                            <a:gd name="connsiteY1065" fmla="*/ 1223962 h 2612594"/>
                            <a:gd name="connsiteX1066" fmla="*/ 32550 w 2647519"/>
                            <a:gd name="connsiteY1066" fmla="*/ 1253490 h 2612594"/>
                            <a:gd name="connsiteX1067" fmla="*/ 32550 w 2647519"/>
                            <a:gd name="connsiteY1067" fmla="*/ 1314449 h 2612594"/>
                            <a:gd name="connsiteX1068" fmla="*/ 33502 w 2647519"/>
                            <a:gd name="connsiteY1068" fmla="*/ 1345882 h 2612594"/>
                            <a:gd name="connsiteX1069" fmla="*/ 35407 w 2647519"/>
                            <a:gd name="connsiteY1069" fmla="*/ 1377314 h 2612594"/>
                            <a:gd name="connsiteX1070" fmla="*/ 26835 w 2647519"/>
                            <a:gd name="connsiteY1070" fmla="*/ 1406842 h 2612594"/>
                            <a:gd name="connsiteX1071" fmla="*/ 24930 w 2647519"/>
                            <a:gd name="connsiteY1071" fmla="*/ 1406842 h 2612594"/>
                            <a:gd name="connsiteX1072" fmla="*/ 19215 w 2647519"/>
                            <a:gd name="connsiteY1072" fmla="*/ 1349692 h 2612594"/>
                            <a:gd name="connsiteX1073" fmla="*/ 19215 w 2647519"/>
                            <a:gd name="connsiteY1073" fmla="*/ 1290637 h 2612594"/>
                            <a:gd name="connsiteX1074" fmla="*/ 23977 w 2647519"/>
                            <a:gd name="connsiteY1074" fmla="*/ 1244917 h 2612594"/>
                            <a:gd name="connsiteX1075" fmla="*/ 32546 w 2647519"/>
                            <a:gd name="connsiteY1075" fmla="*/ 1253485 h 2612594"/>
                            <a:gd name="connsiteX1076" fmla="*/ 24930 w 2647519"/>
                            <a:gd name="connsiteY1076" fmla="*/ 1243965 h 2612594"/>
                            <a:gd name="connsiteX1077" fmla="*/ 23025 w 2647519"/>
                            <a:gd name="connsiteY1077" fmla="*/ 1209675 h 2612594"/>
                            <a:gd name="connsiteX1078" fmla="*/ 24930 w 2647519"/>
                            <a:gd name="connsiteY1078" fmla="*/ 1157287 h 2612594"/>
                            <a:gd name="connsiteX1079" fmla="*/ 25882 w 2647519"/>
                            <a:gd name="connsiteY1079" fmla="*/ 1143000 h 2612594"/>
                            <a:gd name="connsiteX1080" fmla="*/ 28740 w 2647519"/>
                            <a:gd name="connsiteY1080" fmla="*/ 1119187 h 2612594"/>
                            <a:gd name="connsiteX1081" fmla="*/ 40170 w 2647519"/>
                            <a:gd name="connsiteY1081" fmla="*/ 1076325 h 2612594"/>
                            <a:gd name="connsiteX1082" fmla="*/ 45865 w 2647519"/>
                            <a:gd name="connsiteY1082" fmla="*/ 1047851 h 2612594"/>
                            <a:gd name="connsiteX1083" fmla="*/ 43980 w 2647519"/>
                            <a:gd name="connsiteY1083" fmla="*/ 1041082 h 2612594"/>
                            <a:gd name="connsiteX1084" fmla="*/ 37312 w 2647519"/>
                            <a:gd name="connsiteY1084" fmla="*/ 1079182 h 2612594"/>
                            <a:gd name="connsiteX1085" fmla="*/ 25882 w 2647519"/>
                            <a:gd name="connsiteY1085" fmla="*/ 1122045 h 2612594"/>
                            <a:gd name="connsiteX1086" fmla="*/ 23025 w 2647519"/>
                            <a:gd name="connsiteY1086" fmla="*/ 1145857 h 2612594"/>
                            <a:gd name="connsiteX1087" fmla="*/ 22072 w 2647519"/>
                            <a:gd name="connsiteY1087" fmla="*/ 1160145 h 2612594"/>
                            <a:gd name="connsiteX1088" fmla="*/ 20167 w 2647519"/>
                            <a:gd name="connsiteY1088" fmla="*/ 1212532 h 2612594"/>
                            <a:gd name="connsiteX1089" fmla="*/ 22072 w 2647519"/>
                            <a:gd name="connsiteY1089" fmla="*/ 1246822 h 2612594"/>
                            <a:gd name="connsiteX1090" fmla="*/ 17310 w 2647519"/>
                            <a:gd name="connsiteY1090" fmla="*/ 1292542 h 2612594"/>
                            <a:gd name="connsiteX1091" fmla="*/ 17310 w 2647519"/>
                            <a:gd name="connsiteY1091" fmla="*/ 1351597 h 2612594"/>
                            <a:gd name="connsiteX1092" fmla="*/ 23025 w 2647519"/>
                            <a:gd name="connsiteY1092" fmla="*/ 1408747 h 2612594"/>
                            <a:gd name="connsiteX1093" fmla="*/ 24930 w 2647519"/>
                            <a:gd name="connsiteY1093" fmla="*/ 1408747 h 2612594"/>
                            <a:gd name="connsiteX1094" fmla="*/ 37312 w 2647519"/>
                            <a:gd name="connsiteY1094" fmla="*/ 1463040 h 2612594"/>
                            <a:gd name="connsiteX1095" fmla="*/ 43980 w 2647519"/>
                            <a:gd name="connsiteY1095" fmla="*/ 1507807 h 2612594"/>
                            <a:gd name="connsiteX1096" fmla="*/ 58267 w 2647519"/>
                            <a:gd name="connsiteY1096" fmla="*/ 1553527 h 2612594"/>
                            <a:gd name="connsiteX1097" fmla="*/ 80770 w 2647519"/>
                            <a:gd name="connsiteY1097" fmla="*/ 1651843 h 2612594"/>
                            <a:gd name="connsiteX1098" fmla="*/ 82734 w 2647519"/>
                            <a:gd name="connsiteY1098" fmla="*/ 1670685 h 2612594"/>
                            <a:gd name="connsiteX1099" fmla="*/ 86843 w 2647519"/>
                            <a:gd name="connsiteY1099" fmla="*/ 1670685 h 2612594"/>
                            <a:gd name="connsiteX1100" fmla="*/ 107798 w 2647519"/>
                            <a:gd name="connsiteY1100" fmla="*/ 1721167 h 2612594"/>
                            <a:gd name="connsiteX1101" fmla="*/ 115418 w 2647519"/>
                            <a:gd name="connsiteY1101" fmla="*/ 1746885 h 2612594"/>
                            <a:gd name="connsiteX1102" fmla="*/ 101130 w 2647519"/>
                            <a:gd name="connsiteY1102" fmla="*/ 1724977 h 2612594"/>
                            <a:gd name="connsiteX1103" fmla="*/ 85890 w 2647519"/>
                            <a:gd name="connsiteY1103" fmla="*/ 1690687 h 2612594"/>
                            <a:gd name="connsiteX1104" fmla="*/ 84938 w 2647519"/>
                            <a:gd name="connsiteY1104" fmla="*/ 1700212 h 2612594"/>
                            <a:gd name="connsiteX1105" fmla="*/ 76651 w 2647519"/>
                            <a:gd name="connsiteY1105" fmla="*/ 1674524 h 2612594"/>
                            <a:gd name="connsiteX1106" fmla="*/ 70650 w 2647519"/>
                            <a:gd name="connsiteY1106" fmla="*/ 1675447 h 2612594"/>
                            <a:gd name="connsiteX1107" fmla="*/ 63982 w 2647519"/>
                            <a:gd name="connsiteY1107" fmla="*/ 1653540 h 2612594"/>
                            <a:gd name="connsiteX1108" fmla="*/ 41122 w 2647519"/>
                            <a:gd name="connsiteY1108" fmla="*/ 1601152 h 2612594"/>
                            <a:gd name="connsiteX1109" fmla="*/ 26835 w 2647519"/>
                            <a:gd name="connsiteY1109" fmla="*/ 1554480 h 2612594"/>
                            <a:gd name="connsiteX1110" fmla="*/ 25882 w 2647519"/>
                            <a:gd name="connsiteY1110" fmla="*/ 1515427 h 2612594"/>
                            <a:gd name="connsiteX1111" fmla="*/ 19215 w 2647519"/>
                            <a:gd name="connsiteY1111" fmla="*/ 1469707 h 2612594"/>
                            <a:gd name="connsiteX1112" fmla="*/ 14452 w 2647519"/>
                            <a:gd name="connsiteY1112" fmla="*/ 1423987 h 2612594"/>
                            <a:gd name="connsiteX1113" fmla="*/ 3975 w 2647519"/>
                            <a:gd name="connsiteY1113" fmla="*/ 1390650 h 2612594"/>
                            <a:gd name="connsiteX1114" fmla="*/ 10642 w 2647519"/>
                            <a:gd name="connsiteY1114" fmla="*/ 1213485 h 2612594"/>
                            <a:gd name="connsiteX1115" fmla="*/ 17310 w 2647519"/>
                            <a:gd name="connsiteY1115" fmla="*/ 1167765 h 2612594"/>
                            <a:gd name="connsiteX1116" fmla="*/ 11595 w 2647519"/>
                            <a:gd name="connsiteY1116" fmla="*/ 1143000 h 2612594"/>
                            <a:gd name="connsiteX1117" fmla="*/ 23025 w 2647519"/>
                            <a:gd name="connsiteY1117" fmla="*/ 1074420 h 2612594"/>
                            <a:gd name="connsiteX1118" fmla="*/ 25882 w 2647519"/>
                            <a:gd name="connsiteY1118" fmla="*/ 1058227 h 2612594"/>
                            <a:gd name="connsiteX1119" fmla="*/ 33502 w 2647519"/>
                            <a:gd name="connsiteY1119" fmla="*/ 1002982 h 2612594"/>
                            <a:gd name="connsiteX1120" fmla="*/ 53505 w 2647519"/>
                            <a:gd name="connsiteY1120" fmla="*/ 962977 h 2612594"/>
                            <a:gd name="connsiteX1121" fmla="*/ 48742 w 2647519"/>
                            <a:gd name="connsiteY1121" fmla="*/ 1017270 h 2612594"/>
                            <a:gd name="connsiteX1122" fmla="*/ 53503 w 2647519"/>
                            <a:gd name="connsiteY1122" fmla="*/ 1007964 h 2612594"/>
                            <a:gd name="connsiteX1123" fmla="*/ 56362 w 2647519"/>
                            <a:gd name="connsiteY1123" fmla="*/ 985718 h 2612594"/>
                            <a:gd name="connsiteX1124" fmla="*/ 57315 w 2647519"/>
                            <a:gd name="connsiteY1124" fmla="*/ 961072 h 2612594"/>
                            <a:gd name="connsiteX1125" fmla="*/ 65887 w 2647519"/>
                            <a:gd name="connsiteY1125" fmla="*/ 929639 h 2612594"/>
                            <a:gd name="connsiteX1126" fmla="*/ 79222 w 2647519"/>
                            <a:gd name="connsiteY1126" fmla="*/ 882014 h 2612594"/>
                            <a:gd name="connsiteX1127" fmla="*/ 95415 w 2647519"/>
                            <a:gd name="connsiteY1127" fmla="*/ 833437 h 2612594"/>
                            <a:gd name="connsiteX1128" fmla="*/ 96628 w 2647519"/>
                            <a:gd name="connsiteY1128" fmla="*/ 832072 h 2612594"/>
                            <a:gd name="connsiteX1129" fmla="*/ 103988 w 2647519"/>
                            <a:gd name="connsiteY1129" fmla="*/ 793432 h 2612594"/>
                            <a:gd name="connsiteX1130" fmla="*/ 114465 w 2647519"/>
                            <a:gd name="connsiteY1130" fmla="*/ 765809 h 2612594"/>
                            <a:gd name="connsiteX1131" fmla="*/ 126848 w 2647519"/>
                            <a:gd name="connsiteY1131" fmla="*/ 742949 h 2612594"/>
                            <a:gd name="connsiteX1132" fmla="*/ 151613 w 2647519"/>
                            <a:gd name="connsiteY1132" fmla="*/ 695324 h 2612594"/>
                            <a:gd name="connsiteX1133" fmla="*/ 171615 w 2647519"/>
                            <a:gd name="connsiteY1133" fmla="*/ 652462 h 2612594"/>
                            <a:gd name="connsiteX1134" fmla="*/ 200190 w 2647519"/>
                            <a:gd name="connsiteY1134" fmla="*/ 597217 h 2612594"/>
                            <a:gd name="connsiteX1135" fmla="*/ 221145 w 2647519"/>
                            <a:gd name="connsiteY1135" fmla="*/ 573404 h 2612594"/>
                            <a:gd name="connsiteX1136" fmla="*/ 238290 w 2647519"/>
                            <a:gd name="connsiteY1136" fmla="*/ 540067 h 2612594"/>
                            <a:gd name="connsiteX1137" fmla="*/ 252578 w 2647519"/>
                            <a:gd name="connsiteY1137" fmla="*/ 519112 h 2612594"/>
                            <a:gd name="connsiteX1138" fmla="*/ 267818 w 2647519"/>
                            <a:gd name="connsiteY1138" fmla="*/ 511492 h 2612594"/>
                            <a:gd name="connsiteX1139" fmla="*/ 271628 w 2647519"/>
                            <a:gd name="connsiteY1139" fmla="*/ 505777 h 2612594"/>
                            <a:gd name="connsiteX1140" fmla="*/ 286868 w 2647519"/>
                            <a:gd name="connsiteY1140" fmla="*/ 475297 h 2612594"/>
                            <a:gd name="connsiteX1141" fmla="*/ 316395 w 2647519"/>
                            <a:gd name="connsiteY1141" fmla="*/ 441007 h 2612594"/>
                            <a:gd name="connsiteX1142" fmla="*/ 317199 w 2647519"/>
                            <a:gd name="connsiteY1142" fmla="*/ 455339 h 2612594"/>
                            <a:gd name="connsiteX1143" fmla="*/ 315045 w 2647519"/>
                            <a:gd name="connsiteY1143" fmla="*/ 461363 h 2612594"/>
                            <a:gd name="connsiteX1144" fmla="*/ 345922 w 2647519"/>
                            <a:gd name="connsiteY1144" fmla="*/ 429577 h 2612594"/>
                            <a:gd name="connsiteX1145" fmla="*/ 361162 w 2647519"/>
                            <a:gd name="connsiteY1145" fmla="*/ 409575 h 2612594"/>
                            <a:gd name="connsiteX1146" fmla="*/ 381165 w 2647519"/>
                            <a:gd name="connsiteY1146" fmla="*/ 390525 h 2612594"/>
                            <a:gd name="connsiteX1147" fmla="*/ 382888 w 2647519"/>
                            <a:gd name="connsiteY1147" fmla="*/ 392440 h 2612594"/>
                            <a:gd name="connsiteX1148" fmla="*/ 382118 w 2647519"/>
                            <a:gd name="connsiteY1148" fmla="*/ 391477 h 2612594"/>
                            <a:gd name="connsiteX1149" fmla="*/ 406883 w 2647519"/>
                            <a:gd name="connsiteY1149" fmla="*/ 366712 h 2612594"/>
                            <a:gd name="connsiteX1150" fmla="*/ 431648 w 2647519"/>
                            <a:gd name="connsiteY1150" fmla="*/ 343852 h 2612594"/>
                            <a:gd name="connsiteX1151" fmla="*/ 458318 w 2647519"/>
                            <a:gd name="connsiteY1151" fmla="*/ 315277 h 2612594"/>
                            <a:gd name="connsiteX1152" fmla="*/ 495465 w 2647519"/>
                            <a:gd name="connsiteY1152" fmla="*/ 287654 h 2612594"/>
                            <a:gd name="connsiteX1153" fmla="*/ 535470 w 2647519"/>
                            <a:gd name="connsiteY1153" fmla="*/ 258127 h 2612594"/>
                            <a:gd name="connsiteX1154" fmla="*/ 559389 w 2647519"/>
                            <a:gd name="connsiteY1154" fmla="*/ 241440 h 2612594"/>
                            <a:gd name="connsiteX1155" fmla="*/ 575475 w 2647519"/>
                            <a:gd name="connsiteY1155" fmla="*/ 226694 h 2612594"/>
                            <a:gd name="connsiteX1156" fmla="*/ 604050 w 2647519"/>
                            <a:gd name="connsiteY1156" fmla="*/ 209549 h 2612594"/>
                            <a:gd name="connsiteX1157" fmla="*/ 634530 w 2647519"/>
                            <a:gd name="connsiteY1157" fmla="*/ 193357 h 2612594"/>
                            <a:gd name="connsiteX1158" fmla="*/ 638565 w 2647519"/>
                            <a:gd name="connsiteY1158" fmla="*/ 191282 h 2612594"/>
                            <a:gd name="connsiteX1159" fmla="*/ 648937 w 2647519"/>
                            <a:gd name="connsiteY1159" fmla="*/ 181094 h 2612594"/>
                            <a:gd name="connsiteX1160" fmla="*/ 665963 w 2647519"/>
                            <a:gd name="connsiteY1160" fmla="*/ 168592 h 2612594"/>
                            <a:gd name="connsiteX1161" fmla="*/ 684656 w 2647519"/>
                            <a:gd name="connsiteY1161" fmla="*/ 159067 h 2612594"/>
                            <a:gd name="connsiteX1162" fmla="*/ 697880 w 2647519"/>
                            <a:gd name="connsiteY1162" fmla="*/ 156023 h 2612594"/>
                            <a:gd name="connsiteX1163" fmla="*/ 700252 w 2647519"/>
                            <a:gd name="connsiteY1163" fmla="*/ 154304 h 2612594"/>
                            <a:gd name="connsiteX1164" fmla="*/ 959332 w 2647519"/>
                            <a:gd name="connsiteY1164" fmla="*/ 49529 h 2612594"/>
                            <a:gd name="connsiteX1165" fmla="*/ 968944 w 2647519"/>
                            <a:gd name="connsiteY1165" fmla="*/ 47439 h 2612594"/>
                            <a:gd name="connsiteX1166" fmla="*/ 995527 w 2647519"/>
                            <a:gd name="connsiteY1166" fmla="*/ 38099 h 2612594"/>
                            <a:gd name="connsiteX1167" fmla="*/ 1013863 w 2647519"/>
                            <a:gd name="connsiteY1167" fmla="*/ 34408 h 2612594"/>
                            <a:gd name="connsiteX1168" fmla="*/ 1023424 w 2647519"/>
                            <a:gd name="connsiteY1168" fmla="*/ 34327 h 2612594"/>
                            <a:gd name="connsiteX1169" fmla="*/ 1026960 w 2647519"/>
                            <a:gd name="connsiteY1169" fmla="*/ 33337 h 2612594"/>
                            <a:gd name="connsiteX1170" fmla="*/ 1244130 w 2647519"/>
                            <a:gd name="connsiteY1170" fmla="*/ 4762 h 2612594"/>
                            <a:gd name="connsiteX1171" fmla="*/ 1305804 w 2647519"/>
                            <a:gd name="connsiteY1171" fmla="*/ 4524 h 2612594"/>
                            <a:gd name="connsiteX1172" fmla="*/ 1371765 w 2647519"/>
                            <a:gd name="connsiteY1172" fmla="*/ 5714 h 2612594"/>
                            <a:gd name="connsiteX1173" fmla="*/ 1372993 w 2647519"/>
                            <a:gd name="connsiteY1173" fmla="*/ 6635 h 2612594"/>
                            <a:gd name="connsiteX1174" fmla="*/ 1405103 w 2647519"/>
                            <a:gd name="connsiteY1174" fmla="*/ 2857 h 2612594"/>
                            <a:gd name="connsiteX1175" fmla="*/ 1434630 w 2647519"/>
                            <a:gd name="connsiteY1175" fmla="*/ 7619 h 2612594"/>
                            <a:gd name="connsiteX1176" fmla="*/ 1464158 w 2647519"/>
                            <a:gd name="connsiteY1176" fmla="*/ 13334 h 2612594"/>
                            <a:gd name="connsiteX1177" fmla="*/ 1479392 w 2647519"/>
                            <a:gd name="connsiteY1177" fmla="*/ 16797 h 2612594"/>
                            <a:gd name="connsiteX1178" fmla="*/ 1463205 w 2647519"/>
                            <a:gd name="connsiteY1178" fmla="*/ 12382 h 2612594"/>
                            <a:gd name="connsiteX1179" fmla="*/ 1433677 w 2647519"/>
                            <a:gd name="connsiteY1179" fmla="*/ 6667 h 2612594"/>
                            <a:gd name="connsiteX1180" fmla="*/ 1404150 w 2647519"/>
                            <a:gd name="connsiteY1180" fmla="*/ 1905 h 2612594"/>
                            <a:gd name="connsiteX1181" fmla="*/ 1404150 w 2647519"/>
                            <a:gd name="connsiteY1181" fmla="*/ 0 h 2612594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  <a:cxn ang="0">
                              <a:pos x="connsiteX12" y="connsiteY12"/>
                            </a:cxn>
                            <a:cxn ang="0">
                              <a:pos x="connsiteX13" y="connsiteY13"/>
                            </a:cxn>
                            <a:cxn ang="0">
                              <a:pos x="connsiteX14" y="connsiteY14"/>
                            </a:cxn>
                            <a:cxn ang="0">
                              <a:pos x="connsiteX15" y="connsiteY15"/>
                            </a:cxn>
                            <a:cxn ang="0">
                              <a:pos x="connsiteX16" y="connsiteY16"/>
                            </a:cxn>
                            <a:cxn ang="0">
                              <a:pos x="connsiteX17" y="connsiteY17"/>
                            </a:cxn>
                            <a:cxn ang="0">
                              <a:pos x="connsiteX18" y="connsiteY18"/>
                            </a:cxn>
                            <a:cxn ang="0">
                              <a:pos x="connsiteX19" y="connsiteY19"/>
                            </a:cxn>
                            <a:cxn ang="0">
                              <a:pos x="connsiteX20" y="connsiteY20"/>
                            </a:cxn>
                            <a:cxn ang="0">
                              <a:pos x="connsiteX21" y="connsiteY21"/>
                            </a:cxn>
                            <a:cxn ang="0">
                              <a:pos x="connsiteX22" y="connsiteY22"/>
                            </a:cxn>
                            <a:cxn ang="0">
                              <a:pos x="connsiteX23" y="connsiteY23"/>
                            </a:cxn>
                            <a:cxn ang="0">
                              <a:pos x="connsiteX24" y="connsiteY24"/>
                            </a:cxn>
                            <a:cxn ang="0">
                              <a:pos x="connsiteX25" y="connsiteY25"/>
                            </a:cxn>
                            <a:cxn ang="0">
                              <a:pos x="connsiteX26" y="connsiteY26"/>
                            </a:cxn>
                            <a:cxn ang="0">
                              <a:pos x="connsiteX27" y="connsiteY27"/>
                            </a:cxn>
                            <a:cxn ang="0">
                              <a:pos x="connsiteX28" y="connsiteY28"/>
                            </a:cxn>
                            <a:cxn ang="0">
                              <a:pos x="connsiteX29" y="connsiteY29"/>
                            </a:cxn>
                            <a:cxn ang="0">
                              <a:pos x="connsiteX30" y="connsiteY30"/>
                            </a:cxn>
                            <a:cxn ang="0">
                              <a:pos x="connsiteX31" y="connsiteY31"/>
                            </a:cxn>
                            <a:cxn ang="0">
                              <a:pos x="connsiteX32" y="connsiteY32"/>
                            </a:cxn>
                            <a:cxn ang="0">
                              <a:pos x="connsiteX33" y="connsiteY33"/>
                            </a:cxn>
                            <a:cxn ang="0">
                              <a:pos x="connsiteX34" y="connsiteY34"/>
                            </a:cxn>
                            <a:cxn ang="0">
                              <a:pos x="connsiteX35" y="connsiteY35"/>
                            </a:cxn>
                            <a:cxn ang="0">
                              <a:pos x="connsiteX36" y="connsiteY36"/>
                            </a:cxn>
                            <a:cxn ang="0">
                              <a:pos x="connsiteX37" y="connsiteY37"/>
                            </a:cxn>
                            <a:cxn ang="0">
                              <a:pos x="connsiteX38" y="connsiteY38"/>
                            </a:cxn>
                            <a:cxn ang="0">
                              <a:pos x="connsiteX39" y="connsiteY39"/>
                            </a:cxn>
                            <a:cxn ang="0">
                              <a:pos x="connsiteX40" y="connsiteY40"/>
                            </a:cxn>
                            <a:cxn ang="0">
                              <a:pos x="connsiteX41" y="connsiteY41"/>
                            </a:cxn>
                            <a:cxn ang="0">
                              <a:pos x="connsiteX42" y="connsiteY42"/>
                            </a:cxn>
                            <a:cxn ang="0">
                              <a:pos x="connsiteX43" y="connsiteY43"/>
                            </a:cxn>
                            <a:cxn ang="0">
                              <a:pos x="connsiteX44" y="connsiteY44"/>
                            </a:cxn>
                            <a:cxn ang="0">
                              <a:pos x="connsiteX45" y="connsiteY45"/>
                            </a:cxn>
                            <a:cxn ang="0">
                              <a:pos x="connsiteX46" y="connsiteY46"/>
                            </a:cxn>
                            <a:cxn ang="0">
                              <a:pos x="connsiteX47" y="connsiteY47"/>
                            </a:cxn>
                            <a:cxn ang="0">
                              <a:pos x="connsiteX48" y="connsiteY48"/>
                            </a:cxn>
                            <a:cxn ang="0">
                              <a:pos x="connsiteX49" y="connsiteY49"/>
                            </a:cxn>
                            <a:cxn ang="0">
                              <a:pos x="connsiteX50" y="connsiteY50"/>
                            </a:cxn>
                            <a:cxn ang="0">
                              <a:pos x="connsiteX51" y="connsiteY51"/>
                            </a:cxn>
                            <a:cxn ang="0">
                              <a:pos x="connsiteX52" y="connsiteY52"/>
                            </a:cxn>
                            <a:cxn ang="0">
                              <a:pos x="connsiteX53" y="connsiteY53"/>
                            </a:cxn>
                            <a:cxn ang="0">
                              <a:pos x="connsiteX54" y="connsiteY54"/>
                            </a:cxn>
                            <a:cxn ang="0">
                              <a:pos x="connsiteX55" y="connsiteY55"/>
                            </a:cxn>
                            <a:cxn ang="0">
                              <a:pos x="connsiteX56" y="connsiteY56"/>
                            </a:cxn>
                            <a:cxn ang="0">
                              <a:pos x="connsiteX57" y="connsiteY57"/>
                            </a:cxn>
                            <a:cxn ang="0">
                              <a:pos x="connsiteX58" y="connsiteY58"/>
                            </a:cxn>
                            <a:cxn ang="0">
                              <a:pos x="connsiteX59" y="connsiteY59"/>
                            </a:cxn>
                            <a:cxn ang="0">
                              <a:pos x="connsiteX60" y="connsiteY60"/>
                            </a:cxn>
                            <a:cxn ang="0">
                              <a:pos x="connsiteX61" y="connsiteY61"/>
                            </a:cxn>
                            <a:cxn ang="0">
                              <a:pos x="connsiteX62" y="connsiteY62"/>
                            </a:cxn>
                            <a:cxn ang="0">
                              <a:pos x="connsiteX63" y="connsiteY63"/>
                            </a:cxn>
                            <a:cxn ang="0">
                              <a:pos x="connsiteX64" y="connsiteY64"/>
                            </a:cxn>
                            <a:cxn ang="0">
                              <a:pos x="connsiteX65" y="connsiteY65"/>
                            </a:cxn>
                            <a:cxn ang="0">
                              <a:pos x="connsiteX66" y="connsiteY66"/>
                            </a:cxn>
                            <a:cxn ang="0">
                              <a:pos x="connsiteX67" y="connsiteY67"/>
                            </a:cxn>
                            <a:cxn ang="0">
                              <a:pos x="connsiteX68" y="connsiteY68"/>
                            </a:cxn>
                            <a:cxn ang="0">
                              <a:pos x="connsiteX69" y="connsiteY69"/>
                            </a:cxn>
                            <a:cxn ang="0">
                              <a:pos x="connsiteX70" y="connsiteY70"/>
                            </a:cxn>
                            <a:cxn ang="0">
                              <a:pos x="connsiteX71" y="connsiteY71"/>
                            </a:cxn>
                            <a:cxn ang="0">
                              <a:pos x="connsiteX72" y="connsiteY72"/>
                            </a:cxn>
                            <a:cxn ang="0">
                              <a:pos x="connsiteX73" y="connsiteY73"/>
                            </a:cxn>
                            <a:cxn ang="0">
                              <a:pos x="connsiteX74" y="connsiteY74"/>
                            </a:cxn>
                            <a:cxn ang="0">
                              <a:pos x="connsiteX75" y="connsiteY75"/>
                            </a:cxn>
                            <a:cxn ang="0">
                              <a:pos x="connsiteX76" y="connsiteY76"/>
                            </a:cxn>
                            <a:cxn ang="0">
                              <a:pos x="connsiteX77" y="connsiteY77"/>
                            </a:cxn>
                            <a:cxn ang="0">
                              <a:pos x="connsiteX78" y="connsiteY78"/>
                            </a:cxn>
                            <a:cxn ang="0">
                              <a:pos x="connsiteX79" y="connsiteY79"/>
                            </a:cxn>
                            <a:cxn ang="0">
                              <a:pos x="connsiteX80" y="connsiteY80"/>
                            </a:cxn>
                            <a:cxn ang="0">
                              <a:pos x="connsiteX81" y="connsiteY81"/>
                            </a:cxn>
                            <a:cxn ang="0">
                              <a:pos x="connsiteX82" y="connsiteY82"/>
                            </a:cxn>
                            <a:cxn ang="0">
                              <a:pos x="connsiteX83" y="connsiteY83"/>
                            </a:cxn>
                            <a:cxn ang="0">
                              <a:pos x="connsiteX84" y="connsiteY84"/>
                            </a:cxn>
                            <a:cxn ang="0">
                              <a:pos x="connsiteX85" y="connsiteY85"/>
                            </a:cxn>
                            <a:cxn ang="0">
                              <a:pos x="connsiteX86" y="connsiteY86"/>
                            </a:cxn>
                            <a:cxn ang="0">
                              <a:pos x="connsiteX87" y="connsiteY87"/>
                            </a:cxn>
                            <a:cxn ang="0">
                              <a:pos x="connsiteX88" y="connsiteY88"/>
                            </a:cxn>
                            <a:cxn ang="0">
                              <a:pos x="connsiteX89" y="connsiteY89"/>
                            </a:cxn>
                            <a:cxn ang="0">
                              <a:pos x="connsiteX90" y="connsiteY90"/>
                            </a:cxn>
                            <a:cxn ang="0">
                              <a:pos x="connsiteX91" y="connsiteY91"/>
                            </a:cxn>
                            <a:cxn ang="0">
                              <a:pos x="connsiteX92" y="connsiteY92"/>
                            </a:cxn>
                            <a:cxn ang="0">
                              <a:pos x="connsiteX93" y="connsiteY93"/>
                            </a:cxn>
                            <a:cxn ang="0">
                              <a:pos x="connsiteX94" y="connsiteY94"/>
                            </a:cxn>
                            <a:cxn ang="0">
                              <a:pos x="connsiteX95" y="connsiteY95"/>
                            </a:cxn>
                            <a:cxn ang="0">
                              <a:pos x="connsiteX96" y="connsiteY96"/>
                            </a:cxn>
                            <a:cxn ang="0">
                              <a:pos x="connsiteX97" y="connsiteY97"/>
                            </a:cxn>
                            <a:cxn ang="0">
                              <a:pos x="connsiteX98" y="connsiteY98"/>
                            </a:cxn>
                            <a:cxn ang="0">
                              <a:pos x="connsiteX99" y="connsiteY99"/>
                            </a:cxn>
                            <a:cxn ang="0">
                              <a:pos x="connsiteX100" y="connsiteY100"/>
                            </a:cxn>
                            <a:cxn ang="0">
                              <a:pos x="connsiteX101" y="connsiteY101"/>
                            </a:cxn>
                            <a:cxn ang="0">
                              <a:pos x="connsiteX102" y="connsiteY102"/>
                            </a:cxn>
                            <a:cxn ang="0">
                              <a:pos x="connsiteX103" y="connsiteY103"/>
                            </a:cxn>
                            <a:cxn ang="0">
                              <a:pos x="connsiteX104" y="connsiteY104"/>
                            </a:cxn>
                            <a:cxn ang="0">
                              <a:pos x="connsiteX105" y="connsiteY105"/>
                            </a:cxn>
                            <a:cxn ang="0">
                              <a:pos x="connsiteX106" y="connsiteY106"/>
                            </a:cxn>
                            <a:cxn ang="0">
                              <a:pos x="connsiteX107" y="connsiteY107"/>
                            </a:cxn>
                            <a:cxn ang="0">
                              <a:pos x="connsiteX108" y="connsiteY108"/>
                            </a:cxn>
                            <a:cxn ang="0">
                              <a:pos x="connsiteX109" y="connsiteY109"/>
                            </a:cxn>
                            <a:cxn ang="0">
                              <a:pos x="connsiteX110" y="connsiteY110"/>
                            </a:cxn>
                            <a:cxn ang="0">
                              <a:pos x="connsiteX111" y="connsiteY111"/>
                            </a:cxn>
                            <a:cxn ang="0">
                              <a:pos x="connsiteX112" y="connsiteY112"/>
                            </a:cxn>
                            <a:cxn ang="0">
                              <a:pos x="connsiteX113" y="connsiteY113"/>
                            </a:cxn>
                            <a:cxn ang="0">
                              <a:pos x="connsiteX114" y="connsiteY114"/>
                            </a:cxn>
                            <a:cxn ang="0">
                              <a:pos x="connsiteX115" y="connsiteY115"/>
                            </a:cxn>
                            <a:cxn ang="0">
                              <a:pos x="connsiteX116" y="connsiteY116"/>
                            </a:cxn>
                            <a:cxn ang="0">
                              <a:pos x="connsiteX117" y="connsiteY117"/>
                            </a:cxn>
                            <a:cxn ang="0">
                              <a:pos x="connsiteX118" y="connsiteY118"/>
                            </a:cxn>
                            <a:cxn ang="0">
                              <a:pos x="connsiteX119" y="connsiteY119"/>
                            </a:cxn>
                            <a:cxn ang="0">
                              <a:pos x="connsiteX120" y="connsiteY120"/>
                            </a:cxn>
                            <a:cxn ang="0">
                              <a:pos x="connsiteX121" y="connsiteY121"/>
                            </a:cxn>
                            <a:cxn ang="0">
                              <a:pos x="connsiteX122" y="connsiteY122"/>
                            </a:cxn>
                            <a:cxn ang="0">
                              <a:pos x="connsiteX123" y="connsiteY123"/>
                            </a:cxn>
                            <a:cxn ang="0">
                              <a:pos x="connsiteX124" y="connsiteY124"/>
                            </a:cxn>
                            <a:cxn ang="0">
                              <a:pos x="connsiteX125" y="connsiteY125"/>
                            </a:cxn>
                            <a:cxn ang="0">
                              <a:pos x="connsiteX126" y="connsiteY126"/>
                            </a:cxn>
                            <a:cxn ang="0">
                              <a:pos x="connsiteX127" y="connsiteY127"/>
                            </a:cxn>
                            <a:cxn ang="0">
                              <a:pos x="connsiteX128" y="connsiteY128"/>
                            </a:cxn>
                            <a:cxn ang="0">
                              <a:pos x="connsiteX129" y="connsiteY129"/>
                            </a:cxn>
                            <a:cxn ang="0">
                              <a:pos x="connsiteX130" y="connsiteY130"/>
                            </a:cxn>
                            <a:cxn ang="0">
                              <a:pos x="connsiteX131" y="connsiteY131"/>
                            </a:cxn>
                            <a:cxn ang="0">
                              <a:pos x="connsiteX132" y="connsiteY132"/>
                            </a:cxn>
                            <a:cxn ang="0">
                              <a:pos x="connsiteX133" y="connsiteY133"/>
                            </a:cxn>
                            <a:cxn ang="0">
                              <a:pos x="connsiteX134" y="connsiteY134"/>
                            </a:cxn>
                            <a:cxn ang="0">
                              <a:pos x="connsiteX135" y="connsiteY135"/>
                            </a:cxn>
                            <a:cxn ang="0">
                              <a:pos x="connsiteX136" y="connsiteY136"/>
                            </a:cxn>
                            <a:cxn ang="0">
                              <a:pos x="connsiteX137" y="connsiteY137"/>
                            </a:cxn>
                            <a:cxn ang="0">
                              <a:pos x="connsiteX138" y="connsiteY138"/>
                            </a:cxn>
                            <a:cxn ang="0">
                              <a:pos x="connsiteX139" y="connsiteY139"/>
                            </a:cxn>
                            <a:cxn ang="0">
                              <a:pos x="connsiteX140" y="connsiteY140"/>
                            </a:cxn>
                            <a:cxn ang="0">
                              <a:pos x="connsiteX141" y="connsiteY141"/>
                            </a:cxn>
                            <a:cxn ang="0">
                              <a:pos x="connsiteX142" y="connsiteY142"/>
                            </a:cxn>
                            <a:cxn ang="0">
                              <a:pos x="connsiteX143" y="connsiteY143"/>
                            </a:cxn>
                            <a:cxn ang="0">
                              <a:pos x="connsiteX144" y="connsiteY144"/>
                            </a:cxn>
                            <a:cxn ang="0">
                              <a:pos x="connsiteX145" y="connsiteY145"/>
                            </a:cxn>
                            <a:cxn ang="0">
                              <a:pos x="connsiteX146" y="connsiteY146"/>
                            </a:cxn>
                            <a:cxn ang="0">
                              <a:pos x="connsiteX147" y="connsiteY147"/>
                            </a:cxn>
                            <a:cxn ang="0">
                              <a:pos x="connsiteX148" y="connsiteY148"/>
                            </a:cxn>
                            <a:cxn ang="0">
                              <a:pos x="connsiteX149" y="connsiteY149"/>
                            </a:cxn>
                            <a:cxn ang="0">
                              <a:pos x="connsiteX150" y="connsiteY150"/>
                            </a:cxn>
                            <a:cxn ang="0">
                              <a:pos x="connsiteX151" y="connsiteY151"/>
                            </a:cxn>
                            <a:cxn ang="0">
                              <a:pos x="connsiteX152" y="connsiteY152"/>
                            </a:cxn>
                            <a:cxn ang="0">
                              <a:pos x="connsiteX153" y="connsiteY153"/>
                            </a:cxn>
                            <a:cxn ang="0">
                              <a:pos x="connsiteX154" y="connsiteY154"/>
                            </a:cxn>
                            <a:cxn ang="0">
                              <a:pos x="connsiteX155" y="connsiteY155"/>
                            </a:cxn>
                            <a:cxn ang="0">
                              <a:pos x="connsiteX156" y="connsiteY156"/>
                            </a:cxn>
                            <a:cxn ang="0">
                              <a:pos x="connsiteX157" y="connsiteY157"/>
                            </a:cxn>
                            <a:cxn ang="0">
                              <a:pos x="connsiteX158" y="connsiteY158"/>
                            </a:cxn>
                            <a:cxn ang="0">
                              <a:pos x="connsiteX159" y="connsiteY159"/>
                            </a:cxn>
                            <a:cxn ang="0">
                              <a:pos x="connsiteX160" y="connsiteY160"/>
                            </a:cxn>
                            <a:cxn ang="0">
                              <a:pos x="connsiteX161" y="connsiteY161"/>
                            </a:cxn>
                            <a:cxn ang="0">
                              <a:pos x="connsiteX162" y="connsiteY162"/>
                            </a:cxn>
                            <a:cxn ang="0">
                              <a:pos x="connsiteX163" y="connsiteY163"/>
                            </a:cxn>
                            <a:cxn ang="0">
                              <a:pos x="connsiteX164" y="connsiteY164"/>
                            </a:cxn>
                            <a:cxn ang="0">
                              <a:pos x="connsiteX165" y="connsiteY165"/>
                            </a:cxn>
                            <a:cxn ang="0">
                              <a:pos x="connsiteX166" y="connsiteY166"/>
                            </a:cxn>
                            <a:cxn ang="0">
                              <a:pos x="connsiteX167" y="connsiteY167"/>
                            </a:cxn>
                            <a:cxn ang="0">
                              <a:pos x="connsiteX168" y="connsiteY168"/>
                            </a:cxn>
                            <a:cxn ang="0">
                              <a:pos x="connsiteX169" y="connsiteY169"/>
                            </a:cxn>
                            <a:cxn ang="0">
                              <a:pos x="connsiteX170" y="connsiteY170"/>
                            </a:cxn>
                            <a:cxn ang="0">
                              <a:pos x="connsiteX171" y="connsiteY171"/>
                            </a:cxn>
                            <a:cxn ang="0">
                              <a:pos x="connsiteX172" y="connsiteY172"/>
                            </a:cxn>
                            <a:cxn ang="0">
                              <a:pos x="connsiteX173" y="connsiteY173"/>
                            </a:cxn>
                            <a:cxn ang="0">
                              <a:pos x="connsiteX174" y="connsiteY174"/>
                            </a:cxn>
                            <a:cxn ang="0">
                              <a:pos x="connsiteX175" y="connsiteY175"/>
                            </a:cxn>
                            <a:cxn ang="0">
                              <a:pos x="connsiteX176" y="connsiteY176"/>
                            </a:cxn>
                            <a:cxn ang="0">
                              <a:pos x="connsiteX177" y="connsiteY177"/>
                            </a:cxn>
                            <a:cxn ang="0">
                              <a:pos x="connsiteX178" y="connsiteY178"/>
                            </a:cxn>
                            <a:cxn ang="0">
                              <a:pos x="connsiteX179" y="connsiteY179"/>
                            </a:cxn>
                            <a:cxn ang="0">
                              <a:pos x="connsiteX180" y="connsiteY180"/>
                            </a:cxn>
                            <a:cxn ang="0">
                              <a:pos x="connsiteX181" y="connsiteY181"/>
                            </a:cxn>
                            <a:cxn ang="0">
                              <a:pos x="connsiteX182" y="connsiteY182"/>
                            </a:cxn>
                            <a:cxn ang="0">
                              <a:pos x="connsiteX183" y="connsiteY183"/>
                            </a:cxn>
                            <a:cxn ang="0">
                              <a:pos x="connsiteX184" y="connsiteY184"/>
                            </a:cxn>
                            <a:cxn ang="0">
                              <a:pos x="connsiteX185" y="connsiteY185"/>
                            </a:cxn>
                            <a:cxn ang="0">
                              <a:pos x="connsiteX186" y="connsiteY186"/>
                            </a:cxn>
                            <a:cxn ang="0">
                              <a:pos x="connsiteX187" y="connsiteY187"/>
                            </a:cxn>
                            <a:cxn ang="0">
                              <a:pos x="connsiteX188" y="connsiteY188"/>
                            </a:cxn>
                            <a:cxn ang="0">
                              <a:pos x="connsiteX189" y="connsiteY189"/>
                            </a:cxn>
                            <a:cxn ang="0">
                              <a:pos x="connsiteX190" y="connsiteY190"/>
                            </a:cxn>
                            <a:cxn ang="0">
                              <a:pos x="connsiteX191" y="connsiteY191"/>
                            </a:cxn>
                            <a:cxn ang="0">
                              <a:pos x="connsiteX192" y="connsiteY192"/>
                            </a:cxn>
                            <a:cxn ang="0">
                              <a:pos x="connsiteX193" y="connsiteY193"/>
                            </a:cxn>
                            <a:cxn ang="0">
                              <a:pos x="connsiteX194" y="connsiteY194"/>
                            </a:cxn>
                            <a:cxn ang="0">
                              <a:pos x="connsiteX195" y="connsiteY195"/>
                            </a:cxn>
                            <a:cxn ang="0">
                              <a:pos x="connsiteX196" y="connsiteY196"/>
                            </a:cxn>
                            <a:cxn ang="0">
                              <a:pos x="connsiteX197" y="connsiteY197"/>
                            </a:cxn>
                            <a:cxn ang="0">
                              <a:pos x="connsiteX198" y="connsiteY198"/>
                            </a:cxn>
                            <a:cxn ang="0">
                              <a:pos x="connsiteX199" y="connsiteY199"/>
                            </a:cxn>
                            <a:cxn ang="0">
                              <a:pos x="connsiteX200" y="connsiteY200"/>
                            </a:cxn>
                            <a:cxn ang="0">
                              <a:pos x="connsiteX201" y="connsiteY201"/>
                            </a:cxn>
                            <a:cxn ang="0">
                              <a:pos x="connsiteX202" y="connsiteY202"/>
                            </a:cxn>
                            <a:cxn ang="0">
                              <a:pos x="connsiteX203" y="connsiteY203"/>
                            </a:cxn>
                            <a:cxn ang="0">
                              <a:pos x="connsiteX204" y="connsiteY204"/>
                            </a:cxn>
                            <a:cxn ang="0">
                              <a:pos x="connsiteX205" y="connsiteY205"/>
                            </a:cxn>
                            <a:cxn ang="0">
                              <a:pos x="connsiteX206" y="connsiteY206"/>
                            </a:cxn>
                            <a:cxn ang="0">
                              <a:pos x="connsiteX207" y="connsiteY207"/>
                            </a:cxn>
                            <a:cxn ang="0">
                              <a:pos x="connsiteX208" y="connsiteY208"/>
                            </a:cxn>
                            <a:cxn ang="0">
                              <a:pos x="connsiteX209" y="connsiteY209"/>
                            </a:cxn>
                            <a:cxn ang="0">
                              <a:pos x="connsiteX210" y="connsiteY210"/>
                            </a:cxn>
                            <a:cxn ang="0">
                              <a:pos x="connsiteX211" y="connsiteY211"/>
                            </a:cxn>
                            <a:cxn ang="0">
                              <a:pos x="connsiteX212" y="connsiteY212"/>
                            </a:cxn>
                            <a:cxn ang="0">
                              <a:pos x="connsiteX213" y="connsiteY213"/>
                            </a:cxn>
                            <a:cxn ang="0">
                              <a:pos x="connsiteX214" y="connsiteY214"/>
                            </a:cxn>
                            <a:cxn ang="0">
                              <a:pos x="connsiteX215" y="connsiteY215"/>
                            </a:cxn>
                            <a:cxn ang="0">
                              <a:pos x="connsiteX216" y="connsiteY216"/>
                            </a:cxn>
                            <a:cxn ang="0">
                              <a:pos x="connsiteX217" y="connsiteY217"/>
                            </a:cxn>
                            <a:cxn ang="0">
                              <a:pos x="connsiteX218" y="connsiteY218"/>
                            </a:cxn>
                            <a:cxn ang="0">
                              <a:pos x="connsiteX219" y="connsiteY219"/>
                            </a:cxn>
                            <a:cxn ang="0">
                              <a:pos x="connsiteX220" y="connsiteY220"/>
                            </a:cxn>
                            <a:cxn ang="0">
                              <a:pos x="connsiteX221" y="connsiteY221"/>
                            </a:cxn>
                            <a:cxn ang="0">
                              <a:pos x="connsiteX222" y="connsiteY222"/>
                            </a:cxn>
                            <a:cxn ang="0">
                              <a:pos x="connsiteX223" y="connsiteY223"/>
                            </a:cxn>
                            <a:cxn ang="0">
                              <a:pos x="connsiteX224" y="connsiteY224"/>
                            </a:cxn>
                            <a:cxn ang="0">
                              <a:pos x="connsiteX225" y="connsiteY225"/>
                            </a:cxn>
                            <a:cxn ang="0">
                              <a:pos x="connsiteX226" y="connsiteY226"/>
                            </a:cxn>
                            <a:cxn ang="0">
                              <a:pos x="connsiteX227" y="connsiteY227"/>
                            </a:cxn>
                            <a:cxn ang="0">
                              <a:pos x="connsiteX228" y="connsiteY228"/>
                            </a:cxn>
                            <a:cxn ang="0">
                              <a:pos x="connsiteX229" y="connsiteY229"/>
                            </a:cxn>
                            <a:cxn ang="0">
                              <a:pos x="connsiteX230" y="connsiteY230"/>
                            </a:cxn>
                            <a:cxn ang="0">
                              <a:pos x="connsiteX231" y="connsiteY231"/>
                            </a:cxn>
                            <a:cxn ang="0">
                              <a:pos x="connsiteX232" y="connsiteY232"/>
                            </a:cxn>
                            <a:cxn ang="0">
                              <a:pos x="connsiteX233" y="connsiteY233"/>
                            </a:cxn>
                            <a:cxn ang="0">
                              <a:pos x="connsiteX234" y="connsiteY234"/>
                            </a:cxn>
                            <a:cxn ang="0">
                              <a:pos x="connsiteX235" y="connsiteY235"/>
                            </a:cxn>
                            <a:cxn ang="0">
                              <a:pos x="connsiteX236" y="connsiteY236"/>
                            </a:cxn>
                            <a:cxn ang="0">
                              <a:pos x="connsiteX237" y="connsiteY237"/>
                            </a:cxn>
                            <a:cxn ang="0">
                              <a:pos x="connsiteX238" y="connsiteY238"/>
                            </a:cxn>
                            <a:cxn ang="0">
                              <a:pos x="connsiteX239" y="connsiteY239"/>
                            </a:cxn>
                            <a:cxn ang="0">
                              <a:pos x="connsiteX240" y="connsiteY240"/>
                            </a:cxn>
                            <a:cxn ang="0">
                              <a:pos x="connsiteX241" y="connsiteY241"/>
                            </a:cxn>
                            <a:cxn ang="0">
                              <a:pos x="connsiteX242" y="connsiteY242"/>
                            </a:cxn>
                            <a:cxn ang="0">
                              <a:pos x="connsiteX243" y="connsiteY243"/>
                            </a:cxn>
                            <a:cxn ang="0">
                              <a:pos x="connsiteX244" y="connsiteY244"/>
                            </a:cxn>
                            <a:cxn ang="0">
                              <a:pos x="connsiteX245" y="connsiteY245"/>
                            </a:cxn>
                            <a:cxn ang="0">
                              <a:pos x="connsiteX246" y="connsiteY246"/>
                            </a:cxn>
                            <a:cxn ang="0">
                              <a:pos x="connsiteX247" y="connsiteY247"/>
                            </a:cxn>
                            <a:cxn ang="0">
                              <a:pos x="connsiteX248" y="connsiteY248"/>
                            </a:cxn>
                            <a:cxn ang="0">
                              <a:pos x="connsiteX249" y="connsiteY249"/>
                            </a:cxn>
                            <a:cxn ang="0">
                              <a:pos x="connsiteX250" y="connsiteY250"/>
                            </a:cxn>
                            <a:cxn ang="0">
                              <a:pos x="connsiteX251" y="connsiteY251"/>
                            </a:cxn>
                            <a:cxn ang="0">
                              <a:pos x="connsiteX252" y="connsiteY252"/>
                            </a:cxn>
                            <a:cxn ang="0">
                              <a:pos x="connsiteX253" y="connsiteY253"/>
                            </a:cxn>
                            <a:cxn ang="0">
                              <a:pos x="connsiteX254" y="connsiteY254"/>
                            </a:cxn>
                            <a:cxn ang="0">
                              <a:pos x="connsiteX255" y="connsiteY255"/>
                            </a:cxn>
                            <a:cxn ang="0">
                              <a:pos x="connsiteX256" y="connsiteY256"/>
                            </a:cxn>
                            <a:cxn ang="0">
                              <a:pos x="connsiteX257" y="connsiteY257"/>
                            </a:cxn>
                            <a:cxn ang="0">
                              <a:pos x="connsiteX258" y="connsiteY258"/>
                            </a:cxn>
                            <a:cxn ang="0">
                              <a:pos x="connsiteX259" y="connsiteY259"/>
                            </a:cxn>
                            <a:cxn ang="0">
                              <a:pos x="connsiteX260" y="connsiteY260"/>
                            </a:cxn>
                            <a:cxn ang="0">
                              <a:pos x="connsiteX261" y="connsiteY261"/>
                            </a:cxn>
                            <a:cxn ang="0">
                              <a:pos x="connsiteX262" y="connsiteY262"/>
                            </a:cxn>
                            <a:cxn ang="0">
                              <a:pos x="connsiteX263" y="connsiteY263"/>
                            </a:cxn>
                            <a:cxn ang="0">
                              <a:pos x="connsiteX264" y="connsiteY264"/>
                            </a:cxn>
                            <a:cxn ang="0">
                              <a:pos x="connsiteX265" y="connsiteY265"/>
                            </a:cxn>
                            <a:cxn ang="0">
                              <a:pos x="connsiteX266" y="connsiteY266"/>
                            </a:cxn>
                            <a:cxn ang="0">
                              <a:pos x="connsiteX267" y="connsiteY267"/>
                            </a:cxn>
                            <a:cxn ang="0">
                              <a:pos x="connsiteX268" y="connsiteY268"/>
                            </a:cxn>
                            <a:cxn ang="0">
                              <a:pos x="connsiteX269" y="connsiteY269"/>
                            </a:cxn>
                            <a:cxn ang="0">
                              <a:pos x="connsiteX270" y="connsiteY270"/>
                            </a:cxn>
                            <a:cxn ang="0">
                              <a:pos x="connsiteX271" y="connsiteY271"/>
                            </a:cxn>
                            <a:cxn ang="0">
                              <a:pos x="connsiteX272" y="connsiteY272"/>
                            </a:cxn>
                            <a:cxn ang="0">
                              <a:pos x="connsiteX273" y="connsiteY273"/>
                            </a:cxn>
                            <a:cxn ang="0">
                              <a:pos x="connsiteX274" y="connsiteY274"/>
                            </a:cxn>
                            <a:cxn ang="0">
                              <a:pos x="connsiteX275" y="connsiteY275"/>
                            </a:cxn>
                            <a:cxn ang="0">
                              <a:pos x="connsiteX276" y="connsiteY276"/>
                            </a:cxn>
                            <a:cxn ang="0">
                              <a:pos x="connsiteX277" y="connsiteY277"/>
                            </a:cxn>
                            <a:cxn ang="0">
                              <a:pos x="connsiteX278" y="connsiteY278"/>
                            </a:cxn>
                            <a:cxn ang="0">
                              <a:pos x="connsiteX279" y="connsiteY279"/>
                            </a:cxn>
                            <a:cxn ang="0">
                              <a:pos x="connsiteX280" y="connsiteY280"/>
                            </a:cxn>
                            <a:cxn ang="0">
                              <a:pos x="connsiteX281" y="connsiteY281"/>
                            </a:cxn>
                            <a:cxn ang="0">
                              <a:pos x="connsiteX282" y="connsiteY282"/>
                            </a:cxn>
                            <a:cxn ang="0">
                              <a:pos x="connsiteX283" y="connsiteY283"/>
                            </a:cxn>
                            <a:cxn ang="0">
                              <a:pos x="connsiteX284" y="connsiteY284"/>
                            </a:cxn>
                            <a:cxn ang="0">
                              <a:pos x="connsiteX285" y="connsiteY285"/>
                            </a:cxn>
                            <a:cxn ang="0">
                              <a:pos x="connsiteX286" y="connsiteY286"/>
                            </a:cxn>
                            <a:cxn ang="0">
                              <a:pos x="connsiteX287" y="connsiteY287"/>
                            </a:cxn>
                            <a:cxn ang="0">
                              <a:pos x="connsiteX288" y="connsiteY288"/>
                            </a:cxn>
                            <a:cxn ang="0">
                              <a:pos x="connsiteX289" y="connsiteY289"/>
                            </a:cxn>
                            <a:cxn ang="0">
                              <a:pos x="connsiteX290" y="connsiteY290"/>
                            </a:cxn>
                            <a:cxn ang="0">
                              <a:pos x="connsiteX291" y="connsiteY291"/>
                            </a:cxn>
                            <a:cxn ang="0">
                              <a:pos x="connsiteX292" y="connsiteY292"/>
                            </a:cxn>
                            <a:cxn ang="0">
                              <a:pos x="connsiteX293" y="connsiteY293"/>
                            </a:cxn>
                            <a:cxn ang="0">
                              <a:pos x="connsiteX294" y="connsiteY294"/>
                            </a:cxn>
                            <a:cxn ang="0">
                              <a:pos x="connsiteX295" y="connsiteY295"/>
                            </a:cxn>
                            <a:cxn ang="0">
                              <a:pos x="connsiteX296" y="connsiteY296"/>
                            </a:cxn>
                            <a:cxn ang="0">
                              <a:pos x="connsiteX297" y="connsiteY297"/>
                            </a:cxn>
                            <a:cxn ang="0">
                              <a:pos x="connsiteX298" y="connsiteY298"/>
                            </a:cxn>
                            <a:cxn ang="0">
                              <a:pos x="connsiteX299" y="connsiteY299"/>
                            </a:cxn>
                            <a:cxn ang="0">
                              <a:pos x="connsiteX300" y="connsiteY300"/>
                            </a:cxn>
                            <a:cxn ang="0">
                              <a:pos x="connsiteX301" y="connsiteY301"/>
                            </a:cxn>
                            <a:cxn ang="0">
                              <a:pos x="connsiteX302" y="connsiteY302"/>
                            </a:cxn>
                            <a:cxn ang="0">
                              <a:pos x="connsiteX303" y="connsiteY303"/>
                            </a:cxn>
                            <a:cxn ang="0">
                              <a:pos x="connsiteX304" y="connsiteY304"/>
                            </a:cxn>
                            <a:cxn ang="0">
                              <a:pos x="connsiteX305" y="connsiteY305"/>
                            </a:cxn>
                            <a:cxn ang="0">
                              <a:pos x="connsiteX306" y="connsiteY306"/>
                            </a:cxn>
                            <a:cxn ang="0">
                              <a:pos x="connsiteX307" y="connsiteY307"/>
                            </a:cxn>
                            <a:cxn ang="0">
                              <a:pos x="connsiteX308" y="connsiteY308"/>
                            </a:cxn>
                            <a:cxn ang="0">
                              <a:pos x="connsiteX309" y="connsiteY309"/>
                            </a:cxn>
                            <a:cxn ang="0">
                              <a:pos x="connsiteX310" y="connsiteY310"/>
                            </a:cxn>
                            <a:cxn ang="0">
                              <a:pos x="connsiteX311" y="connsiteY311"/>
                            </a:cxn>
                            <a:cxn ang="0">
                              <a:pos x="connsiteX312" y="connsiteY312"/>
                            </a:cxn>
                            <a:cxn ang="0">
                              <a:pos x="connsiteX313" y="connsiteY313"/>
                            </a:cxn>
                            <a:cxn ang="0">
                              <a:pos x="connsiteX314" y="connsiteY314"/>
                            </a:cxn>
                            <a:cxn ang="0">
                              <a:pos x="connsiteX315" y="connsiteY315"/>
                            </a:cxn>
                            <a:cxn ang="0">
                              <a:pos x="connsiteX316" y="connsiteY316"/>
                            </a:cxn>
                            <a:cxn ang="0">
                              <a:pos x="connsiteX317" y="connsiteY317"/>
                            </a:cxn>
                            <a:cxn ang="0">
                              <a:pos x="connsiteX318" y="connsiteY318"/>
                            </a:cxn>
                            <a:cxn ang="0">
                              <a:pos x="connsiteX319" y="connsiteY319"/>
                            </a:cxn>
                            <a:cxn ang="0">
                              <a:pos x="connsiteX320" y="connsiteY320"/>
                            </a:cxn>
                            <a:cxn ang="0">
                              <a:pos x="connsiteX321" y="connsiteY321"/>
                            </a:cxn>
                            <a:cxn ang="0">
                              <a:pos x="connsiteX322" y="connsiteY322"/>
                            </a:cxn>
                            <a:cxn ang="0">
                              <a:pos x="connsiteX323" y="connsiteY323"/>
                            </a:cxn>
                            <a:cxn ang="0">
                              <a:pos x="connsiteX324" y="connsiteY324"/>
                            </a:cxn>
                            <a:cxn ang="0">
                              <a:pos x="connsiteX325" y="connsiteY325"/>
                            </a:cxn>
                            <a:cxn ang="0">
                              <a:pos x="connsiteX326" y="connsiteY326"/>
                            </a:cxn>
                            <a:cxn ang="0">
                              <a:pos x="connsiteX327" y="connsiteY327"/>
                            </a:cxn>
                            <a:cxn ang="0">
                              <a:pos x="connsiteX328" y="connsiteY328"/>
                            </a:cxn>
                            <a:cxn ang="0">
                              <a:pos x="connsiteX329" y="connsiteY329"/>
                            </a:cxn>
                            <a:cxn ang="0">
                              <a:pos x="connsiteX330" y="connsiteY330"/>
                            </a:cxn>
                            <a:cxn ang="0">
                              <a:pos x="connsiteX331" y="connsiteY331"/>
                            </a:cxn>
                            <a:cxn ang="0">
                              <a:pos x="connsiteX332" y="connsiteY332"/>
                            </a:cxn>
                            <a:cxn ang="0">
                              <a:pos x="connsiteX333" y="connsiteY333"/>
                            </a:cxn>
                            <a:cxn ang="0">
                              <a:pos x="connsiteX334" y="connsiteY334"/>
                            </a:cxn>
                            <a:cxn ang="0">
                              <a:pos x="connsiteX335" y="connsiteY335"/>
                            </a:cxn>
                            <a:cxn ang="0">
                              <a:pos x="connsiteX336" y="connsiteY336"/>
                            </a:cxn>
                            <a:cxn ang="0">
                              <a:pos x="connsiteX337" y="connsiteY337"/>
                            </a:cxn>
                            <a:cxn ang="0">
                              <a:pos x="connsiteX338" y="connsiteY338"/>
                            </a:cxn>
                            <a:cxn ang="0">
                              <a:pos x="connsiteX339" y="connsiteY339"/>
                            </a:cxn>
                            <a:cxn ang="0">
                              <a:pos x="connsiteX340" y="connsiteY340"/>
                            </a:cxn>
                            <a:cxn ang="0">
                              <a:pos x="connsiteX341" y="connsiteY341"/>
                            </a:cxn>
                            <a:cxn ang="0">
                              <a:pos x="connsiteX342" y="connsiteY342"/>
                            </a:cxn>
                            <a:cxn ang="0">
                              <a:pos x="connsiteX343" y="connsiteY343"/>
                            </a:cxn>
                            <a:cxn ang="0">
                              <a:pos x="connsiteX344" y="connsiteY344"/>
                            </a:cxn>
                            <a:cxn ang="0">
                              <a:pos x="connsiteX345" y="connsiteY345"/>
                            </a:cxn>
                            <a:cxn ang="0">
                              <a:pos x="connsiteX346" y="connsiteY346"/>
                            </a:cxn>
                            <a:cxn ang="0">
                              <a:pos x="connsiteX347" y="connsiteY347"/>
                            </a:cxn>
                            <a:cxn ang="0">
                              <a:pos x="connsiteX348" y="connsiteY348"/>
                            </a:cxn>
                            <a:cxn ang="0">
                              <a:pos x="connsiteX349" y="connsiteY349"/>
                            </a:cxn>
                            <a:cxn ang="0">
                              <a:pos x="connsiteX350" y="connsiteY350"/>
                            </a:cxn>
                            <a:cxn ang="0">
                              <a:pos x="connsiteX351" y="connsiteY351"/>
                            </a:cxn>
                            <a:cxn ang="0">
                              <a:pos x="connsiteX352" y="connsiteY352"/>
                            </a:cxn>
                            <a:cxn ang="0">
                              <a:pos x="connsiteX353" y="connsiteY353"/>
                            </a:cxn>
                            <a:cxn ang="0">
                              <a:pos x="connsiteX354" y="connsiteY354"/>
                            </a:cxn>
                            <a:cxn ang="0">
                              <a:pos x="connsiteX355" y="connsiteY355"/>
                            </a:cxn>
                            <a:cxn ang="0">
                              <a:pos x="connsiteX356" y="connsiteY356"/>
                            </a:cxn>
                            <a:cxn ang="0">
                              <a:pos x="connsiteX357" y="connsiteY357"/>
                            </a:cxn>
                            <a:cxn ang="0">
                              <a:pos x="connsiteX358" y="connsiteY358"/>
                            </a:cxn>
                            <a:cxn ang="0">
                              <a:pos x="connsiteX359" y="connsiteY359"/>
                            </a:cxn>
                            <a:cxn ang="0">
                              <a:pos x="connsiteX360" y="connsiteY360"/>
                            </a:cxn>
                            <a:cxn ang="0">
                              <a:pos x="connsiteX361" y="connsiteY361"/>
                            </a:cxn>
                            <a:cxn ang="0">
                              <a:pos x="connsiteX362" y="connsiteY362"/>
                            </a:cxn>
                            <a:cxn ang="0">
                              <a:pos x="connsiteX363" y="connsiteY363"/>
                            </a:cxn>
                            <a:cxn ang="0">
                              <a:pos x="connsiteX364" y="connsiteY364"/>
                            </a:cxn>
                            <a:cxn ang="0">
                              <a:pos x="connsiteX365" y="connsiteY365"/>
                            </a:cxn>
                            <a:cxn ang="0">
                              <a:pos x="connsiteX366" y="connsiteY366"/>
                            </a:cxn>
                            <a:cxn ang="0">
                              <a:pos x="connsiteX367" y="connsiteY367"/>
                            </a:cxn>
                            <a:cxn ang="0">
                              <a:pos x="connsiteX368" y="connsiteY368"/>
                            </a:cxn>
                            <a:cxn ang="0">
                              <a:pos x="connsiteX369" y="connsiteY369"/>
                            </a:cxn>
                            <a:cxn ang="0">
                              <a:pos x="connsiteX370" y="connsiteY370"/>
                            </a:cxn>
                            <a:cxn ang="0">
                              <a:pos x="connsiteX371" y="connsiteY371"/>
                            </a:cxn>
                            <a:cxn ang="0">
                              <a:pos x="connsiteX372" y="connsiteY372"/>
                            </a:cxn>
                            <a:cxn ang="0">
                              <a:pos x="connsiteX373" y="connsiteY373"/>
                            </a:cxn>
                            <a:cxn ang="0">
                              <a:pos x="connsiteX374" y="connsiteY374"/>
                            </a:cxn>
                            <a:cxn ang="0">
                              <a:pos x="connsiteX375" y="connsiteY375"/>
                            </a:cxn>
                            <a:cxn ang="0">
                              <a:pos x="connsiteX376" y="connsiteY376"/>
                            </a:cxn>
                            <a:cxn ang="0">
                              <a:pos x="connsiteX377" y="connsiteY377"/>
                            </a:cxn>
                            <a:cxn ang="0">
                              <a:pos x="connsiteX378" y="connsiteY378"/>
                            </a:cxn>
                            <a:cxn ang="0">
                              <a:pos x="connsiteX379" y="connsiteY379"/>
                            </a:cxn>
                            <a:cxn ang="0">
                              <a:pos x="connsiteX380" y="connsiteY380"/>
                            </a:cxn>
                            <a:cxn ang="0">
                              <a:pos x="connsiteX381" y="connsiteY381"/>
                            </a:cxn>
                            <a:cxn ang="0">
                              <a:pos x="connsiteX382" y="connsiteY382"/>
                            </a:cxn>
                            <a:cxn ang="0">
                              <a:pos x="connsiteX383" y="connsiteY383"/>
                            </a:cxn>
                            <a:cxn ang="0">
                              <a:pos x="connsiteX384" y="connsiteY384"/>
                            </a:cxn>
                            <a:cxn ang="0">
                              <a:pos x="connsiteX385" y="connsiteY385"/>
                            </a:cxn>
                            <a:cxn ang="0">
                              <a:pos x="connsiteX386" y="connsiteY386"/>
                            </a:cxn>
                            <a:cxn ang="0">
                              <a:pos x="connsiteX387" y="connsiteY387"/>
                            </a:cxn>
                            <a:cxn ang="0">
                              <a:pos x="connsiteX388" y="connsiteY388"/>
                            </a:cxn>
                            <a:cxn ang="0">
                              <a:pos x="connsiteX389" y="connsiteY389"/>
                            </a:cxn>
                            <a:cxn ang="0">
                              <a:pos x="connsiteX390" y="connsiteY390"/>
                            </a:cxn>
                            <a:cxn ang="0">
                              <a:pos x="connsiteX391" y="connsiteY391"/>
                            </a:cxn>
                            <a:cxn ang="0">
                              <a:pos x="connsiteX392" y="connsiteY392"/>
                            </a:cxn>
                            <a:cxn ang="0">
                              <a:pos x="connsiteX393" y="connsiteY393"/>
                            </a:cxn>
                            <a:cxn ang="0">
                              <a:pos x="connsiteX394" y="connsiteY394"/>
                            </a:cxn>
                            <a:cxn ang="0">
                              <a:pos x="connsiteX395" y="connsiteY395"/>
                            </a:cxn>
                            <a:cxn ang="0">
                              <a:pos x="connsiteX396" y="connsiteY396"/>
                            </a:cxn>
                            <a:cxn ang="0">
                              <a:pos x="connsiteX397" y="connsiteY397"/>
                            </a:cxn>
                            <a:cxn ang="0">
                              <a:pos x="connsiteX398" y="connsiteY398"/>
                            </a:cxn>
                            <a:cxn ang="0">
                              <a:pos x="connsiteX399" y="connsiteY399"/>
                            </a:cxn>
                            <a:cxn ang="0">
                              <a:pos x="connsiteX400" y="connsiteY400"/>
                            </a:cxn>
                            <a:cxn ang="0">
                              <a:pos x="connsiteX401" y="connsiteY401"/>
                            </a:cxn>
                            <a:cxn ang="0">
                              <a:pos x="connsiteX402" y="connsiteY402"/>
                            </a:cxn>
                            <a:cxn ang="0">
                              <a:pos x="connsiteX403" y="connsiteY403"/>
                            </a:cxn>
                            <a:cxn ang="0">
                              <a:pos x="connsiteX404" y="connsiteY404"/>
                            </a:cxn>
                            <a:cxn ang="0">
                              <a:pos x="connsiteX405" y="connsiteY405"/>
                            </a:cxn>
                            <a:cxn ang="0">
                              <a:pos x="connsiteX406" y="connsiteY406"/>
                            </a:cxn>
                            <a:cxn ang="0">
                              <a:pos x="connsiteX407" y="connsiteY407"/>
                            </a:cxn>
                            <a:cxn ang="0">
                              <a:pos x="connsiteX408" y="connsiteY408"/>
                            </a:cxn>
                            <a:cxn ang="0">
                              <a:pos x="connsiteX409" y="connsiteY409"/>
                            </a:cxn>
                            <a:cxn ang="0">
                              <a:pos x="connsiteX410" y="connsiteY410"/>
                            </a:cxn>
                            <a:cxn ang="0">
                              <a:pos x="connsiteX411" y="connsiteY411"/>
                            </a:cxn>
                            <a:cxn ang="0">
                              <a:pos x="connsiteX412" y="connsiteY412"/>
                            </a:cxn>
                            <a:cxn ang="0">
                              <a:pos x="connsiteX413" y="connsiteY413"/>
                            </a:cxn>
                            <a:cxn ang="0">
                              <a:pos x="connsiteX414" y="connsiteY414"/>
                            </a:cxn>
                            <a:cxn ang="0">
                              <a:pos x="connsiteX415" y="connsiteY415"/>
                            </a:cxn>
                            <a:cxn ang="0">
                              <a:pos x="connsiteX416" y="connsiteY416"/>
                            </a:cxn>
                            <a:cxn ang="0">
                              <a:pos x="connsiteX417" y="connsiteY417"/>
                            </a:cxn>
                            <a:cxn ang="0">
                              <a:pos x="connsiteX418" y="connsiteY418"/>
                            </a:cxn>
                            <a:cxn ang="0">
                              <a:pos x="connsiteX419" y="connsiteY419"/>
                            </a:cxn>
                            <a:cxn ang="0">
                              <a:pos x="connsiteX420" y="connsiteY420"/>
                            </a:cxn>
                            <a:cxn ang="0">
                              <a:pos x="connsiteX421" y="connsiteY421"/>
                            </a:cxn>
                            <a:cxn ang="0">
                              <a:pos x="connsiteX422" y="connsiteY422"/>
                            </a:cxn>
                            <a:cxn ang="0">
                              <a:pos x="connsiteX423" y="connsiteY423"/>
                            </a:cxn>
                            <a:cxn ang="0">
                              <a:pos x="connsiteX424" y="connsiteY424"/>
                            </a:cxn>
                            <a:cxn ang="0">
                              <a:pos x="connsiteX425" y="connsiteY425"/>
                            </a:cxn>
                            <a:cxn ang="0">
                              <a:pos x="connsiteX426" y="connsiteY426"/>
                            </a:cxn>
                            <a:cxn ang="0">
                              <a:pos x="connsiteX427" y="connsiteY427"/>
                            </a:cxn>
                            <a:cxn ang="0">
                              <a:pos x="connsiteX428" y="connsiteY428"/>
                            </a:cxn>
                            <a:cxn ang="0">
                              <a:pos x="connsiteX429" y="connsiteY429"/>
                            </a:cxn>
                            <a:cxn ang="0">
                              <a:pos x="connsiteX430" y="connsiteY430"/>
                            </a:cxn>
                            <a:cxn ang="0">
                              <a:pos x="connsiteX431" y="connsiteY431"/>
                            </a:cxn>
                            <a:cxn ang="0">
                              <a:pos x="connsiteX432" y="connsiteY432"/>
                            </a:cxn>
                            <a:cxn ang="0">
                              <a:pos x="connsiteX433" y="connsiteY433"/>
                            </a:cxn>
                            <a:cxn ang="0">
                              <a:pos x="connsiteX434" y="connsiteY434"/>
                            </a:cxn>
                            <a:cxn ang="0">
                              <a:pos x="connsiteX435" y="connsiteY435"/>
                            </a:cxn>
                            <a:cxn ang="0">
                              <a:pos x="connsiteX436" y="connsiteY436"/>
                            </a:cxn>
                            <a:cxn ang="0">
                              <a:pos x="connsiteX437" y="connsiteY437"/>
                            </a:cxn>
                            <a:cxn ang="0">
                              <a:pos x="connsiteX438" y="connsiteY438"/>
                            </a:cxn>
                            <a:cxn ang="0">
                              <a:pos x="connsiteX439" y="connsiteY439"/>
                            </a:cxn>
                            <a:cxn ang="0">
                              <a:pos x="connsiteX440" y="connsiteY440"/>
                            </a:cxn>
                            <a:cxn ang="0">
                              <a:pos x="connsiteX441" y="connsiteY441"/>
                            </a:cxn>
                            <a:cxn ang="0">
                              <a:pos x="connsiteX442" y="connsiteY442"/>
                            </a:cxn>
                            <a:cxn ang="0">
                              <a:pos x="connsiteX443" y="connsiteY443"/>
                            </a:cxn>
                            <a:cxn ang="0">
                              <a:pos x="connsiteX444" y="connsiteY444"/>
                            </a:cxn>
                            <a:cxn ang="0">
                              <a:pos x="connsiteX445" y="connsiteY445"/>
                            </a:cxn>
                            <a:cxn ang="0">
                              <a:pos x="connsiteX446" y="connsiteY446"/>
                            </a:cxn>
                            <a:cxn ang="0">
                              <a:pos x="connsiteX447" y="connsiteY447"/>
                            </a:cxn>
                            <a:cxn ang="0">
                              <a:pos x="connsiteX448" y="connsiteY448"/>
                            </a:cxn>
                            <a:cxn ang="0">
                              <a:pos x="connsiteX449" y="connsiteY449"/>
                            </a:cxn>
                            <a:cxn ang="0">
                              <a:pos x="connsiteX450" y="connsiteY450"/>
                            </a:cxn>
                            <a:cxn ang="0">
                              <a:pos x="connsiteX451" y="connsiteY451"/>
                            </a:cxn>
                            <a:cxn ang="0">
                              <a:pos x="connsiteX452" y="connsiteY452"/>
                            </a:cxn>
                            <a:cxn ang="0">
                              <a:pos x="connsiteX453" y="connsiteY453"/>
                            </a:cxn>
                            <a:cxn ang="0">
                              <a:pos x="connsiteX454" y="connsiteY454"/>
                            </a:cxn>
                            <a:cxn ang="0">
                              <a:pos x="connsiteX455" y="connsiteY455"/>
                            </a:cxn>
                            <a:cxn ang="0">
                              <a:pos x="connsiteX456" y="connsiteY456"/>
                            </a:cxn>
                            <a:cxn ang="0">
                              <a:pos x="connsiteX457" y="connsiteY457"/>
                            </a:cxn>
                            <a:cxn ang="0">
                              <a:pos x="connsiteX458" y="connsiteY458"/>
                            </a:cxn>
                            <a:cxn ang="0">
                              <a:pos x="connsiteX459" y="connsiteY459"/>
                            </a:cxn>
                            <a:cxn ang="0">
                              <a:pos x="connsiteX460" y="connsiteY460"/>
                            </a:cxn>
                            <a:cxn ang="0">
                              <a:pos x="connsiteX461" y="connsiteY461"/>
                            </a:cxn>
                            <a:cxn ang="0">
                              <a:pos x="connsiteX462" y="connsiteY462"/>
                            </a:cxn>
                            <a:cxn ang="0">
                              <a:pos x="connsiteX463" y="connsiteY463"/>
                            </a:cxn>
                            <a:cxn ang="0">
                              <a:pos x="connsiteX464" y="connsiteY464"/>
                            </a:cxn>
                            <a:cxn ang="0">
                              <a:pos x="connsiteX465" y="connsiteY465"/>
                            </a:cxn>
                            <a:cxn ang="0">
                              <a:pos x="connsiteX466" y="connsiteY466"/>
                            </a:cxn>
                            <a:cxn ang="0">
                              <a:pos x="connsiteX467" y="connsiteY467"/>
                            </a:cxn>
                            <a:cxn ang="0">
                              <a:pos x="connsiteX468" y="connsiteY468"/>
                            </a:cxn>
                            <a:cxn ang="0">
                              <a:pos x="connsiteX469" y="connsiteY469"/>
                            </a:cxn>
                            <a:cxn ang="0">
                              <a:pos x="connsiteX470" y="connsiteY470"/>
                            </a:cxn>
                            <a:cxn ang="0">
                              <a:pos x="connsiteX471" y="connsiteY471"/>
                            </a:cxn>
                            <a:cxn ang="0">
                              <a:pos x="connsiteX472" y="connsiteY472"/>
                            </a:cxn>
                            <a:cxn ang="0">
                              <a:pos x="connsiteX473" y="connsiteY473"/>
                            </a:cxn>
                            <a:cxn ang="0">
                              <a:pos x="connsiteX474" y="connsiteY474"/>
                            </a:cxn>
                            <a:cxn ang="0">
                              <a:pos x="connsiteX475" y="connsiteY475"/>
                            </a:cxn>
                            <a:cxn ang="0">
                              <a:pos x="connsiteX476" y="connsiteY476"/>
                            </a:cxn>
                            <a:cxn ang="0">
                              <a:pos x="connsiteX477" y="connsiteY477"/>
                            </a:cxn>
                            <a:cxn ang="0">
                              <a:pos x="connsiteX478" y="connsiteY478"/>
                            </a:cxn>
                            <a:cxn ang="0">
                              <a:pos x="connsiteX479" y="connsiteY479"/>
                            </a:cxn>
                            <a:cxn ang="0">
                              <a:pos x="connsiteX480" y="connsiteY480"/>
                            </a:cxn>
                            <a:cxn ang="0">
                              <a:pos x="connsiteX481" y="connsiteY481"/>
                            </a:cxn>
                            <a:cxn ang="0">
                              <a:pos x="connsiteX482" y="connsiteY482"/>
                            </a:cxn>
                            <a:cxn ang="0">
                              <a:pos x="connsiteX483" y="connsiteY483"/>
                            </a:cxn>
                            <a:cxn ang="0">
                              <a:pos x="connsiteX484" y="connsiteY484"/>
                            </a:cxn>
                            <a:cxn ang="0">
                              <a:pos x="connsiteX485" y="connsiteY485"/>
                            </a:cxn>
                            <a:cxn ang="0">
                              <a:pos x="connsiteX486" y="connsiteY486"/>
                            </a:cxn>
                            <a:cxn ang="0">
                              <a:pos x="connsiteX487" y="connsiteY487"/>
                            </a:cxn>
                            <a:cxn ang="0">
                              <a:pos x="connsiteX488" y="connsiteY488"/>
                            </a:cxn>
                            <a:cxn ang="0">
                              <a:pos x="connsiteX489" y="connsiteY489"/>
                            </a:cxn>
                            <a:cxn ang="0">
                              <a:pos x="connsiteX490" y="connsiteY490"/>
                            </a:cxn>
                            <a:cxn ang="0">
                              <a:pos x="connsiteX491" y="connsiteY491"/>
                            </a:cxn>
                            <a:cxn ang="0">
                              <a:pos x="connsiteX492" y="connsiteY492"/>
                            </a:cxn>
                            <a:cxn ang="0">
                              <a:pos x="connsiteX493" y="connsiteY493"/>
                            </a:cxn>
                            <a:cxn ang="0">
                              <a:pos x="connsiteX494" y="connsiteY494"/>
                            </a:cxn>
                            <a:cxn ang="0">
                              <a:pos x="connsiteX495" y="connsiteY495"/>
                            </a:cxn>
                            <a:cxn ang="0">
                              <a:pos x="connsiteX496" y="connsiteY496"/>
                            </a:cxn>
                            <a:cxn ang="0">
                              <a:pos x="connsiteX497" y="connsiteY497"/>
                            </a:cxn>
                            <a:cxn ang="0">
                              <a:pos x="connsiteX498" y="connsiteY498"/>
                            </a:cxn>
                            <a:cxn ang="0">
                              <a:pos x="connsiteX499" y="connsiteY499"/>
                            </a:cxn>
                            <a:cxn ang="0">
                              <a:pos x="connsiteX500" y="connsiteY500"/>
                            </a:cxn>
                            <a:cxn ang="0">
                              <a:pos x="connsiteX501" y="connsiteY501"/>
                            </a:cxn>
                            <a:cxn ang="0">
                              <a:pos x="connsiteX502" y="connsiteY502"/>
                            </a:cxn>
                            <a:cxn ang="0">
                              <a:pos x="connsiteX503" y="connsiteY503"/>
                            </a:cxn>
                            <a:cxn ang="0">
                              <a:pos x="connsiteX504" y="connsiteY504"/>
                            </a:cxn>
                            <a:cxn ang="0">
                              <a:pos x="connsiteX505" y="connsiteY505"/>
                            </a:cxn>
                            <a:cxn ang="0">
                              <a:pos x="connsiteX506" y="connsiteY506"/>
                            </a:cxn>
                            <a:cxn ang="0">
                              <a:pos x="connsiteX507" y="connsiteY507"/>
                            </a:cxn>
                            <a:cxn ang="0">
                              <a:pos x="connsiteX508" y="connsiteY508"/>
                            </a:cxn>
                            <a:cxn ang="0">
                              <a:pos x="connsiteX509" y="connsiteY509"/>
                            </a:cxn>
                            <a:cxn ang="0">
                              <a:pos x="connsiteX510" y="connsiteY510"/>
                            </a:cxn>
                            <a:cxn ang="0">
                              <a:pos x="connsiteX511" y="connsiteY511"/>
                            </a:cxn>
                            <a:cxn ang="0">
                              <a:pos x="connsiteX512" y="connsiteY512"/>
                            </a:cxn>
                            <a:cxn ang="0">
                              <a:pos x="connsiteX513" y="connsiteY513"/>
                            </a:cxn>
                            <a:cxn ang="0">
                              <a:pos x="connsiteX514" y="connsiteY514"/>
                            </a:cxn>
                            <a:cxn ang="0">
                              <a:pos x="connsiteX515" y="connsiteY515"/>
                            </a:cxn>
                            <a:cxn ang="0">
                              <a:pos x="connsiteX516" y="connsiteY516"/>
                            </a:cxn>
                            <a:cxn ang="0">
                              <a:pos x="connsiteX517" y="connsiteY517"/>
                            </a:cxn>
                            <a:cxn ang="0">
                              <a:pos x="connsiteX518" y="connsiteY518"/>
                            </a:cxn>
                            <a:cxn ang="0">
                              <a:pos x="connsiteX519" y="connsiteY519"/>
                            </a:cxn>
                            <a:cxn ang="0">
                              <a:pos x="connsiteX520" y="connsiteY520"/>
                            </a:cxn>
                            <a:cxn ang="0">
                              <a:pos x="connsiteX521" y="connsiteY521"/>
                            </a:cxn>
                            <a:cxn ang="0">
                              <a:pos x="connsiteX522" y="connsiteY522"/>
                            </a:cxn>
                            <a:cxn ang="0">
                              <a:pos x="connsiteX523" y="connsiteY523"/>
                            </a:cxn>
                            <a:cxn ang="0">
                              <a:pos x="connsiteX524" y="connsiteY524"/>
                            </a:cxn>
                            <a:cxn ang="0">
                              <a:pos x="connsiteX525" y="connsiteY525"/>
                            </a:cxn>
                            <a:cxn ang="0">
                              <a:pos x="connsiteX526" y="connsiteY526"/>
                            </a:cxn>
                            <a:cxn ang="0">
                              <a:pos x="connsiteX527" y="connsiteY527"/>
                            </a:cxn>
                            <a:cxn ang="0">
                              <a:pos x="connsiteX528" y="connsiteY528"/>
                            </a:cxn>
                            <a:cxn ang="0">
                              <a:pos x="connsiteX529" y="connsiteY529"/>
                            </a:cxn>
                            <a:cxn ang="0">
                              <a:pos x="connsiteX530" y="connsiteY530"/>
                            </a:cxn>
                            <a:cxn ang="0">
                              <a:pos x="connsiteX531" y="connsiteY531"/>
                            </a:cxn>
                            <a:cxn ang="0">
                              <a:pos x="connsiteX532" y="connsiteY532"/>
                            </a:cxn>
                            <a:cxn ang="0">
                              <a:pos x="connsiteX533" y="connsiteY533"/>
                            </a:cxn>
                            <a:cxn ang="0">
                              <a:pos x="connsiteX534" y="connsiteY534"/>
                            </a:cxn>
                            <a:cxn ang="0">
                              <a:pos x="connsiteX535" y="connsiteY535"/>
                            </a:cxn>
                            <a:cxn ang="0">
                              <a:pos x="connsiteX536" y="connsiteY536"/>
                            </a:cxn>
                            <a:cxn ang="0">
                              <a:pos x="connsiteX537" y="connsiteY537"/>
                            </a:cxn>
                            <a:cxn ang="0">
                              <a:pos x="connsiteX538" y="connsiteY538"/>
                            </a:cxn>
                            <a:cxn ang="0">
                              <a:pos x="connsiteX539" y="connsiteY539"/>
                            </a:cxn>
                            <a:cxn ang="0">
                              <a:pos x="connsiteX540" y="connsiteY540"/>
                            </a:cxn>
                            <a:cxn ang="0">
                              <a:pos x="connsiteX541" y="connsiteY541"/>
                            </a:cxn>
                            <a:cxn ang="0">
                              <a:pos x="connsiteX542" y="connsiteY542"/>
                            </a:cxn>
                            <a:cxn ang="0">
                              <a:pos x="connsiteX543" y="connsiteY543"/>
                            </a:cxn>
                            <a:cxn ang="0">
                              <a:pos x="connsiteX544" y="connsiteY544"/>
                            </a:cxn>
                            <a:cxn ang="0">
                              <a:pos x="connsiteX545" y="connsiteY545"/>
                            </a:cxn>
                            <a:cxn ang="0">
                              <a:pos x="connsiteX546" y="connsiteY546"/>
                            </a:cxn>
                            <a:cxn ang="0">
                              <a:pos x="connsiteX547" y="connsiteY547"/>
                            </a:cxn>
                            <a:cxn ang="0">
                              <a:pos x="connsiteX548" y="connsiteY548"/>
                            </a:cxn>
                            <a:cxn ang="0">
                              <a:pos x="connsiteX549" y="connsiteY549"/>
                            </a:cxn>
                            <a:cxn ang="0">
                              <a:pos x="connsiteX550" y="connsiteY550"/>
                            </a:cxn>
                            <a:cxn ang="0">
                              <a:pos x="connsiteX551" y="connsiteY551"/>
                            </a:cxn>
                            <a:cxn ang="0">
                              <a:pos x="connsiteX552" y="connsiteY552"/>
                            </a:cxn>
                            <a:cxn ang="0">
                              <a:pos x="connsiteX553" y="connsiteY553"/>
                            </a:cxn>
                            <a:cxn ang="0">
                              <a:pos x="connsiteX554" y="connsiteY554"/>
                            </a:cxn>
                            <a:cxn ang="0">
                              <a:pos x="connsiteX555" y="connsiteY555"/>
                            </a:cxn>
                            <a:cxn ang="0">
                              <a:pos x="connsiteX556" y="connsiteY556"/>
                            </a:cxn>
                            <a:cxn ang="0">
                              <a:pos x="connsiteX557" y="connsiteY557"/>
                            </a:cxn>
                            <a:cxn ang="0">
                              <a:pos x="connsiteX558" y="connsiteY558"/>
                            </a:cxn>
                            <a:cxn ang="0">
                              <a:pos x="connsiteX559" y="connsiteY559"/>
                            </a:cxn>
                            <a:cxn ang="0">
                              <a:pos x="connsiteX560" y="connsiteY560"/>
                            </a:cxn>
                            <a:cxn ang="0">
                              <a:pos x="connsiteX561" y="connsiteY561"/>
                            </a:cxn>
                            <a:cxn ang="0">
                              <a:pos x="connsiteX562" y="connsiteY562"/>
                            </a:cxn>
                            <a:cxn ang="0">
                              <a:pos x="connsiteX563" y="connsiteY563"/>
                            </a:cxn>
                            <a:cxn ang="0">
                              <a:pos x="connsiteX564" y="connsiteY564"/>
                            </a:cxn>
                            <a:cxn ang="0">
                              <a:pos x="connsiteX565" y="connsiteY565"/>
                            </a:cxn>
                            <a:cxn ang="0">
                              <a:pos x="connsiteX566" y="connsiteY566"/>
                            </a:cxn>
                            <a:cxn ang="0">
                              <a:pos x="connsiteX567" y="connsiteY567"/>
                            </a:cxn>
                            <a:cxn ang="0">
                              <a:pos x="connsiteX568" y="connsiteY568"/>
                            </a:cxn>
                            <a:cxn ang="0">
                              <a:pos x="connsiteX569" y="connsiteY569"/>
                            </a:cxn>
                            <a:cxn ang="0">
                              <a:pos x="connsiteX570" y="connsiteY570"/>
                            </a:cxn>
                            <a:cxn ang="0">
                              <a:pos x="connsiteX571" y="connsiteY571"/>
                            </a:cxn>
                            <a:cxn ang="0">
                              <a:pos x="connsiteX572" y="connsiteY572"/>
                            </a:cxn>
                            <a:cxn ang="0">
                              <a:pos x="connsiteX573" y="connsiteY573"/>
                            </a:cxn>
                            <a:cxn ang="0">
                              <a:pos x="connsiteX574" y="connsiteY574"/>
                            </a:cxn>
                            <a:cxn ang="0">
                              <a:pos x="connsiteX575" y="connsiteY575"/>
                            </a:cxn>
                            <a:cxn ang="0">
                              <a:pos x="connsiteX576" y="connsiteY576"/>
                            </a:cxn>
                            <a:cxn ang="0">
                              <a:pos x="connsiteX577" y="connsiteY577"/>
                            </a:cxn>
                            <a:cxn ang="0">
                              <a:pos x="connsiteX578" y="connsiteY578"/>
                            </a:cxn>
                            <a:cxn ang="0">
                              <a:pos x="connsiteX579" y="connsiteY579"/>
                            </a:cxn>
                            <a:cxn ang="0">
                              <a:pos x="connsiteX580" y="connsiteY580"/>
                            </a:cxn>
                            <a:cxn ang="0">
                              <a:pos x="connsiteX581" y="connsiteY581"/>
                            </a:cxn>
                            <a:cxn ang="0">
                              <a:pos x="connsiteX582" y="connsiteY582"/>
                            </a:cxn>
                            <a:cxn ang="0">
                              <a:pos x="connsiteX583" y="connsiteY583"/>
                            </a:cxn>
                            <a:cxn ang="0">
                              <a:pos x="connsiteX584" y="connsiteY584"/>
                            </a:cxn>
                            <a:cxn ang="0">
                              <a:pos x="connsiteX585" y="connsiteY585"/>
                            </a:cxn>
                            <a:cxn ang="0">
                              <a:pos x="connsiteX586" y="connsiteY586"/>
                            </a:cxn>
                            <a:cxn ang="0">
                              <a:pos x="connsiteX587" y="connsiteY587"/>
                            </a:cxn>
                            <a:cxn ang="0">
                              <a:pos x="connsiteX588" y="connsiteY588"/>
                            </a:cxn>
                            <a:cxn ang="0">
                              <a:pos x="connsiteX589" y="connsiteY589"/>
                            </a:cxn>
                            <a:cxn ang="0">
                              <a:pos x="connsiteX590" y="connsiteY590"/>
                            </a:cxn>
                            <a:cxn ang="0">
                              <a:pos x="connsiteX591" y="connsiteY591"/>
                            </a:cxn>
                            <a:cxn ang="0">
                              <a:pos x="connsiteX592" y="connsiteY592"/>
                            </a:cxn>
                            <a:cxn ang="0">
                              <a:pos x="connsiteX593" y="connsiteY593"/>
                            </a:cxn>
                            <a:cxn ang="0">
                              <a:pos x="connsiteX594" y="connsiteY594"/>
                            </a:cxn>
                            <a:cxn ang="0">
                              <a:pos x="connsiteX595" y="connsiteY595"/>
                            </a:cxn>
                            <a:cxn ang="0">
                              <a:pos x="connsiteX596" y="connsiteY596"/>
                            </a:cxn>
                            <a:cxn ang="0">
                              <a:pos x="connsiteX597" y="connsiteY597"/>
                            </a:cxn>
                            <a:cxn ang="0">
                              <a:pos x="connsiteX598" y="connsiteY598"/>
                            </a:cxn>
                            <a:cxn ang="0">
                              <a:pos x="connsiteX599" y="connsiteY599"/>
                            </a:cxn>
                            <a:cxn ang="0">
                              <a:pos x="connsiteX600" y="connsiteY600"/>
                            </a:cxn>
                            <a:cxn ang="0">
                              <a:pos x="connsiteX601" y="connsiteY601"/>
                            </a:cxn>
                            <a:cxn ang="0">
                              <a:pos x="connsiteX602" y="connsiteY602"/>
                            </a:cxn>
                            <a:cxn ang="0">
                              <a:pos x="connsiteX603" y="connsiteY603"/>
                            </a:cxn>
                            <a:cxn ang="0">
                              <a:pos x="connsiteX604" y="connsiteY604"/>
                            </a:cxn>
                            <a:cxn ang="0">
                              <a:pos x="connsiteX605" y="connsiteY605"/>
                            </a:cxn>
                            <a:cxn ang="0">
                              <a:pos x="connsiteX606" y="connsiteY606"/>
                            </a:cxn>
                            <a:cxn ang="0">
                              <a:pos x="connsiteX607" y="connsiteY607"/>
                            </a:cxn>
                            <a:cxn ang="0">
                              <a:pos x="connsiteX608" y="connsiteY608"/>
                            </a:cxn>
                            <a:cxn ang="0">
                              <a:pos x="connsiteX609" y="connsiteY609"/>
                            </a:cxn>
                            <a:cxn ang="0">
                              <a:pos x="connsiteX610" y="connsiteY610"/>
                            </a:cxn>
                            <a:cxn ang="0">
                              <a:pos x="connsiteX611" y="connsiteY611"/>
                            </a:cxn>
                            <a:cxn ang="0">
                              <a:pos x="connsiteX612" y="connsiteY612"/>
                            </a:cxn>
                            <a:cxn ang="0">
                              <a:pos x="connsiteX613" y="connsiteY613"/>
                            </a:cxn>
                            <a:cxn ang="0">
                              <a:pos x="connsiteX614" y="connsiteY614"/>
                            </a:cxn>
                            <a:cxn ang="0">
                              <a:pos x="connsiteX615" y="connsiteY615"/>
                            </a:cxn>
                            <a:cxn ang="0">
                              <a:pos x="connsiteX616" y="connsiteY616"/>
                            </a:cxn>
                            <a:cxn ang="0">
                              <a:pos x="connsiteX617" y="connsiteY617"/>
                            </a:cxn>
                            <a:cxn ang="0">
                              <a:pos x="connsiteX618" y="connsiteY618"/>
                            </a:cxn>
                            <a:cxn ang="0">
                              <a:pos x="connsiteX619" y="connsiteY619"/>
                            </a:cxn>
                            <a:cxn ang="0">
                              <a:pos x="connsiteX620" y="connsiteY620"/>
                            </a:cxn>
                            <a:cxn ang="0">
                              <a:pos x="connsiteX621" y="connsiteY621"/>
                            </a:cxn>
                            <a:cxn ang="0">
                              <a:pos x="connsiteX622" y="connsiteY622"/>
                            </a:cxn>
                            <a:cxn ang="0">
                              <a:pos x="connsiteX623" y="connsiteY623"/>
                            </a:cxn>
                            <a:cxn ang="0">
                              <a:pos x="connsiteX624" y="connsiteY624"/>
                            </a:cxn>
                            <a:cxn ang="0">
                              <a:pos x="connsiteX625" y="connsiteY625"/>
                            </a:cxn>
                            <a:cxn ang="0">
                              <a:pos x="connsiteX626" y="connsiteY626"/>
                            </a:cxn>
                            <a:cxn ang="0">
                              <a:pos x="connsiteX627" y="connsiteY627"/>
                            </a:cxn>
                            <a:cxn ang="0">
                              <a:pos x="connsiteX628" y="connsiteY628"/>
                            </a:cxn>
                            <a:cxn ang="0">
                              <a:pos x="connsiteX629" y="connsiteY629"/>
                            </a:cxn>
                            <a:cxn ang="0">
                              <a:pos x="connsiteX630" y="connsiteY630"/>
                            </a:cxn>
                            <a:cxn ang="0">
                              <a:pos x="connsiteX631" y="connsiteY631"/>
                            </a:cxn>
                            <a:cxn ang="0">
                              <a:pos x="connsiteX632" y="connsiteY632"/>
                            </a:cxn>
                            <a:cxn ang="0">
                              <a:pos x="connsiteX633" y="connsiteY633"/>
                            </a:cxn>
                            <a:cxn ang="0">
                              <a:pos x="connsiteX634" y="connsiteY634"/>
                            </a:cxn>
                            <a:cxn ang="0">
                              <a:pos x="connsiteX635" y="connsiteY635"/>
                            </a:cxn>
                            <a:cxn ang="0">
                              <a:pos x="connsiteX636" y="connsiteY636"/>
                            </a:cxn>
                            <a:cxn ang="0">
                              <a:pos x="connsiteX637" y="connsiteY637"/>
                            </a:cxn>
                            <a:cxn ang="0">
                              <a:pos x="connsiteX638" y="connsiteY638"/>
                            </a:cxn>
                            <a:cxn ang="0">
                              <a:pos x="connsiteX639" y="connsiteY639"/>
                            </a:cxn>
                            <a:cxn ang="0">
                              <a:pos x="connsiteX640" y="connsiteY640"/>
                            </a:cxn>
                            <a:cxn ang="0">
                              <a:pos x="connsiteX641" y="connsiteY641"/>
                            </a:cxn>
                            <a:cxn ang="0">
                              <a:pos x="connsiteX642" y="connsiteY642"/>
                            </a:cxn>
                            <a:cxn ang="0">
                              <a:pos x="connsiteX643" y="connsiteY643"/>
                            </a:cxn>
                            <a:cxn ang="0">
                              <a:pos x="connsiteX644" y="connsiteY644"/>
                            </a:cxn>
                            <a:cxn ang="0">
                              <a:pos x="connsiteX645" y="connsiteY645"/>
                            </a:cxn>
                            <a:cxn ang="0">
                              <a:pos x="connsiteX646" y="connsiteY646"/>
                            </a:cxn>
                            <a:cxn ang="0">
                              <a:pos x="connsiteX647" y="connsiteY647"/>
                            </a:cxn>
                            <a:cxn ang="0">
                              <a:pos x="connsiteX648" y="connsiteY648"/>
                            </a:cxn>
                            <a:cxn ang="0">
                              <a:pos x="connsiteX649" y="connsiteY649"/>
                            </a:cxn>
                            <a:cxn ang="0">
                              <a:pos x="connsiteX650" y="connsiteY650"/>
                            </a:cxn>
                            <a:cxn ang="0">
                              <a:pos x="connsiteX651" y="connsiteY651"/>
                            </a:cxn>
                            <a:cxn ang="0">
                              <a:pos x="connsiteX652" y="connsiteY652"/>
                            </a:cxn>
                            <a:cxn ang="0">
                              <a:pos x="connsiteX653" y="connsiteY653"/>
                            </a:cxn>
                            <a:cxn ang="0">
                              <a:pos x="connsiteX654" y="connsiteY654"/>
                            </a:cxn>
                            <a:cxn ang="0">
                              <a:pos x="connsiteX655" y="connsiteY655"/>
                            </a:cxn>
                            <a:cxn ang="0">
                              <a:pos x="connsiteX656" y="connsiteY656"/>
                            </a:cxn>
                            <a:cxn ang="0">
                              <a:pos x="connsiteX657" y="connsiteY657"/>
                            </a:cxn>
                            <a:cxn ang="0">
                              <a:pos x="connsiteX658" y="connsiteY658"/>
                            </a:cxn>
                            <a:cxn ang="0">
                              <a:pos x="connsiteX659" y="connsiteY659"/>
                            </a:cxn>
                            <a:cxn ang="0">
                              <a:pos x="connsiteX660" y="connsiteY660"/>
                            </a:cxn>
                            <a:cxn ang="0">
                              <a:pos x="connsiteX661" y="connsiteY661"/>
                            </a:cxn>
                            <a:cxn ang="0">
                              <a:pos x="connsiteX662" y="connsiteY662"/>
                            </a:cxn>
                            <a:cxn ang="0">
                              <a:pos x="connsiteX663" y="connsiteY663"/>
                            </a:cxn>
                            <a:cxn ang="0">
                              <a:pos x="connsiteX664" y="connsiteY664"/>
                            </a:cxn>
                            <a:cxn ang="0">
                              <a:pos x="connsiteX665" y="connsiteY665"/>
                            </a:cxn>
                            <a:cxn ang="0">
                              <a:pos x="connsiteX666" y="connsiteY666"/>
                            </a:cxn>
                            <a:cxn ang="0">
                              <a:pos x="connsiteX667" y="connsiteY667"/>
                            </a:cxn>
                            <a:cxn ang="0">
                              <a:pos x="connsiteX668" y="connsiteY668"/>
                            </a:cxn>
                            <a:cxn ang="0">
                              <a:pos x="connsiteX669" y="connsiteY669"/>
                            </a:cxn>
                            <a:cxn ang="0">
                              <a:pos x="connsiteX670" y="connsiteY670"/>
                            </a:cxn>
                            <a:cxn ang="0">
                              <a:pos x="connsiteX671" y="connsiteY671"/>
                            </a:cxn>
                            <a:cxn ang="0">
                              <a:pos x="connsiteX672" y="connsiteY672"/>
                            </a:cxn>
                            <a:cxn ang="0">
                              <a:pos x="connsiteX673" y="connsiteY673"/>
                            </a:cxn>
                            <a:cxn ang="0">
                              <a:pos x="connsiteX674" y="connsiteY674"/>
                            </a:cxn>
                            <a:cxn ang="0">
                              <a:pos x="connsiteX675" y="connsiteY675"/>
                            </a:cxn>
                            <a:cxn ang="0">
                              <a:pos x="connsiteX676" y="connsiteY676"/>
                            </a:cxn>
                            <a:cxn ang="0">
                              <a:pos x="connsiteX677" y="connsiteY677"/>
                            </a:cxn>
                            <a:cxn ang="0">
                              <a:pos x="connsiteX678" y="connsiteY678"/>
                            </a:cxn>
                            <a:cxn ang="0">
                              <a:pos x="connsiteX679" y="connsiteY679"/>
                            </a:cxn>
                            <a:cxn ang="0">
                              <a:pos x="connsiteX680" y="connsiteY680"/>
                            </a:cxn>
                            <a:cxn ang="0">
                              <a:pos x="connsiteX681" y="connsiteY681"/>
                            </a:cxn>
                            <a:cxn ang="0">
                              <a:pos x="connsiteX682" y="connsiteY682"/>
                            </a:cxn>
                            <a:cxn ang="0">
                              <a:pos x="connsiteX683" y="connsiteY683"/>
                            </a:cxn>
                            <a:cxn ang="0">
                              <a:pos x="connsiteX684" y="connsiteY684"/>
                            </a:cxn>
                            <a:cxn ang="0">
                              <a:pos x="connsiteX685" y="connsiteY685"/>
                            </a:cxn>
                            <a:cxn ang="0">
                              <a:pos x="connsiteX686" y="connsiteY686"/>
                            </a:cxn>
                            <a:cxn ang="0">
                              <a:pos x="connsiteX687" y="connsiteY687"/>
                            </a:cxn>
                            <a:cxn ang="0">
                              <a:pos x="connsiteX688" y="connsiteY688"/>
                            </a:cxn>
                            <a:cxn ang="0">
                              <a:pos x="connsiteX689" y="connsiteY689"/>
                            </a:cxn>
                            <a:cxn ang="0">
                              <a:pos x="connsiteX690" y="connsiteY690"/>
                            </a:cxn>
                            <a:cxn ang="0">
                              <a:pos x="connsiteX691" y="connsiteY691"/>
                            </a:cxn>
                            <a:cxn ang="0">
                              <a:pos x="connsiteX692" y="connsiteY692"/>
                            </a:cxn>
                            <a:cxn ang="0">
                              <a:pos x="connsiteX693" y="connsiteY693"/>
                            </a:cxn>
                            <a:cxn ang="0">
                              <a:pos x="connsiteX694" y="connsiteY694"/>
                            </a:cxn>
                            <a:cxn ang="0">
                              <a:pos x="connsiteX695" y="connsiteY695"/>
                            </a:cxn>
                            <a:cxn ang="0">
                              <a:pos x="connsiteX696" y="connsiteY696"/>
                            </a:cxn>
                            <a:cxn ang="0">
                              <a:pos x="connsiteX697" y="connsiteY697"/>
                            </a:cxn>
                            <a:cxn ang="0">
                              <a:pos x="connsiteX698" y="connsiteY698"/>
                            </a:cxn>
                            <a:cxn ang="0">
                              <a:pos x="connsiteX699" y="connsiteY699"/>
                            </a:cxn>
                            <a:cxn ang="0">
                              <a:pos x="connsiteX700" y="connsiteY700"/>
                            </a:cxn>
                            <a:cxn ang="0">
                              <a:pos x="connsiteX701" y="connsiteY701"/>
                            </a:cxn>
                            <a:cxn ang="0">
                              <a:pos x="connsiteX702" y="connsiteY702"/>
                            </a:cxn>
                            <a:cxn ang="0">
                              <a:pos x="connsiteX703" y="connsiteY703"/>
                            </a:cxn>
                            <a:cxn ang="0">
                              <a:pos x="connsiteX704" y="connsiteY704"/>
                            </a:cxn>
                            <a:cxn ang="0">
                              <a:pos x="connsiteX705" y="connsiteY705"/>
                            </a:cxn>
                            <a:cxn ang="0">
                              <a:pos x="connsiteX706" y="connsiteY706"/>
                            </a:cxn>
                            <a:cxn ang="0">
                              <a:pos x="connsiteX707" y="connsiteY707"/>
                            </a:cxn>
                            <a:cxn ang="0">
                              <a:pos x="connsiteX708" y="connsiteY708"/>
                            </a:cxn>
                            <a:cxn ang="0">
                              <a:pos x="connsiteX709" y="connsiteY709"/>
                            </a:cxn>
                            <a:cxn ang="0">
                              <a:pos x="connsiteX710" y="connsiteY710"/>
                            </a:cxn>
                            <a:cxn ang="0">
                              <a:pos x="connsiteX711" y="connsiteY711"/>
                            </a:cxn>
                            <a:cxn ang="0">
                              <a:pos x="connsiteX712" y="connsiteY712"/>
                            </a:cxn>
                            <a:cxn ang="0">
                              <a:pos x="connsiteX713" y="connsiteY713"/>
                            </a:cxn>
                            <a:cxn ang="0">
                              <a:pos x="connsiteX714" y="connsiteY714"/>
                            </a:cxn>
                            <a:cxn ang="0">
                              <a:pos x="connsiteX715" y="connsiteY715"/>
                            </a:cxn>
                            <a:cxn ang="0">
                              <a:pos x="connsiteX716" y="connsiteY716"/>
                            </a:cxn>
                            <a:cxn ang="0">
                              <a:pos x="connsiteX717" y="connsiteY717"/>
                            </a:cxn>
                            <a:cxn ang="0">
                              <a:pos x="connsiteX718" y="connsiteY718"/>
                            </a:cxn>
                            <a:cxn ang="0">
                              <a:pos x="connsiteX719" y="connsiteY719"/>
                            </a:cxn>
                            <a:cxn ang="0">
                              <a:pos x="connsiteX720" y="connsiteY720"/>
                            </a:cxn>
                            <a:cxn ang="0">
                              <a:pos x="connsiteX721" y="connsiteY721"/>
                            </a:cxn>
                            <a:cxn ang="0">
                              <a:pos x="connsiteX722" y="connsiteY722"/>
                            </a:cxn>
                            <a:cxn ang="0">
                              <a:pos x="connsiteX723" y="connsiteY723"/>
                            </a:cxn>
                            <a:cxn ang="0">
                              <a:pos x="connsiteX724" y="connsiteY724"/>
                            </a:cxn>
                            <a:cxn ang="0">
                              <a:pos x="connsiteX725" y="connsiteY725"/>
                            </a:cxn>
                            <a:cxn ang="0">
                              <a:pos x="connsiteX726" y="connsiteY726"/>
                            </a:cxn>
                            <a:cxn ang="0">
                              <a:pos x="connsiteX727" y="connsiteY727"/>
                            </a:cxn>
                            <a:cxn ang="0">
                              <a:pos x="connsiteX728" y="connsiteY728"/>
                            </a:cxn>
                            <a:cxn ang="0">
                              <a:pos x="connsiteX729" y="connsiteY729"/>
                            </a:cxn>
                            <a:cxn ang="0">
                              <a:pos x="connsiteX730" y="connsiteY730"/>
                            </a:cxn>
                            <a:cxn ang="0">
                              <a:pos x="connsiteX731" y="connsiteY731"/>
                            </a:cxn>
                            <a:cxn ang="0">
                              <a:pos x="connsiteX732" y="connsiteY732"/>
                            </a:cxn>
                            <a:cxn ang="0">
                              <a:pos x="connsiteX733" y="connsiteY733"/>
                            </a:cxn>
                            <a:cxn ang="0">
                              <a:pos x="connsiteX734" y="connsiteY734"/>
                            </a:cxn>
                            <a:cxn ang="0">
                              <a:pos x="connsiteX735" y="connsiteY735"/>
                            </a:cxn>
                            <a:cxn ang="0">
                              <a:pos x="connsiteX736" y="connsiteY736"/>
                            </a:cxn>
                            <a:cxn ang="0">
                              <a:pos x="connsiteX737" y="connsiteY737"/>
                            </a:cxn>
                            <a:cxn ang="0">
                              <a:pos x="connsiteX738" y="connsiteY738"/>
                            </a:cxn>
                            <a:cxn ang="0">
                              <a:pos x="connsiteX739" y="connsiteY739"/>
                            </a:cxn>
                            <a:cxn ang="0">
                              <a:pos x="connsiteX740" y="connsiteY740"/>
                            </a:cxn>
                            <a:cxn ang="0">
                              <a:pos x="connsiteX741" y="connsiteY741"/>
                            </a:cxn>
                            <a:cxn ang="0">
                              <a:pos x="connsiteX742" y="connsiteY742"/>
                            </a:cxn>
                            <a:cxn ang="0">
                              <a:pos x="connsiteX743" y="connsiteY743"/>
                            </a:cxn>
                            <a:cxn ang="0">
                              <a:pos x="connsiteX744" y="connsiteY744"/>
                            </a:cxn>
                            <a:cxn ang="0">
                              <a:pos x="connsiteX745" y="connsiteY745"/>
                            </a:cxn>
                            <a:cxn ang="0">
                              <a:pos x="connsiteX746" y="connsiteY746"/>
                            </a:cxn>
                            <a:cxn ang="0">
                              <a:pos x="connsiteX747" y="connsiteY747"/>
                            </a:cxn>
                            <a:cxn ang="0">
                              <a:pos x="connsiteX748" y="connsiteY748"/>
                            </a:cxn>
                            <a:cxn ang="0">
                              <a:pos x="connsiteX749" y="connsiteY749"/>
                            </a:cxn>
                            <a:cxn ang="0">
                              <a:pos x="connsiteX750" y="connsiteY750"/>
                            </a:cxn>
                            <a:cxn ang="0">
                              <a:pos x="connsiteX751" y="connsiteY751"/>
                            </a:cxn>
                            <a:cxn ang="0">
                              <a:pos x="connsiteX752" y="connsiteY752"/>
                            </a:cxn>
                            <a:cxn ang="0">
                              <a:pos x="connsiteX753" y="connsiteY753"/>
                            </a:cxn>
                            <a:cxn ang="0">
                              <a:pos x="connsiteX754" y="connsiteY754"/>
                            </a:cxn>
                            <a:cxn ang="0">
                              <a:pos x="connsiteX755" y="connsiteY755"/>
                            </a:cxn>
                            <a:cxn ang="0">
                              <a:pos x="connsiteX756" y="connsiteY756"/>
                            </a:cxn>
                            <a:cxn ang="0">
                              <a:pos x="connsiteX757" y="connsiteY757"/>
                            </a:cxn>
                            <a:cxn ang="0">
                              <a:pos x="connsiteX758" y="connsiteY758"/>
                            </a:cxn>
                            <a:cxn ang="0">
                              <a:pos x="connsiteX759" y="connsiteY759"/>
                            </a:cxn>
                            <a:cxn ang="0">
                              <a:pos x="connsiteX760" y="connsiteY760"/>
                            </a:cxn>
                            <a:cxn ang="0">
                              <a:pos x="connsiteX761" y="connsiteY761"/>
                            </a:cxn>
                            <a:cxn ang="0">
                              <a:pos x="connsiteX762" y="connsiteY762"/>
                            </a:cxn>
                            <a:cxn ang="0">
                              <a:pos x="connsiteX763" y="connsiteY763"/>
                            </a:cxn>
                            <a:cxn ang="0">
                              <a:pos x="connsiteX764" y="connsiteY764"/>
                            </a:cxn>
                            <a:cxn ang="0">
                              <a:pos x="connsiteX765" y="connsiteY765"/>
                            </a:cxn>
                            <a:cxn ang="0">
                              <a:pos x="connsiteX766" y="connsiteY766"/>
                            </a:cxn>
                            <a:cxn ang="0">
                              <a:pos x="connsiteX767" y="connsiteY767"/>
                            </a:cxn>
                            <a:cxn ang="0">
                              <a:pos x="connsiteX768" y="connsiteY768"/>
                            </a:cxn>
                            <a:cxn ang="0">
                              <a:pos x="connsiteX769" y="connsiteY769"/>
                            </a:cxn>
                            <a:cxn ang="0">
                              <a:pos x="connsiteX770" y="connsiteY770"/>
                            </a:cxn>
                            <a:cxn ang="0">
                              <a:pos x="connsiteX771" y="connsiteY771"/>
                            </a:cxn>
                            <a:cxn ang="0">
                              <a:pos x="connsiteX772" y="connsiteY772"/>
                            </a:cxn>
                            <a:cxn ang="0">
                              <a:pos x="connsiteX773" y="connsiteY773"/>
                            </a:cxn>
                            <a:cxn ang="0">
                              <a:pos x="connsiteX774" y="connsiteY774"/>
                            </a:cxn>
                            <a:cxn ang="0">
                              <a:pos x="connsiteX775" y="connsiteY775"/>
                            </a:cxn>
                            <a:cxn ang="0">
                              <a:pos x="connsiteX776" y="connsiteY776"/>
                            </a:cxn>
                            <a:cxn ang="0">
                              <a:pos x="connsiteX777" y="connsiteY777"/>
                            </a:cxn>
                            <a:cxn ang="0">
                              <a:pos x="connsiteX778" y="connsiteY778"/>
                            </a:cxn>
                            <a:cxn ang="0">
                              <a:pos x="connsiteX779" y="connsiteY779"/>
                            </a:cxn>
                            <a:cxn ang="0">
                              <a:pos x="connsiteX780" y="connsiteY780"/>
                            </a:cxn>
                            <a:cxn ang="0">
                              <a:pos x="connsiteX781" y="connsiteY781"/>
                            </a:cxn>
                            <a:cxn ang="0">
                              <a:pos x="connsiteX782" y="connsiteY782"/>
                            </a:cxn>
                            <a:cxn ang="0">
                              <a:pos x="connsiteX783" y="connsiteY783"/>
                            </a:cxn>
                            <a:cxn ang="0">
                              <a:pos x="connsiteX784" y="connsiteY784"/>
                            </a:cxn>
                            <a:cxn ang="0">
                              <a:pos x="connsiteX785" y="connsiteY785"/>
                            </a:cxn>
                            <a:cxn ang="0">
                              <a:pos x="connsiteX786" y="connsiteY786"/>
                            </a:cxn>
                            <a:cxn ang="0">
                              <a:pos x="connsiteX787" y="connsiteY787"/>
                            </a:cxn>
                            <a:cxn ang="0">
                              <a:pos x="connsiteX788" y="connsiteY788"/>
                            </a:cxn>
                            <a:cxn ang="0">
                              <a:pos x="connsiteX789" y="connsiteY789"/>
                            </a:cxn>
                            <a:cxn ang="0">
                              <a:pos x="connsiteX790" y="connsiteY790"/>
                            </a:cxn>
                            <a:cxn ang="0">
                              <a:pos x="connsiteX791" y="connsiteY791"/>
                            </a:cxn>
                            <a:cxn ang="0">
                              <a:pos x="connsiteX792" y="connsiteY792"/>
                            </a:cxn>
                            <a:cxn ang="0">
                              <a:pos x="connsiteX793" y="connsiteY793"/>
                            </a:cxn>
                            <a:cxn ang="0">
                              <a:pos x="connsiteX794" y="connsiteY794"/>
                            </a:cxn>
                            <a:cxn ang="0">
                              <a:pos x="connsiteX795" y="connsiteY795"/>
                            </a:cxn>
                            <a:cxn ang="0">
                              <a:pos x="connsiteX796" y="connsiteY796"/>
                            </a:cxn>
                            <a:cxn ang="0">
                              <a:pos x="connsiteX797" y="connsiteY797"/>
                            </a:cxn>
                            <a:cxn ang="0">
                              <a:pos x="connsiteX798" y="connsiteY798"/>
                            </a:cxn>
                            <a:cxn ang="0">
                              <a:pos x="connsiteX799" y="connsiteY799"/>
                            </a:cxn>
                            <a:cxn ang="0">
                              <a:pos x="connsiteX800" y="connsiteY800"/>
                            </a:cxn>
                            <a:cxn ang="0">
                              <a:pos x="connsiteX801" y="connsiteY801"/>
                            </a:cxn>
                            <a:cxn ang="0">
                              <a:pos x="connsiteX802" y="connsiteY802"/>
                            </a:cxn>
                            <a:cxn ang="0">
                              <a:pos x="connsiteX803" y="connsiteY803"/>
                            </a:cxn>
                            <a:cxn ang="0">
                              <a:pos x="connsiteX804" y="connsiteY804"/>
                            </a:cxn>
                            <a:cxn ang="0">
                              <a:pos x="connsiteX805" y="connsiteY805"/>
                            </a:cxn>
                            <a:cxn ang="0">
                              <a:pos x="connsiteX806" y="connsiteY806"/>
                            </a:cxn>
                            <a:cxn ang="0">
                              <a:pos x="connsiteX807" y="connsiteY807"/>
                            </a:cxn>
                            <a:cxn ang="0">
                              <a:pos x="connsiteX808" y="connsiteY808"/>
                            </a:cxn>
                            <a:cxn ang="0">
                              <a:pos x="connsiteX809" y="connsiteY809"/>
                            </a:cxn>
                            <a:cxn ang="0">
                              <a:pos x="connsiteX810" y="connsiteY810"/>
                            </a:cxn>
                            <a:cxn ang="0">
                              <a:pos x="connsiteX811" y="connsiteY811"/>
                            </a:cxn>
                            <a:cxn ang="0">
                              <a:pos x="connsiteX812" y="connsiteY812"/>
                            </a:cxn>
                            <a:cxn ang="0">
                              <a:pos x="connsiteX813" y="connsiteY813"/>
                            </a:cxn>
                            <a:cxn ang="0">
                              <a:pos x="connsiteX814" y="connsiteY814"/>
                            </a:cxn>
                            <a:cxn ang="0">
                              <a:pos x="connsiteX815" y="connsiteY815"/>
                            </a:cxn>
                            <a:cxn ang="0">
                              <a:pos x="connsiteX816" y="connsiteY816"/>
                            </a:cxn>
                            <a:cxn ang="0">
                              <a:pos x="connsiteX817" y="connsiteY817"/>
                            </a:cxn>
                            <a:cxn ang="0">
                              <a:pos x="connsiteX818" y="connsiteY818"/>
                            </a:cxn>
                            <a:cxn ang="0">
                              <a:pos x="connsiteX819" y="connsiteY819"/>
                            </a:cxn>
                            <a:cxn ang="0">
                              <a:pos x="connsiteX820" y="connsiteY820"/>
                            </a:cxn>
                            <a:cxn ang="0">
                              <a:pos x="connsiteX821" y="connsiteY821"/>
                            </a:cxn>
                            <a:cxn ang="0">
                              <a:pos x="connsiteX822" y="connsiteY822"/>
                            </a:cxn>
                            <a:cxn ang="0">
                              <a:pos x="connsiteX823" y="connsiteY823"/>
                            </a:cxn>
                            <a:cxn ang="0">
                              <a:pos x="connsiteX824" y="connsiteY824"/>
                            </a:cxn>
                            <a:cxn ang="0">
                              <a:pos x="connsiteX825" y="connsiteY825"/>
                            </a:cxn>
                            <a:cxn ang="0">
                              <a:pos x="connsiteX826" y="connsiteY826"/>
                            </a:cxn>
                            <a:cxn ang="0">
                              <a:pos x="connsiteX827" y="connsiteY827"/>
                            </a:cxn>
                            <a:cxn ang="0">
                              <a:pos x="connsiteX828" y="connsiteY828"/>
                            </a:cxn>
                            <a:cxn ang="0">
                              <a:pos x="connsiteX829" y="connsiteY829"/>
                            </a:cxn>
                            <a:cxn ang="0">
                              <a:pos x="connsiteX830" y="connsiteY830"/>
                            </a:cxn>
                            <a:cxn ang="0">
                              <a:pos x="connsiteX831" y="connsiteY831"/>
                            </a:cxn>
                            <a:cxn ang="0">
                              <a:pos x="connsiteX832" y="connsiteY832"/>
                            </a:cxn>
                            <a:cxn ang="0">
                              <a:pos x="connsiteX833" y="connsiteY833"/>
                            </a:cxn>
                            <a:cxn ang="0">
                              <a:pos x="connsiteX834" y="connsiteY834"/>
                            </a:cxn>
                            <a:cxn ang="0">
                              <a:pos x="connsiteX835" y="connsiteY835"/>
                            </a:cxn>
                            <a:cxn ang="0">
                              <a:pos x="connsiteX836" y="connsiteY836"/>
                            </a:cxn>
                            <a:cxn ang="0">
                              <a:pos x="connsiteX837" y="connsiteY837"/>
                            </a:cxn>
                            <a:cxn ang="0">
                              <a:pos x="connsiteX838" y="connsiteY838"/>
                            </a:cxn>
                            <a:cxn ang="0">
                              <a:pos x="connsiteX839" y="connsiteY839"/>
                            </a:cxn>
                            <a:cxn ang="0">
                              <a:pos x="connsiteX840" y="connsiteY840"/>
                            </a:cxn>
                            <a:cxn ang="0">
                              <a:pos x="connsiteX841" y="connsiteY841"/>
                            </a:cxn>
                            <a:cxn ang="0">
                              <a:pos x="connsiteX842" y="connsiteY842"/>
                            </a:cxn>
                            <a:cxn ang="0">
                              <a:pos x="connsiteX843" y="connsiteY843"/>
                            </a:cxn>
                            <a:cxn ang="0">
                              <a:pos x="connsiteX844" y="connsiteY844"/>
                            </a:cxn>
                            <a:cxn ang="0">
                              <a:pos x="connsiteX845" y="connsiteY845"/>
                            </a:cxn>
                            <a:cxn ang="0">
                              <a:pos x="connsiteX846" y="connsiteY846"/>
                            </a:cxn>
                            <a:cxn ang="0">
                              <a:pos x="connsiteX847" y="connsiteY847"/>
                            </a:cxn>
                            <a:cxn ang="0">
                              <a:pos x="connsiteX848" y="connsiteY848"/>
                            </a:cxn>
                            <a:cxn ang="0">
                              <a:pos x="connsiteX849" y="connsiteY849"/>
                            </a:cxn>
                            <a:cxn ang="0">
                              <a:pos x="connsiteX850" y="connsiteY850"/>
                            </a:cxn>
                            <a:cxn ang="0">
                              <a:pos x="connsiteX851" y="connsiteY851"/>
                            </a:cxn>
                            <a:cxn ang="0">
                              <a:pos x="connsiteX852" y="connsiteY852"/>
                            </a:cxn>
                            <a:cxn ang="0">
                              <a:pos x="connsiteX853" y="connsiteY853"/>
                            </a:cxn>
                            <a:cxn ang="0">
                              <a:pos x="connsiteX854" y="connsiteY854"/>
                            </a:cxn>
                            <a:cxn ang="0">
                              <a:pos x="connsiteX855" y="connsiteY855"/>
                            </a:cxn>
                            <a:cxn ang="0">
                              <a:pos x="connsiteX856" y="connsiteY856"/>
                            </a:cxn>
                            <a:cxn ang="0">
                              <a:pos x="connsiteX857" y="connsiteY857"/>
                            </a:cxn>
                            <a:cxn ang="0">
                              <a:pos x="connsiteX858" y="connsiteY858"/>
                            </a:cxn>
                            <a:cxn ang="0">
                              <a:pos x="connsiteX859" y="connsiteY859"/>
                            </a:cxn>
                            <a:cxn ang="0">
                              <a:pos x="connsiteX860" y="connsiteY860"/>
                            </a:cxn>
                            <a:cxn ang="0">
                              <a:pos x="connsiteX861" y="connsiteY861"/>
                            </a:cxn>
                            <a:cxn ang="0">
                              <a:pos x="connsiteX862" y="connsiteY862"/>
                            </a:cxn>
                            <a:cxn ang="0">
                              <a:pos x="connsiteX863" y="connsiteY863"/>
                            </a:cxn>
                            <a:cxn ang="0">
                              <a:pos x="connsiteX864" y="connsiteY864"/>
                            </a:cxn>
                            <a:cxn ang="0">
                              <a:pos x="connsiteX865" y="connsiteY865"/>
                            </a:cxn>
                            <a:cxn ang="0">
                              <a:pos x="connsiteX866" y="connsiteY866"/>
                            </a:cxn>
                            <a:cxn ang="0">
                              <a:pos x="connsiteX867" y="connsiteY867"/>
                            </a:cxn>
                            <a:cxn ang="0">
                              <a:pos x="connsiteX868" y="connsiteY868"/>
                            </a:cxn>
                            <a:cxn ang="0">
                              <a:pos x="connsiteX869" y="connsiteY869"/>
                            </a:cxn>
                            <a:cxn ang="0">
                              <a:pos x="connsiteX870" y="connsiteY870"/>
                            </a:cxn>
                            <a:cxn ang="0">
                              <a:pos x="connsiteX871" y="connsiteY871"/>
                            </a:cxn>
                            <a:cxn ang="0">
                              <a:pos x="connsiteX872" y="connsiteY872"/>
                            </a:cxn>
                            <a:cxn ang="0">
                              <a:pos x="connsiteX873" y="connsiteY873"/>
                            </a:cxn>
                            <a:cxn ang="0">
                              <a:pos x="connsiteX874" y="connsiteY874"/>
                            </a:cxn>
                            <a:cxn ang="0">
                              <a:pos x="connsiteX875" y="connsiteY875"/>
                            </a:cxn>
                            <a:cxn ang="0">
                              <a:pos x="connsiteX876" y="connsiteY876"/>
                            </a:cxn>
                            <a:cxn ang="0">
                              <a:pos x="connsiteX877" y="connsiteY877"/>
                            </a:cxn>
                            <a:cxn ang="0">
                              <a:pos x="connsiteX878" y="connsiteY878"/>
                            </a:cxn>
                            <a:cxn ang="0">
                              <a:pos x="connsiteX879" y="connsiteY879"/>
                            </a:cxn>
                            <a:cxn ang="0">
                              <a:pos x="connsiteX880" y="connsiteY880"/>
                            </a:cxn>
                            <a:cxn ang="0">
                              <a:pos x="connsiteX881" y="connsiteY881"/>
                            </a:cxn>
                            <a:cxn ang="0">
                              <a:pos x="connsiteX882" y="connsiteY882"/>
                            </a:cxn>
                            <a:cxn ang="0">
                              <a:pos x="connsiteX883" y="connsiteY883"/>
                            </a:cxn>
                            <a:cxn ang="0">
                              <a:pos x="connsiteX884" y="connsiteY884"/>
                            </a:cxn>
                            <a:cxn ang="0">
                              <a:pos x="connsiteX885" y="connsiteY885"/>
                            </a:cxn>
                            <a:cxn ang="0">
                              <a:pos x="connsiteX886" y="connsiteY886"/>
                            </a:cxn>
                            <a:cxn ang="0">
                              <a:pos x="connsiteX887" y="connsiteY887"/>
                            </a:cxn>
                            <a:cxn ang="0">
                              <a:pos x="connsiteX888" y="connsiteY888"/>
                            </a:cxn>
                            <a:cxn ang="0">
                              <a:pos x="connsiteX889" y="connsiteY889"/>
                            </a:cxn>
                            <a:cxn ang="0">
                              <a:pos x="connsiteX890" y="connsiteY890"/>
                            </a:cxn>
                            <a:cxn ang="0">
                              <a:pos x="connsiteX891" y="connsiteY891"/>
                            </a:cxn>
                            <a:cxn ang="0">
                              <a:pos x="connsiteX892" y="connsiteY892"/>
                            </a:cxn>
                            <a:cxn ang="0">
                              <a:pos x="connsiteX893" y="connsiteY893"/>
                            </a:cxn>
                            <a:cxn ang="0">
                              <a:pos x="connsiteX894" y="connsiteY894"/>
                            </a:cxn>
                            <a:cxn ang="0">
                              <a:pos x="connsiteX895" y="connsiteY895"/>
                            </a:cxn>
                            <a:cxn ang="0">
                              <a:pos x="connsiteX896" y="connsiteY896"/>
                            </a:cxn>
                            <a:cxn ang="0">
                              <a:pos x="connsiteX897" y="connsiteY897"/>
                            </a:cxn>
                            <a:cxn ang="0">
                              <a:pos x="connsiteX898" y="connsiteY898"/>
                            </a:cxn>
                            <a:cxn ang="0">
                              <a:pos x="connsiteX899" y="connsiteY899"/>
                            </a:cxn>
                            <a:cxn ang="0">
                              <a:pos x="connsiteX900" y="connsiteY900"/>
                            </a:cxn>
                            <a:cxn ang="0">
                              <a:pos x="connsiteX901" y="connsiteY901"/>
                            </a:cxn>
                            <a:cxn ang="0">
                              <a:pos x="connsiteX902" y="connsiteY902"/>
                            </a:cxn>
                            <a:cxn ang="0">
                              <a:pos x="connsiteX903" y="connsiteY903"/>
                            </a:cxn>
                            <a:cxn ang="0">
                              <a:pos x="connsiteX904" y="connsiteY904"/>
                            </a:cxn>
                            <a:cxn ang="0">
                              <a:pos x="connsiteX905" y="connsiteY905"/>
                            </a:cxn>
                            <a:cxn ang="0">
                              <a:pos x="connsiteX906" y="connsiteY906"/>
                            </a:cxn>
                            <a:cxn ang="0">
                              <a:pos x="connsiteX907" y="connsiteY907"/>
                            </a:cxn>
                            <a:cxn ang="0">
                              <a:pos x="connsiteX908" y="connsiteY908"/>
                            </a:cxn>
                            <a:cxn ang="0">
                              <a:pos x="connsiteX909" y="connsiteY909"/>
                            </a:cxn>
                            <a:cxn ang="0">
                              <a:pos x="connsiteX910" y="connsiteY910"/>
                            </a:cxn>
                            <a:cxn ang="0">
                              <a:pos x="connsiteX911" y="connsiteY911"/>
                            </a:cxn>
                            <a:cxn ang="0">
                              <a:pos x="connsiteX912" y="connsiteY912"/>
                            </a:cxn>
                            <a:cxn ang="0">
                              <a:pos x="connsiteX913" y="connsiteY913"/>
                            </a:cxn>
                            <a:cxn ang="0">
                              <a:pos x="connsiteX914" y="connsiteY914"/>
                            </a:cxn>
                            <a:cxn ang="0">
                              <a:pos x="connsiteX915" y="connsiteY915"/>
                            </a:cxn>
                            <a:cxn ang="0">
                              <a:pos x="connsiteX916" y="connsiteY916"/>
                            </a:cxn>
                            <a:cxn ang="0">
                              <a:pos x="connsiteX917" y="connsiteY917"/>
                            </a:cxn>
                            <a:cxn ang="0">
                              <a:pos x="connsiteX918" y="connsiteY918"/>
                            </a:cxn>
                            <a:cxn ang="0">
                              <a:pos x="connsiteX919" y="connsiteY919"/>
                            </a:cxn>
                            <a:cxn ang="0">
                              <a:pos x="connsiteX920" y="connsiteY920"/>
                            </a:cxn>
                            <a:cxn ang="0">
                              <a:pos x="connsiteX921" y="connsiteY921"/>
                            </a:cxn>
                            <a:cxn ang="0">
                              <a:pos x="connsiteX922" y="connsiteY922"/>
                            </a:cxn>
                            <a:cxn ang="0">
                              <a:pos x="connsiteX923" y="connsiteY923"/>
                            </a:cxn>
                            <a:cxn ang="0">
                              <a:pos x="connsiteX924" y="connsiteY924"/>
                            </a:cxn>
                            <a:cxn ang="0">
                              <a:pos x="connsiteX925" y="connsiteY925"/>
                            </a:cxn>
                            <a:cxn ang="0">
                              <a:pos x="connsiteX926" y="connsiteY926"/>
                            </a:cxn>
                            <a:cxn ang="0">
                              <a:pos x="connsiteX927" y="connsiteY927"/>
                            </a:cxn>
                            <a:cxn ang="0">
                              <a:pos x="connsiteX928" y="connsiteY928"/>
                            </a:cxn>
                            <a:cxn ang="0">
                              <a:pos x="connsiteX929" y="connsiteY929"/>
                            </a:cxn>
                            <a:cxn ang="0">
                              <a:pos x="connsiteX930" y="connsiteY930"/>
                            </a:cxn>
                            <a:cxn ang="0">
                              <a:pos x="connsiteX931" y="connsiteY931"/>
                            </a:cxn>
                            <a:cxn ang="0">
                              <a:pos x="connsiteX932" y="connsiteY932"/>
                            </a:cxn>
                            <a:cxn ang="0">
                              <a:pos x="connsiteX933" y="connsiteY933"/>
                            </a:cxn>
                            <a:cxn ang="0">
                              <a:pos x="connsiteX934" y="connsiteY934"/>
                            </a:cxn>
                            <a:cxn ang="0">
                              <a:pos x="connsiteX935" y="connsiteY935"/>
                            </a:cxn>
                            <a:cxn ang="0">
                              <a:pos x="connsiteX936" y="connsiteY936"/>
                            </a:cxn>
                            <a:cxn ang="0">
                              <a:pos x="connsiteX937" y="connsiteY937"/>
                            </a:cxn>
                            <a:cxn ang="0">
                              <a:pos x="connsiteX938" y="connsiteY938"/>
                            </a:cxn>
                            <a:cxn ang="0">
                              <a:pos x="connsiteX939" y="connsiteY939"/>
                            </a:cxn>
                            <a:cxn ang="0">
                              <a:pos x="connsiteX940" y="connsiteY940"/>
                            </a:cxn>
                            <a:cxn ang="0">
                              <a:pos x="connsiteX941" y="connsiteY941"/>
                            </a:cxn>
                            <a:cxn ang="0">
                              <a:pos x="connsiteX942" y="connsiteY942"/>
                            </a:cxn>
                            <a:cxn ang="0">
                              <a:pos x="connsiteX943" y="connsiteY943"/>
                            </a:cxn>
                            <a:cxn ang="0">
                              <a:pos x="connsiteX944" y="connsiteY944"/>
                            </a:cxn>
                            <a:cxn ang="0">
                              <a:pos x="connsiteX945" y="connsiteY945"/>
                            </a:cxn>
                            <a:cxn ang="0">
                              <a:pos x="connsiteX946" y="connsiteY946"/>
                            </a:cxn>
                            <a:cxn ang="0">
                              <a:pos x="connsiteX947" y="connsiteY947"/>
                            </a:cxn>
                            <a:cxn ang="0">
                              <a:pos x="connsiteX948" y="connsiteY948"/>
                            </a:cxn>
                            <a:cxn ang="0">
                              <a:pos x="connsiteX949" y="connsiteY949"/>
                            </a:cxn>
                            <a:cxn ang="0">
                              <a:pos x="connsiteX950" y="connsiteY950"/>
                            </a:cxn>
                            <a:cxn ang="0">
                              <a:pos x="connsiteX951" y="connsiteY951"/>
                            </a:cxn>
                            <a:cxn ang="0">
                              <a:pos x="connsiteX952" y="connsiteY952"/>
                            </a:cxn>
                            <a:cxn ang="0">
                              <a:pos x="connsiteX953" y="connsiteY953"/>
                            </a:cxn>
                            <a:cxn ang="0">
                              <a:pos x="connsiteX954" y="connsiteY954"/>
                            </a:cxn>
                            <a:cxn ang="0">
                              <a:pos x="connsiteX955" y="connsiteY955"/>
                            </a:cxn>
                            <a:cxn ang="0">
                              <a:pos x="connsiteX956" y="connsiteY956"/>
                            </a:cxn>
                            <a:cxn ang="0">
                              <a:pos x="connsiteX957" y="connsiteY957"/>
                            </a:cxn>
                            <a:cxn ang="0">
                              <a:pos x="connsiteX958" y="connsiteY958"/>
                            </a:cxn>
                            <a:cxn ang="0">
                              <a:pos x="connsiteX959" y="connsiteY959"/>
                            </a:cxn>
                            <a:cxn ang="0">
                              <a:pos x="connsiteX960" y="connsiteY960"/>
                            </a:cxn>
                            <a:cxn ang="0">
                              <a:pos x="connsiteX961" y="connsiteY961"/>
                            </a:cxn>
                            <a:cxn ang="0">
                              <a:pos x="connsiteX962" y="connsiteY962"/>
                            </a:cxn>
                            <a:cxn ang="0">
                              <a:pos x="connsiteX963" y="connsiteY963"/>
                            </a:cxn>
                            <a:cxn ang="0">
                              <a:pos x="connsiteX964" y="connsiteY964"/>
                            </a:cxn>
                            <a:cxn ang="0">
                              <a:pos x="connsiteX965" y="connsiteY965"/>
                            </a:cxn>
                            <a:cxn ang="0">
                              <a:pos x="connsiteX966" y="connsiteY966"/>
                            </a:cxn>
                            <a:cxn ang="0">
                              <a:pos x="connsiteX967" y="connsiteY967"/>
                            </a:cxn>
                            <a:cxn ang="0">
                              <a:pos x="connsiteX968" y="connsiteY968"/>
                            </a:cxn>
                            <a:cxn ang="0">
                              <a:pos x="connsiteX969" y="connsiteY969"/>
                            </a:cxn>
                            <a:cxn ang="0">
                              <a:pos x="connsiteX970" y="connsiteY970"/>
                            </a:cxn>
                            <a:cxn ang="0">
                              <a:pos x="connsiteX971" y="connsiteY971"/>
                            </a:cxn>
                            <a:cxn ang="0">
                              <a:pos x="connsiteX972" y="connsiteY972"/>
                            </a:cxn>
                            <a:cxn ang="0">
                              <a:pos x="connsiteX973" y="connsiteY973"/>
                            </a:cxn>
                            <a:cxn ang="0">
                              <a:pos x="connsiteX974" y="connsiteY974"/>
                            </a:cxn>
                            <a:cxn ang="0">
                              <a:pos x="connsiteX975" y="connsiteY975"/>
                            </a:cxn>
                            <a:cxn ang="0">
                              <a:pos x="connsiteX976" y="connsiteY976"/>
                            </a:cxn>
                            <a:cxn ang="0">
                              <a:pos x="connsiteX977" y="connsiteY977"/>
                            </a:cxn>
                            <a:cxn ang="0">
                              <a:pos x="connsiteX978" y="connsiteY978"/>
                            </a:cxn>
                            <a:cxn ang="0">
                              <a:pos x="connsiteX979" y="connsiteY979"/>
                            </a:cxn>
                            <a:cxn ang="0">
                              <a:pos x="connsiteX980" y="connsiteY980"/>
                            </a:cxn>
                            <a:cxn ang="0">
                              <a:pos x="connsiteX981" y="connsiteY981"/>
                            </a:cxn>
                            <a:cxn ang="0">
                              <a:pos x="connsiteX982" y="connsiteY982"/>
                            </a:cxn>
                            <a:cxn ang="0">
                              <a:pos x="connsiteX983" y="connsiteY983"/>
                            </a:cxn>
                            <a:cxn ang="0">
                              <a:pos x="connsiteX984" y="connsiteY984"/>
                            </a:cxn>
                            <a:cxn ang="0">
                              <a:pos x="connsiteX985" y="connsiteY985"/>
                            </a:cxn>
                            <a:cxn ang="0">
                              <a:pos x="connsiteX986" y="connsiteY986"/>
                            </a:cxn>
                            <a:cxn ang="0">
                              <a:pos x="connsiteX987" y="connsiteY987"/>
                            </a:cxn>
                            <a:cxn ang="0">
                              <a:pos x="connsiteX988" y="connsiteY988"/>
                            </a:cxn>
                            <a:cxn ang="0">
                              <a:pos x="connsiteX989" y="connsiteY989"/>
                            </a:cxn>
                            <a:cxn ang="0">
                              <a:pos x="connsiteX990" y="connsiteY990"/>
                            </a:cxn>
                            <a:cxn ang="0">
                              <a:pos x="connsiteX991" y="connsiteY991"/>
                            </a:cxn>
                            <a:cxn ang="0">
                              <a:pos x="connsiteX992" y="connsiteY992"/>
                            </a:cxn>
                            <a:cxn ang="0">
                              <a:pos x="connsiteX993" y="connsiteY993"/>
                            </a:cxn>
                            <a:cxn ang="0">
                              <a:pos x="connsiteX994" y="connsiteY994"/>
                            </a:cxn>
                            <a:cxn ang="0">
                              <a:pos x="connsiteX995" y="connsiteY995"/>
                            </a:cxn>
                            <a:cxn ang="0">
                              <a:pos x="connsiteX996" y="connsiteY996"/>
                            </a:cxn>
                            <a:cxn ang="0">
                              <a:pos x="connsiteX997" y="connsiteY997"/>
                            </a:cxn>
                            <a:cxn ang="0">
                              <a:pos x="connsiteX998" y="connsiteY998"/>
                            </a:cxn>
                            <a:cxn ang="0">
                              <a:pos x="connsiteX999" y="connsiteY999"/>
                            </a:cxn>
                            <a:cxn ang="0">
                              <a:pos x="connsiteX1000" y="connsiteY1000"/>
                            </a:cxn>
                            <a:cxn ang="0">
                              <a:pos x="connsiteX1001" y="connsiteY1001"/>
                            </a:cxn>
                            <a:cxn ang="0">
                              <a:pos x="connsiteX1002" y="connsiteY1002"/>
                            </a:cxn>
                            <a:cxn ang="0">
                              <a:pos x="connsiteX1003" y="connsiteY1003"/>
                            </a:cxn>
                            <a:cxn ang="0">
                              <a:pos x="connsiteX1004" y="connsiteY1004"/>
                            </a:cxn>
                            <a:cxn ang="0">
                              <a:pos x="connsiteX1005" y="connsiteY1005"/>
                            </a:cxn>
                            <a:cxn ang="0">
                              <a:pos x="connsiteX1006" y="connsiteY1006"/>
                            </a:cxn>
                            <a:cxn ang="0">
                              <a:pos x="connsiteX1007" y="connsiteY1007"/>
                            </a:cxn>
                            <a:cxn ang="0">
                              <a:pos x="connsiteX1008" y="connsiteY1008"/>
                            </a:cxn>
                            <a:cxn ang="0">
                              <a:pos x="connsiteX1009" y="connsiteY1009"/>
                            </a:cxn>
                            <a:cxn ang="0">
                              <a:pos x="connsiteX1010" y="connsiteY1010"/>
                            </a:cxn>
                            <a:cxn ang="0">
                              <a:pos x="connsiteX1011" y="connsiteY1011"/>
                            </a:cxn>
                            <a:cxn ang="0">
                              <a:pos x="connsiteX1012" y="connsiteY1012"/>
                            </a:cxn>
                            <a:cxn ang="0">
                              <a:pos x="connsiteX1013" y="connsiteY1013"/>
                            </a:cxn>
                            <a:cxn ang="0">
                              <a:pos x="connsiteX1014" y="connsiteY1014"/>
                            </a:cxn>
                            <a:cxn ang="0">
                              <a:pos x="connsiteX1015" y="connsiteY1015"/>
                            </a:cxn>
                            <a:cxn ang="0">
                              <a:pos x="connsiteX1016" y="connsiteY1016"/>
                            </a:cxn>
                            <a:cxn ang="0">
                              <a:pos x="connsiteX1017" y="connsiteY1017"/>
                            </a:cxn>
                            <a:cxn ang="0">
                              <a:pos x="connsiteX1018" y="connsiteY1018"/>
                            </a:cxn>
                            <a:cxn ang="0">
                              <a:pos x="connsiteX1019" y="connsiteY1019"/>
                            </a:cxn>
                            <a:cxn ang="0">
                              <a:pos x="connsiteX1020" y="connsiteY1020"/>
                            </a:cxn>
                            <a:cxn ang="0">
                              <a:pos x="connsiteX1021" y="connsiteY1021"/>
                            </a:cxn>
                            <a:cxn ang="0">
                              <a:pos x="connsiteX1022" y="connsiteY1022"/>
                            </a:cxn>
                            <a:cxn ang="0">
                              <a:pos x="connsiteX1023" y="connsiteY1023"/>
                            </a:cxn>
                            <a:cxn ang="0">
                              <a:pos x="connsiteX1024" y="connsiteY1024"/>
                            </a:cxn>
                            <a:cxn ang="0">
                              <a:pos x="connsiteX1025" y="connsiteY1025"/>
                            </a:cxn>
                            <a:cxn ang="0">
                              <a:pos x="connsiteX1026" y="connsiteY1026"/>
                            </a:cxn>
                            <a:cxn ang="0">
                              <a:pos x="connsiteX1027" y="connsiteY1027"/>
                            </a:cxn>
                            <a:cxn ang="0">
                              <a:pos x="connsiteX1028" y="connsiteY1028"/>
                            </a:cxn>
                            <a:cxn ang="0">
                              <a:pos x="connsiteX1029" y="connsiteY1029"/>
                            </a:cxn>
                            <a:cxn ang="0">
                              <a:pos x="connsiteX1030" y="connsiteY1030"/>
                            </a:cxn>
                            <a:cxn ang="0">
                              <a:pos x="connsiteX1031" y="connsiteY1031"/>
                            </a:cxn>
                            <a:cxn ang="0">
                              <a:pos x="connsiteX1032" y="connsiteY1032"/>
                            </a:cxn>
                            <a:cxn ang="0">
                              <a:pos x="connsiteX1033" y="connsiteY1033"/>
                            </a:cxn>
                            <a:cxn ang="0">
                              <a:pos x="connsiteX1034" y="connsiteY1034"/>
                            </a:cxn>
                            <a:cxn ang="0">
                              <a:pos x="connsiteX1035" y="connsiteY1035"/>
                            </a:cxn>
                            <a:cxn ang="0">
                              <a:pos x="connsiteX1036" y="connsiteY1036"/>
                            </a:cxn>
                            <a:cxn ang="0">
                              <a:pos x="connsiteX1037" y="connsiteY1037"/>
                            </a:cxn>
                            <a:cxn ang="0">
                              <a:pos x="connsiteX1038" y="connsiteY1038"/>
                            </a:cxn>
                            <a:cxn ang="0">
                              <a:pos x="connsiteX1039" y="connsiteY1039"/>
                            </a:cxn>
                            <a:cxn ang="0">
                              <a:pos x="connsiteX1040" y="connsiteY1040"/>
                            </a:cxn>
                            <a:cxn ang="0">
                              <a:pos x="connsiteX1041" y="connsiteY1041"/>
                            </a:cxn>
                            <a:cxn ang="0">
                              <a:pos x="connsiteX1042" y="connsiteY1042"/>
                            </a:cxn>
                            <a:cxn ang="0">
                              <a:pos x="connsiteX1043" y="connsiteY1043"/>
                            </a:cxn>
                            <a:cxn ang="0">
                              <a:pos x="connsiteX1044" y="connsiteY1044"/>
                            </a:cxn>
                            <a:cxn ang="0">
                              <a:pos x="connsiteX1045" y="connsiteY1045"/>
                            </a:cxn>
                            <a:cxn ang="0">
                              <a:pos x="connsiteX1046" y="connsiteY1046"/>
                            </a:cxn>
                            <a:cxn ang="0">
                              <a:pos x="connsiteX1047" y="connsiteY1047"/>
                            </a:cxn>
                            <a:cxn ang="0">
                              <a:pos x="connsiteX1048" y="connsiteY1048"/>
                            </a:cxn>
                            <a:cxn ang="0">
                              <a:pos x="connsiteX1049" y="connsiteY1049"/>
                            </a:cxn>
                            <a:cxn ang="0">
                              <a:pos x="connsiteX1050" y="connsiteY1050"/>
                            </a:cxn>
                            <a:cxn ang="0">
                              <a:pos x="connsiteX1051" y="connsiteY1051"/>
                            </a:cxn>
                            <a:cxn ang="0">
                              <a:pos x="connsiteX1052" y="connsiteY1052"/>
                            </a:cxn>
                            <a:cxn ang="0">
                              <a:pos x="connsiteX1053" y="connsiteY1053"/>
                            </a:cxn>
                            <a:cxn ang="0">
                              <a:pos x="connsiteX1054" y="connsiteY1054"/>
                            </a:cxn>
                            <a:cxn ang="0">
                              <a:pos x="connsiteX1055" y="connsiteY1055"/>
                            </a:cxn>
                            <a:cxn ang="0">
                              <a:pos x="connsiteX1056" y="connsiteY1056"/>
                            </a:cxn>
                            <a:cxn ang="0">
                              <a:pos x="connsiteX1057" y="connsiteY1057"/>
                            </a:cxn>
                            <a:cxn ang="0">
                              <a:pos x="connsiteX1058" y="connsiteY1058"/>
                            </a:cxn>
                            <a:cxn ang="0">
                              <a:pos x="connsiteX1059" y="connsiteY1059"/>
                            </a:cxn>
                            <a:cxn ang="0">
                              <a:pos x="connsiteX1060" y="connsiteY1060"/>
                            </a:cxn>
                            <a:cxn ang="0">
                              <a:pos x="connsiteX1061" y="connsiteY1061"/>
                            </a:cxn>
                            <a:cxn ang="0">
                              <a:pos x="connsiteX1062" y="connsiteY1062"/>
                            </a:cxn>
                            <a:cxn ang="0">
                              <a:pos x="connsiteX1063" y="connsiteY1063"/>
                            </a:cxn>
                            <a:cxn ang="0">
                              <a:pos x="connsiteX1064" y="connsiteY1064"/>
                            </a:cxn>
                            <a:cxn ang="0">
                              <a:pos x="connsiteX1065" y="connsiteY1065"/>
                            </a:cxn>
                            <a:cxn ang="0">
                              <a:pos x="connsiteX1066" y="connsiteY1066"/>
                            </a:cxn>
                            <a:cxn ang="0">
                              <a:pos x="connsiteX1067" y="connsiteY1067"/>
                            </a:cxn>
                            <a:cxn ang="0">
                              <a:pos x="connsiteX1068" y="connsiteY1068"/>
                            </a:cxn>
                            <a:cxn ang="0">
                              <a:pos x="connsiteX1069" y="connsiteY1069"/>
                            </a:cxn>
                            <a:cxn ang="0">
                              <a:pos x="connsiteX1070" y="connsiteY1070"/>
                            </a:cxn>
                            <a:cxn ang="0">
                              <a:pos x="connsiteX1071" y="connsiteY1071"/>
                            </a:cxn>
                            <a:cxn ang="0">
                              <a:pos x="connsiteX1072" y="connsiteY1072"/>
                            </a:cxn>
                            <a:cxn ang="0">
                              <a:pos x="connsiteX1073" y="connsiteY1073"/>
                            </a:cxn>
                            <a:cxn ang="0">
                              <a:pos x="connsiteX1074" y="connsiteY1074"/>
                            </a:cxn>
                            <a:cxn ang="0">
                              <a:pos x="connsiteX1075" y="connsiteY1075"/>
                            </a:cxn>
                            <a:cxn ang="0">
                              <a:pos x="connsiteX1076" y="connsiteY1076"/>
                            </a:cxn>
                            <a:cxn ang="0">
                              <a:pos x="connsiteX1077" y="connsiteY1077"/>
                            </a:cxn>
                            <a:cxn ang="0">
                              <a:pos x="connsiteX1078" y="connsiteY1078"/>
                            </a:cxn>
                            <a:cxn ang="0">
                              <a:pos x="connsiteX1079" y="connsiteY1079"/>
                            </a:cxn>
                            <a:cxn ang="0">
                              <a:pos x="connsiteX1080" y="connsiteY1080"/>
                            </a:cxn>
                            <a:cxn ang="0">
                              <a:pos x="connsiteX1081" y="connsiteY1081"/>
                            </a:cxn>
                            <a:cxn ang="0">
                              <a:pos x="connsiteX1082" y="connsiteY1082"/>
                            </a:cxn>
                            <a:cxn ang="0">
                              <a:pos x="connsiteX1083" y="connsiteY1083"/>
                            </a:cxn>
                            <a:cxn ang="0">
                              <a:pos x="connsiteX1084" y="connsiteY1084"/>
                            </a:cxn>
                            <a:cxn ang="0">
                              <a:pos x="connsiteX1085" y="connsiteY1085"/>
                            </a:cxn>
                            <a:cxn ang="0">
                              <a:pos x="connsiteX1086" y="connsiteY1086"/>
                            </a:cxn>
                            <a:cxn ang="0">
                              <a:pos x="connsiteX1087" y="connsiteY1087"/>
                            </a:cxn>
                            <a:cxn ang="0">
                              <a:pos x="connsiteX1088" y="connsiteY1088"/>
                            </a:cxn>
                            <a:cxn ang="0">
                              <a:pos x="connsiteX1089" y="connsiteY1089"/>
                            </a:cxn>
                            <a:cxn ang="0">
                              <a:pos x="connsiteX1090" y="connsiteY1090"/>
                            </a:cxn>
                            <a:cxn ang="0">
                              <a:pos x="connsiteX1091" y="connsiteY1091"/>
                            </a:cxn>
                            <a:cxn ang="0">
                              <a:pos x="connsiteX1092" y="connsiteY1092"/>
                            </a:cxn>
                            <a:cxn ang="0">
                              <a:pos x="connsiteX1093" y="connsiteY1093"/>
                            </a:cxn>
                            <a:cxn ang="0">
                              <a:pos x="connsiteX1094" y="connsiteY1094"/>
                            </a:cxn>
                            <a:cxn ang="0">
                              <a:pos x="connsiteX1095" y="connsiteY1095"/>
                            </a:cxn>
                            <a:cxn ang="0">
                              <a:pos x="connsiteX1096" y="connsiteY1096"/>
                            </a:cxn>
                            <a:cxn ang="0">
                              <a:pos x="connsiteX1097" y="connsiteY1097"/>
                            </a:cxn>
                            <a:cxn ang="0">
                              <a:pos x="connsiteX1098" y="connsiteY1098"/>
                            </a:cxn>
                            <a:cxn ang="0">
                              <a:pos x="connsiteX1099" y="connsiteY1099"/>
                            </a:cxn>
                            <a:cxn ang="0">
                              <a:pos x="connsiteX1100" y="connsiteY1100"/>
                            </a:cxn>
                            <a:cxn ang="0">
                              <a:pos x="connsiteX1101" y="connsiteY1101"/>
                            </a:cxn>
                            <a:cxn ang="0">
                              <a:pos x="connsiteX1102" y="connsiteY1102"/>
                            </a:cxn>
                            <a:cxn ang="0">
                              <a:pos x="connsiteX1103" y="connsiteY1103"/>
                            </a:cxn>
                            <a:cxn ang="0">
                              <a:pos x="connsiteX1104" y="connsiteY1104"/>
                            </a:cxn>
                            <a:cxn ang="0">
                              <a:pos x="connsiteX1105" y="connsiteY1105"/>
                            </a:cxn>
                            <a:cxn ang="0">
                              <a:pos x="connsiteX1106" y="connsiteY1106"/>
                            </a:cxn>
                            <a:cxn ang="0">
                              <a:pos x="connsiteX1107" y="connsiteY1107"/>
                            </a:cxn>
                            <a:cxn ang="0">
                              <a:pos x="connsiteX1108" y="connsiteY1108"/>
                            </a:cxn>
                            <a:cxn ang="0">
                              <a:pos x="connsiteX1109" y="connsiteY1109"/>
                            </a:cxn>
                            <a:cxn ang="0">
                              <a:pos x="connsiteX1110" y="connsiteY1110"/>
                            </a:cxn>
                            <a:cxn ang="0">
                              <a:pos x="connsiteX1111" y="connsiteY1111"/>
                            </a:cxn>
                            <a:cxn ang="0">
                              <a:pos x="connsiteX1112" y="connsiteY1112"/>
                            </a:cxn>
                            <a:cxn ang="0">
                              <a:pos x="connsiteX1113" y="connsiteY1113"/>
                            </a:cxn>
                            <a:cxn ang="0">
                              <a:pos x="connsiteX1114" y="connsiteY1114"/>
                            </a:cxn>
                            <a:cxn ang="0">
                              <a:pos x="connsiteX1115" y="connsiteY1115"/>
                            </a:cxn>
                            <a:cxn ang="0">
                              <a:pos x="connsiteX1116" y="connsiteY1116"/>
                            </a:cxn>
                            <a:cxn ang="0">
                              <a:pos x="connsiteX1117" y="connsiteY1117"/>
                            </a:cxn>
                            <a:cxn ang="0">
                              <a:pos x="connsiteX1118" y="connsiteY1118"/>
                            </a:cxn>
                            <a:cxn ang="0">
                              <a:pos x="connsiteX1119" y="connsiteY1119"/>
                            </a:cxn>
                            <a:cxn ang="0">
                              <a:pos x="connsiteX1120" y="connsiteY1120"/>
                            </a:cxn>
                            <a:cxn ang="0">
                              <a:pos x="connsiteX1121" y="connsiteY1121"/>
                            </a:cxn>
                            <a:cxn ang="0">
                              <a:pos x="connsiteX1122" y="connsiteY1122"/>
                            </a:cxn>
                            <a:cxn ang="0">
                              <a:pos x="connsiteX1123" y="connsiteY1123"/>
                            </a:cxn>
                            <a:cxn ang="0">
                              <a:pos x="connsiteX1124" y="connsiteY1124"/>
                            </a:cxn>
                            <a:cxn ang="0">
                              <a:pos x="connsiteX1125" y="connsiteY1125"/>
                            </a:cxn>
                            <a:cxn ang="0">
                              <a:pos x="connsiteX1126" y="connsiteY1126"/>
                            </a:cxn>
                            <a:cxn ang="0">
                              <a:pos x="connsiteX1127" y="connsiteY1127"/>
                            </a:cxn>
                            <a:cxn ang="0">
                              <a:pos x="connsiteX1128" y="connsiteY1128"/>
                            </a:cxn>
                            <a:cxn ang="0">
                              <a:pos x="connsiteX1129" y="connsiteY1129"/>
                            </a:cxn>
                            <a:cxn ang="0">
                              <a:pos x="connsiteX1130" y="connsiteY1130"/>
                            </a:cxn>
                            <a:cxn ang="0">
                              <a:pos x="connsiteX1131" y="connsiteY1131"/>
                            </a:cxn>
                            <a:cxn ang="0">
                              <a:pos x="connsiteX1132" y="connsiteY1132"/>
                            </a:cxn>
                            <a:cxn ang="0">
                              <a:pos x="connsiteX1133" y="connsiteY1133"/>
                            </a:cxn>
                            <a:cxn ang="0">
                              <a:pos x="connsiteX1134" y="connsiteY1134"/>
                            </a:cxn>
                            <a:cxn ang="0">
                              <a:pos x="connsiteX1135" y="connsiteY1135"/>
                            </a:cxn>
                            <a:cxn ang="0">
                              <a:pos x="connsiteX1136" y="connsiteY1136"/>
                            </a:cxn>
                            <a:cxn ang="0">
                              <a:pos x="connsiteX1137" y="connsiteY1137"/>
                            </a:cxn>
                            <a:cxn ang="0">
                              <a:pos x="connsiteX1138" y="connsiteY1138"/>
                            </a:cxn>
                            <a:cxn ang="0">
                              <a:pos x="connsiteX1139" y="connsiteY1139"/>
                            </a:cxn>
                            <a:cxn ang="0">
                              <a:pos x="connsiteX1140" y="connsiteY1140"/>
                            </a:cxn>
                            <a:cxn ang="0">
                              <a:pos x="connsiteX1141" y="connsiteY1141"/>
                            </a:cxn>
                            <a:cxn ang="0">
                              <a:pos x="connsiteX1142" y="connsiteY1142"/>
                            </a:cxn>
                            <a:cxn ang="0">
                              <a:pos x="connsiteX1143" y="connsiteY1143"/>
                            </a:cxn>
                            <a:cxn ang="0">
                              <a:pos x="connsiteX1144" y="connsiteY1144"/>
                            </a:cxn>
                            <a:cxn ang="0">
                              <a:pos x="connsiteX1145" y="connsiteY1145"/>
                            </a:cxn>
                            <a:cxn ang="0">
                              <a:pos x="connsiteX1146" y="connsiteY1146"/>
                            </a:cxn>
                            <a:cxn ang="0">
                              <a:pos x="connsiteX1147" y="connsiteY1147"/>
                            </a:cxn>
                            <a:cxn ang="0">
                              <a:pos x="connsiteX1148" y="connsiteY1148"/>
                            </a:cxn>
                            <a:cxn ang="0">
                              <a:pos x="connsiteX1149" y="connsiteY1149"/>
                            </a:cxn>
                            <a:cxn ang="0">
                              <a:pos x="connsiteX1150" y="connsiteY1150"/>
                            </a:cxn>
                            <a:cxn ang="0">
                              <a:pos x="connsiteX1151" y="connsiteY1151"/>
                            </a:cxn>
                            <a:cxn ang="0">
                              <a:pos x="connsiteX1152" y="connsiteY1152"/>
                            </a:cxn>
                            <a:cxn ang="0">
                              <a:pos x="connsiteX1153" y="connsiteY1153"/>
                            </a:cxn>
                            <a:cxn ang="0">
                              <a:pos x="connsiteX1154" y="connsiteY1154"/>
                            </a:cxn>
                            <a:cxn ang="0">
                              <a:pos x="connsiteX1155" y="connsiteY1155"/>
                            </a:cxn>
                            <a:cxn ang="0">
                              <a:pos x="connsiteX1156" y="connsiteY1156"/>
                            </a:cxn>
                            <a:cxn ang="0">
                              <a:pos x="connsiteX1157" y="connsiteY1157"/>
                            </a:cxn>
                            <a:cxn ang="0">
                              <a:pos x="connsiteX1158" y="connsiteY1158"/>
                            </a:cxn>
                            <a:cxn ang="0">
                              <a:pos x="connsiteX1159" y="connsiteY1159"/>
                            </a:cxn>
                            <a:cxn ang="0">
                              <a:pos x="connsiteX1160" y="connsiteY1160"/>
                            </a:cxn>
                            <a:cxn ang="0">
                              <a:pos x="connsiteX1161" y="connsiteY1161"/>
                            </a:cxn>
                            <a:cxn ang="0">
                              <a:pos x="connsiteX1162" y="connsiteY1162"/>
                            </a:cxn>
                            <a:cxn ang="0">
                              <a:pos x="connsiteX1163" y="connsiteY1163"/>
                            </a:cxn>
                            <a:cxn ang="0">
                              <a:pos x="connsiteX1164" y="connsiteY1164"/>
                            </a:cxn>
                            <a:cxn ang="0">
                              <a:pos x="connsiteX1165" y="connsiteY1165"/>
                            </a:cxn>
                            <a:cxn ang="0">
                              <a:pos x="connsiteX1166" y="connsiteY1166"/>
                            </a:cxn>
                            <a:cxn ang="0">
                              <a:pos x="connsiteX1167" y="connsiteY1167"/>
                            </a:cxn>
                            <a:cxn ang="0">
                              <a:pos x="connsiteX1168" y="connsiteY1168"/>
                            </a:cxn>
                            <a:cxn ang="0">
                              <a:pos x="connsiteX1169" y="connsiteY1169"/>
                            </a:cxn>
                            <a:cxn ang="0">
                              <a:pos x="connsiteX1170" y="connsiteY1170"/>
                            </a:cxn>
                            <a:cxn ang="0">
                              <a:pos x="connsiteX1171" y="connsiteY1171"/>
                            </a:cxn>
                            <a:cxn ang="0">
                              <a:pos x="connsiteX1172" y="connsiteY1172"/>
                            </a:cxn>
                            <a:cxn ang="0">
                              <a:pos x="connsiteX1173" y="connsiteY1173"/>
                            </a:cxn>
                            <a:cxn ang="0">
                              <a:pos x="connsiteX1174" y="connsiteY1174"/>
                            </a:cxn>
                            <a:cxn ang="0">
                              <a:pos x="connsiteX1175" y="connsiteY1175"/>
                            </a:cxn>
                            <a:cxn ang="0">
                              <a:pos x="connsiteX1176" y="connsiteY1176"/>
                            </a:cxn>
                            <a:cxn ang="0">
                              <a:pos x="connsiteX1177" y="connsiteY1177"/>
                            </a:cxn>
                            <a:cxn ang="0">
                              <a:pos x="connsiteX1178" y="connsiteY1178"/>
                            </a:cxn>
                            <a:cxn ang="0">
                              <a:pos x="connsiteX1179" y="connsiteY1179"/>
                            </a:cxn>
                            <a:cxn ang="0">
                              <a:pos x="connsiteX1180" y="connsiteY1180"/>
                            </a:cxn>
                            <a:cxn ang="0">
                              <a:pos x="connsiteX1181" y="connsiteY1181"/>
                            </a:cxn>
                          </a:cxnLst>
                          <a:rect l="l" t="t" r="r" b="b"/>
                          <a:pathLst>
                            <a:path w="2647519" h="2612594">
                              <a:moveTo>
                                <a:pt x="1439383" y="2598425"/>
                              </a:moveTo>
                              <a:lnTo>
                                <a:pt x="1427010" y="2605087"/>
                              </a:lnTo>
                              <a:lnTo>
                                <a:pt x="1427751" y="2605405"/>
                              </a:lnTo>
                              <a:close/>
                              <a:moveTo>
                                <a:pt x="1542263" y="2530792"/>
                              </a:moveTo>
                              <a:cubicBezTo>
                                <a:pt x="1527023" y="2534602"/>
                                <a:pt x="1516545" y="2538412"/>
                                <a:pt x="1502258" y="2540317"/>
                              </a:cubicBezTo>
                              <a:cubicBezTo>
                                <a:pt x="1487970" y="2542222"/>
                                <a:pt x="1470825" y="2545079"/>
                                <a:pt x="1442250" y="2547937"/>
                              </a:cubicBezTo>
                              <a:cubicBezTo>
                                <a:pt x="1442250" y="2545079"/>
                                <a:pt x="1440345" y="2543174"/>
                                <a:pt x="1439393" y="2540317"/>
                              </a:cubicBezTo>
                              <a:cubicBezTo>
                                <a:pt x="1452728" y="2540317"/>
                                <a:pt x="1465110" y="2538412"/>
                                <a:pt x="1481303" y="2536507"/>
                              </a:cubicBezTo>
                              <a:cubicBezTo>
                                <a:pt x="1496543" y="2534602"/>
                                <a:pt x="1515593" y="2533649"/>
                                <a:pt x="1542263" y="2530792"/>
                              </a:cubicBezTo>
                              <a:close/>
                              <a:moveTo>
                                <a:pt x="1646323" y="2520821"/>
                              </a:moveTo>
                              <a:lnTo>
                                <a:pt x="1643881" y="2521511"/>
                              </a:lnTo>
                              <a:lnTo>
                                <a:pt x="1645133" y="2521267"/>
                              </a:lnTo>
                              <a:close/>
                              <a:moveTo>
                                <a:pt x="899801" y="2506503"/>
                              </a:moveTo>
                              <a:cubicBezTo>
                                <a:pt x="908612" y="2507932"/>
                                <a:pt x="922185" y="2511742"/>
                                <a:pt x="942187" y="2517457"/>
                              </a:cubicBezTo>
                              <a:cubicBezTo>
                                <a:pt x="947902" y="2518409"/>
                                <a:pt x="954570" y="2518409"/>
                                <a:pt x="960285" y="2518409"/>
                              </a:cubicBezTo>
                              <a:cubicBezTo>
                                <a:pt x="977430" y="2526982"/>
                                <a:pt x="993622" y="2535555"/>
                                <a:pt x="1010767" y="2543175"/>
                              </a:cubicBezTo>
                              <a:cubicBezTo>
                                <a:pt x="1017435" y="2544127"/>
                                <a:pt x="1026007" y="2546032"/>
                                <a:pt x="1033627" y="2547937"/>
                              </a:cubicBezTo>
                              <a:lnTo>
                                <a:pt x="1035057" y="2548414"/>
                              </a:lnTo>
                              <a:lnTo>
                                <a:pt x="1040295" y="2543175"/>
                              </a:lnTo>
                              <a:cubicBezTo>
                                <a:pt x="1046962" y="2545080"/>
                                <a:pt x="1053630" y="2546985"/>
                                <a:pt x="1060297" y="2548890"/>
                              </a:cubicBezTo>
                              <a:cubicBezTo>
                                <a:pt x="1066965" y="2550795"/>
                                <a:pt x="1073632" y="2551747"/>
                                <a:pt x="1080300" y="2553652"/>
                              </a:cubicBezTo>
                              <a:lnTo>
                                <a:pt x="1119712" y="2562818"/>
                              </a:lnTo>
                              <a:lnTo>
                                <a:pt x="1120305" y="2562225"/>
                              </a:lnTo>
                              <a:cubicBezTo>
                                <a:pt x="1134592" y="2564130"/>
                                <a:pt x="1150785" y="2566987"/>
                                <a:pt x="1166025" y="2569845"/>
                              </a:cubicBezTo>
                              <a:cubicBezTo>
                                <a:pt x="1172692" y="2570797"/>
                                <a:pt x="1180312" y="2571750"/>
                                <a:pt x="1187932" y="2573655"/>
                              </a:cubicBezTo>
                              <a:cubicBezTo>
                                <a:pt x="1195552" y="2574607"/>
                                <a:pt x="1203172" y="2575560"/>
                                <a:pt x="1209840" y="2575560"/>
                              </a:cubicBezTo>
                              <a:cubicBezTo>
                                <a:pt x="1223175" y="2575560"/>
                                <a:pt x="1237462" y="2576512"/>
                                <a:pt x="1254607" y="2577465"/>
                              </a:cubicBezTo>
                              <a:cubicBezTo>
                                <a:pt x="1271752" y="2577465"/>
                                <a:pt x="1291755" y="2578417"/>
                                <a:pt x="1315567" y="2576512"/>
                              </a:cubicBezTo>
                              <a:lnTo>
                                <a:pt x="1318213" y="2576512"/>
                              </a:lnTo>
                              <a:lnTo>
                                <a:pt x="1324140" y="2573178"/>
                              </a:lnTo>
                              <a:cubicBezTo>
                                <a:pt x="1328188" y="2571750"/>
                                <a:pt x="1333189" y="2570321"/>
                                <a:pt x="1337475" y="2568892"/>
                              </a:cubicBezTo>
                              <a:cubicBezTo>
                                <a:pt x="1342238" y="2568892"/>
                                <a:pt x="1347000" y="2568654"/>
                                <a:pt x="1351048" y="2568654"/>
                              </a:cubicBezTo>
                              <a:cubicBezTo>
                                <a:pt x="1355096" y="2568654"/>
                                <a:pt x="1358430" y="2568892"/>
                                <a:pt x="1360335" y="2569844"/>
                              </a:cubicBezTo>
                              <a:lnTo>
                                <a:pt x="1362835" y="2576512"/>
                              </a:lnTo>
                              <a:lnTo>
                                <a:pt x="1384147" y="2576512"/>
                              </a:lnTo>
                              <a:cubicBezTo>
                                <a:pt x="1382242" y="2579370"/>
                                <a:pt x="1379385" y="2583180"/>
                                <a:pt x="1377480" y="2586037"/>
                              </a:cubicBezTo>
                              <a:cubicBezTo>
                                <a:pt x="1376527" y="2586990"/>
                                <a:pt x="1375575" y="2587942"/>
                                <a:pt x="1373670" y="2590800"/>
                              </a:cubicBezTo>
                              <a:cubicBezTo>
                                <a:pt x="1370812" y="2592705"/>
                                <a:pt x="1366050" y="2594610"/>
                                <a:pt x="1361287" y="2596515"/>
                              </a:cubicBezTo>
                              <a:cubicBezTo>
                                <a:pt x="1352715" y="2596515"/>
                                <a:pt x="1347000" y="2596515"/>
                                <a:pt x="1338427" y="2596515"/>
                              </a:cubicBezTo>
                              <a:cubicBezTo>
                                <a:pt x="1328902" y="2595562"/>
                                <a:pt x="1318425" y="2595562"/>
                                <a:pt x="1308900" y="2594610"/>
                              </a:cubicBezTo>
                              <a:cubicBezTo>
                                <a:pt x="1286992" y="2593657"/>
                                <a:pt x="1266037" y="2593657"/>
                                <a:pt x="1245082" y="2592705"/>
                              </a:cubicBezTo>
                              <a:cubicBezTo>
                                <a:pt x="1229842" y="2591752"/>
                                <a:pt x="1213650" y="2590800"/>
                                <a:pt x="1197457" y="2588895"/>
                              </a:cubicBezTo>
                              <a:cubicBezTo>
                                <a:pt x="1184122" y="2587942"/>
                                <a:pt x="1169835" y="2585085"/>
                                <a:pt x="1155547" y="2583180"/>
                              </a:cubicBezTo>
                              <a:cubicBezTo>
                                <a:pt x="1141260" y="2581275"/>
                                <a:pt x="1127925" y="2579370"/>
                                <a:pt x="1113637" y="2576512"/>
                              </a:cubicBezTo>
                              <a:cubicBezTo>
                                <a:pt x="1092682" y="2572702"/>
                                <a:pt x="1069822" y="2570797"/>
                                <a:pt x="1049820" y="2566987"/>
                              </a:cubicBezTo>
                              <a:cubicBezTo>
                                <a:pt x="1029817" y="2562225"/>
                                <a:pt x="1011720" y="2557462"/>
                                <a:pt x="1000290" y="2550795"/>
                              </a:cubicBezTo>
                              <a:lnTo>
                                <a:pt x="1000863" y="2550379"/>
                              </a:lnTo>
                              <a:lnTo>
                                <a:pt x="971715" y="2541270"/>
                              </a:lnTo>
                              <a:cubicBezTo>
                                <a:pt x="964095" y="2537459"/>
                                <a:pt x="955522" y="2533650"/>
                                <a:pt x="945997" y="2529840"/>
                              </a:cubicBezTo>
                              <a:cubicBezTo>
                                <a:pt x="935520" y="2526982"/>
                                <a:pt x="925995" y="2524125"/>
                                <a:pt x="916470" y="2520315"/>
                              </a:cubicBezTo>
                              <a:cubicBezTo>
                                <a:pt x="905992" y="2516505"/>
                                <a:pt x="896467" y="2513647"/>
                                <a:pt x="885990" y="2509837"/>
                              </a:cubicBezTo>
                              <a:cubicBezTo>
                                <a:pt x="886943" y="2506027"/>
                                <a:pt x="890991" y="2505075"/>
                                <a:pt x="899801" y="2506503"/>
                              </a:cubicBezTo>
                              <a:close/>
                              <a:moveTo>
                                <a:pt x="1460491" y="2486082"/>
                              </a:moveTo>
                              <a:lnTo>
                                <a:pt x="1445939" y="2488303"/>
                              </a:lnTo>
                              <a:lnTo>
                                <a:pt x="1345293" y="2493385"/>
                              </a:lnTo>
                              <a:lnTo>
                                <a:pt x="1378432" y="2497454"/>
                              </a:lnTo>
                              <a:cubicBezTo>
                                <a:pt x="1380337" y="2496502"/>
                                <a:pt x="1383195" y="2496502"/>
                                <a:pt x="1387005" y="2495549"/>
                              </a:cubicBezTo>
                              <a:cubicBezTo>
                                <a:pt x="1407007" y="2492692"/>
                                <a:pt x="1426057" y="2490787"/>
                                <a:pt x="1446060" y="2488882"/>
                              </a:cubicBezTo>
                              <a:cubicBezTo>
                                <a:pt x="1448203" y="2488406"/>
                                <a:pt x="1451715" y="2487751"/>
                                <a:pt x="1455778" y="2486992"/>
                              </a:cubicBezTo>
                              <a:close/>
                              <a:moveTo>
                                <a:pt x="1550918" y="2472281"/>
                              </a:moveTo>
                              <a:lnTo>
                                <a:pt x="1501488" y="2479825"/>
                              </a:lnTo>
                              <a:lnTo>
                                <a:pt x="1518450" y="2480309"/>
                              </a:lnTo>
                              <a:cubicBezTo>
                                <a:pt x="1528928" y="2479833"/>
                                <a:pt x="1536786" y="2477928"/>
                                <a:pt x="1542858" y="2475785"/>
                              </a:cubicBezTo>
                              <a:close/>
                              <a:moveTo>
                                <a:pt x="1731355" y="2470078"/>
                              </a:moveTo>
                              <a:lnTo>
                                <a:pt x="1576322" y="2511364"/>
                              </a:lnTo>
                              <a:lnTo>
                                <a:pt x="1654777" y="2493883"/>
                              </a:lnTo>
                              <a:close/>
                              <a:moveTo>
                                <a:pt x="737400" y="2450782"/>
                              </a:moveTo>
                              <a:cubicBezTo>
                                <a:pt x="787882" y="2468879"/>
                                <a:pt x="820267" y="2485072"/>
                                <a:pt x="846937" y="2497454"/>
                              </a:cubicBezTo>
                              <a:cubicBezTo>
                                <a:pt x="859320" y="2502217"/>
                                <a:pt x="872655" y="2506027"/>
                                <a:pt x="885990" y="2509837"/>
                              </a:cubicBezTo>
                              <a:cubicBezTo>
                                <a:pt x="896467" y="2513647"/>
                                <a:pt x="905992" y="2516504"/>
                                <a:pt x="915517" y="2520314"/>
                              </a:cubicBezTo>
                              <a:cubicBezTo>
                                <a:pt x="925042" y="2524124"/>
                                <a:pt x="934567" y="2526982"/>
                                <a:pt x="945045" y="2529839"/>
                              </a:cubicBezTo>
                              <a:cubicBezTo>
                                <a:pt x="954570" y="2533649"/>
                                <a:pt x="963142" y="2537459"/>
                                <a:pt x="970762" y="2541269"/>
                              </a:cubicBezTo>
                              <a:cubicBezTo>
                                <a:pt x="968857" y="2542222"/>
                                <a:pt x="966952" y="2544127"/>
                                <a:pt x="965047" y="2546032"/>
                              </a:cubicBezTo>
                              <a:cubicBezTo>
                                <a:pt x="960285" y="2545079"/>
                                <a:pt x="954570" y="2544127"/>
                                <a:pt x="949807" y="2543174"/>
                              </a:cubicBezTo>
                              <a:cubicBezTo>
                                <a:pt x="931710" y="2537459"/>
                                <a:pt x="913612" y="2529839"/>
                                <a:pt x="895515" y="2523172"/>
                              </a:cubicBezTo>
                              <a:lnTo>
                                <a:pt x="868845" y="2512694"/>
                              </a:lnTo>
                              <a:cubicBezTo>
                                <a:pt x="860272" y="2508884"/>
                                <a:pt x="850747" y="2505074"/>
                                <a:pt x="842175" y="2501264"/>
                              </a:cubicBezTo>
                              <a:cubicBezTo>
                                <a:pt x="829792" y="2497454"/>
                                <a:pt x="818362" y="2492692"/>
                                <a:pt x="806932" y="2488882"/>
                              </a:cubicBezTo>
                              <a:cubicBezTo>
                                <a:pt x="796455" y="2484119"/>
                                <a:pt x="785977" y="2480309"/>
                                <a:pt x="776452" y="2475547"/>
                              </a:cubicBezTo>
                              <a:cubicBezTo>
                                <a:pt x="766927" y="2471737"/>
                                <a:pt x="759307" y="2466974"/>
                                <a:pt x="752640" y="2463164"/>
                              </a:cubicBezTo>
                              <a:cubicBezTo>
                                <a:pt x="745972" y="2458402"/>
                                <a:pt x="741210" y="2454592"/>
                                <a:pt x="737400" y="2450782"/>
                              </a:cubicBezTo>
                              <a:close/>
                              <a:moveTo>
                                <a:pt x="782168" y="2426970"/>
                              </a:moveTo>
                              <a:cubicBezTo>
                                <a:pt x="800265" y="2436495"/>
                                <a:pt x="815505" y="2445067"/>
                                <a:pt x="834555" y="2453640"/>
                              </a:cubicBezTo>
                              <a:cubicBezTo>
                                <a:pt x="832650" y="2454592"/>
                                <a:pt x="830745" y="2455545"/>
                                <a:pt x="827888" y="2457450"/>
                              </a:cubicBezTo>
                              <a:cubicBezTo>
                                <a:pt x="807885" y="2447925"/>
                                <a:pt x="786930" y="2437447"/>
                                <a:pt x="766928" y="2427922"/>
                              </a:cubicBezTo>
                              <a:cubicBezTo>
                                <a:pt x="772643" y="2427922"/>
                                <a:pt x="776453" y="2427922"/>
                                <a:pt x="782168" y="2426970"/>
                              </a:cubicBezTo>
                              <a:close/>
                              <a:moveTo>
                                <a:pt x="588810" y="2362200"/>
                              </a:moveTo>
                              <a:cubicBezTo>
                                <a:pt x="620242" y="2375535"/>
                                <a:pt x="636435" y="2387917"/>
                                <a:pt x="653580" y="2398395"/>
                              </a:cubicBezTo>
                              <a:cubicBezTo>
                                <a:pt x="657390" y="2403157"/>
                                <a:pt x="669772" y="2412682"/>
                                <a:pt x="666915" y="2413635"/>
                              </a:cubicBezTo>
                              <a:cubicBezTo>
                                <a:pt x="655485" y="2407920"/>
                                <a:pt x="645007" y="2403157"/>
                                <a:pt x="636435" y="2397442"/>
                              </a:cubicBezTo>
                              <a:cubicBezTo>
                                <a:pt x="627862" y="2392680"/>
                                <a:pt x="620242" y="2387917"/>
                                <a:pt x="613575" y="2383155"/>
                              </a:cubicBezTo>
                              <a:cubicBezTo>
                                <a:pt x="601192" y="2374582"/>
                                <a:pt x="593572" y="2367915"/>
                                <a:pt x="588810" y="2362200"/>
                              </a:cubicBezTo>
                              <a:close/>
                              <a:moveTo>
                                <a:pt x="702387" y="2337759"/>
                              </a:moveTo>
                              <a:lnTo>
                                <a:pt x="702396" y="2338030"/>
                              </a:lnTo>
                              <a:lnTo>
                                <a:pt x="705613" y="2341923"/>
                              </a:lnTo>
                              <a:lnTo>
                                <a:pt x="705967" y="2340292"/>
                              </a:lnTo>
                              <a:close/>
                              <a:moveTo>
                                <a:pt x="2093409" y="2275234"/>
                              </a:moveTo>
                              <a:lnTo>
                                <a:pt x="2089950" y="2275522"/>
                              </a:lnTo>
                              <a:cubicBezTo>
                                <a:pt x="2073757" y="2288857"/>
                                <a:pt x="2052802" y="2303145"/>
                                <a:pt x="2032800" y="2316480"/>
                              </a:cubicBezTo>
                              <a:cubicBezTo>
                                <a:pt x="2012797" y="2329815"/>
                                <a:pt x="1991842" y="2340292"/>
                                <a:pt x="1976602" y="2346960"/>
                              </a:cubicBezTo>
                              <a:cubicBezTo>
                                <a:pt x="1964220" y="2354580"/>
                                <a:pt x="1950885" y="2362200"/>
                                <a:pt x="1936597" y="2370772"/>
                              </a:cubicBezTo>
                              <a:cubicBezTo>
                                <a:pt x="1928977" y="2373630"/>
                                <a:pt x="1922310" y="2377440"/>
                                <a:pt x="1914690" y="2380297"/>
                              </a:cubicBezTo>
                              <a:cubicBezTo>
                                <a:pt x="1907070" y="2383155"/>
                                <a:pt x="1899450" y="2386012"/>
                                <a:pt x="1891830" y="2389822"/>
                              </a:cubicBezTo>
                              <a:cubicBezTo>
                                <a:pt x="1886115" y="2394585"/>
                                <a:pt x="1874685" y="2399347"/>
                                <a:pt x="1864207" y="2404110"/>
                              </a:cubicBezTo>
                              <a:cubicBezTo>
                                <a:pt x="1853730" y="2408872"/>
                                <a:pt x="1844205" y="2412682"/>
                                <a:pt x="1843252" y="2416492"/>
                              </a:cubicBezTo>
                              <a:cubicBezTo>
                                <a:pt x="1833727" y="2420302"/>
                                <a:pt x="1823250" y="2425065"/>
                                <a:pt x="1812772" y="2428875"/>
                              </a:cubicBezTo>
                              <a:cubicBezTo>
                                <a:pt x="1802295" y="2433637"/>
                                <a:pt x="1791817" y="2436495"/>
                                <a:pt x="1781340" y="2440305"/>
                              </a:cubicBezTo>
                              <a:cubicBezTo>
                                <a:pt x="1779435" y="2442210"/>
                                <a:pt x="1775625" y="2446020"/>
                                <a:pt x="1772767" y="2448877"/>
                              </a:cubicBezTo>
                              <a:cubicBezTo>
                                <a:pt x="1768005" y="2450782"/>
                                <a:pt x="1764195" y="2451735"/>
                                <a:pt x="1759432" y="2453640"/>
                              </a:cubicBezTo>
                              <a:cubicBezTo>
                                <a:pt x="1748002" y="2456497"/>
                                <a:pt x="1736572" y="2457450"/>
                                <a:pt x="1726095" y="2459355"/>
                              </a:cubicBezTo>
                              <a:cubicBezTo>
                                <a:pt x="1710855" y="2464117"/>
                                <a:pt x="1696567" y="2468880"/>
                                <a:pt x="1683232" y="2472690"/>
                              </a:cubicBezTo>
                              <a:cubicBezTo>
                                <a:pt x="1669897" y="2476500"/>
                                <a:pt x="1656562" y="2480310"/>
                                <a:pt x="1644180" y="2485072"/>
                              </a:cubicBezTo>
                              <a:cubicBezTo>
                                <a:pt x="1630845" y="2489835"/>
                                <a:pt x="1616557" y="2492692"/>
                                <a:pt x="1601317" y="2497455"/>
                              </a:cubicBezTo>
                              <a:cubicBezTo>
                                <a:pt x="1586077" y="2502217"/>
                                <a:pt x="1568932" y="2506980"/>
                                <a:pt x="1547977" y="2510790"/>
                              </a:cubicBezTo>
                              <a:cubicBezTo>
                                <a:pt x="1498447" y="2513647"/>
                                <a:pt x="1480350" y="2519362"/>
                                <a:pt x="1472730" y="2523172"/>
                              </a:cubicBezTo>
                              <a:cubicBezTo>
                                <a:pt x="1471777" y="2524125"/>
                                <a:pt x="1471777" y="2525077"/>
                                <a:pt x="1470825" y="2526030"/>
                              </a:cubicBezTo>
                              <a:lnTo>
                                <a:pt x="1434645" y="2535075"/>
                              </a:lnTo>
                              <a:lnTo>
                                <a:pt x="1435583" y="2535555"/>
                              </a:lnTo>
                              <a:lnTo>
                                <a:pt x="1475761" y="2525510"/>
                              </a:lnTo>
                              <a:lnTo>
                                <a:pt x="1476540" y="2523172"/>
                              </a:lnTo>
                              <a:cubicBezTo>
                                <a:pt x="1484160" y="2518410"/>
                                <a:pt x="1503210" y="2513647"/>
                                <a:pt x="1551788" y="2510790"/>
                              </a:cubicBezTo>
                              <a:cubicBezTo>
                                <a:pt x="1571790" y="2506980"/>
                                <a:pt x="1588935" y="2502217"/>
                                <a:pt x="1605128" y="2497455"/>
                              </a:cubicBezTo>
                              <a:cubicBezTo>
                                <a:pt x="1620368" y="2492692"/>
                                <a:pt x="1634655" y="2489835"/>
                                <a:pt x="1647990" y="2485072"/>
                              </a:cubicBezTo>
                              <a:cubicBezTo>
                                <a:pt x="1661325" y="2481262"/>
                                <a:pt x="1673708" y="2477452"/>
                                <a:pt x="1687043" y="2472690"/>
                              </a:cubicBezTo>
                              <a:cubicBezTo>
                                <a:pt x="1700378" y="2468880"/>
                                <a:pt x="1713713" y="2464117"/>
                                <a:pt x="1729905" y="2459355"/>
                              </a:cubicBezTo>
                              <a:cubicBezTo>
                                <a:pt x="1741335" y="2457450"/>
                                <a:pt x="1752765" y="2456497"/>
                                <a:pt x="1763243" y="2453640"/>
                              </a:cubicBezTo>
                              <a:lnTo>
                                <a:pt x="1740675" y="2467181"/>
                              </a:lnTo>
                              <a:lnTo>
                                <a:pt x="1741335" y="2466975"/>
                              </a:lnTo>
                              <a:cubicBezTo>
                                <a:pt x="1748955" y="2462212"/>
                                <a:pt x="1758480" y="2456497"/>
                                <a:pt x="1765148" y="2452687"/>
                              </a:cubicBezTo>
                              <a:cubicBezTo>
                                <a:pt x="1769910" y="2450782"/>
                                <a:pt x="1773720" y="2449830"/>
                                <a:pt x="1778483" y="2447925"/>
                              </a:cubicBezTo>
                              <a:lnTo>
                                <a:pt x="1779371" y="2447679"/>
                              </a:lnTo>
                              <a:lnTo>
                                <a:pt x="1785150" y="2441257"/>
                              </a:lnTo>
                              <a:cubicBezTo>
                                <a:pt x="1795628" y="2437447"/>
                                <a:pt x="1806105" y="2433637"/>
                                <a:pt x="1816583" y="2429827"/>
                              </a:cubicBezTo>
                              <a:cubicBezTo>
                                <a:pt x="1827060" y="2425065"/>
                                <a:pt x="1837538" y="2421255"/>
                                <a:pt x="1847063" y="2417445"/>
                              </a:cubicBezTo>
                              <a:cubicBezTo>
                                <a:pt x="1848015" y="2413635"/>
                                <a:pt x="1857540" y="2409825"/>
                                <a:pt x="1868018" y="2405062"/>
                              </a:cubicBezTo>
                              <a:cubicBezTo>
                                <a:pt x="1878495" y="2400300"/>
                                <a:pt x="1889925" y="2395537"/>
                                <a:pt x="1895640" y="2390775"/>
                              </a:cubicBezTo>
                              <a:cubicBezTo>
                                <a:pt x="1903260" y="2387917"/>
                                <a:pt x="1910880" y="2385060"/>
                                <a:pt x="1918500" y="2381250"/>
                              </a:cubicBezTo>
                              <a:lnTo>
                                <a:pt x="1934176" y="2374435"/>
                              </a:lnTo>
                              <a:lnTo>
                                <a:pt x="1942313" y="2368867"/>
                              </a:lnTo>
                              <a:cubicBezTo>
                                <a:pt x="1955648" y="2360295"/>
                                <a:pt x="1969935" y="2352675"/>
                                <a:pt x="1982318" y="2345055"/>
                              </a:cubicBezTo>
                              <a:cubicBezTo>
                                <a:pt x="1997558" y="2339340"/>
                                <a:pt x="2017560" y="2327910"/>
                                <a:pt x="2038515" y="2314575"/>
                              </a:cubicBezTo>
                              <a:close/>
                              <a:moveTo>
                                <a:pt x="460060" y="2262062"/>
                              </a:moveTo>
                              <a:lnTo>
                                <a:pt x="463676" y="2265164"/>
                              </a:lnTo>
                              <a:lnTo>
                                <a:pt x="464910" y="2265793"/>
                              </a:lnTo>
                              <a:close/>
                              <a:moveTo>
                                <a:pt x="2099801" y="2237197"/>
                              </a:moveTo>
                              <a:lnTo>
                                <a:pt x="2099475" y="2237422"/>
                              </a:lnTo>
                              <a:lnTo>
                                <a:pt x="2099475" y="2237694"/>
                              </a:lnTo>
                              <a:lnTo>
                                <a:pt x="2100989" y="2237910"/>
                              </a:lnTo>
                              <a:lnTo>
                                <a:pt x="2101380" y="2237422"/>
                              </a:lnTo>
                              <a:close/>
                              <a:moveTo>
                                <a:pt x="2120379" y="2222979"/>
                              </a:moveTo>
                              <a:lnTo>
                                <a:pt x="2114756" y="2226864"/>
                              </a:lnTo>
                              <a:lnTo>
                                <a:pt x="2113762" y="2227897"/>
                              </a:lnTo>
                              <a:lnTo>
                                <a:pt x="2117618" y="2225429"/>
                              </a:lnTo>
                              <a:close/>
                              <a:moveTo>
                                <a:pt x="382287" y="2175002"/>
                              </a:moveTo>
                              <a:lnTo>
                                <a:pt x="418259" y="2217355"/>
                              </a:lnTo>
                              <a:lnTo>
                                <a:pt x="389737" y="2183129"/>
                              </a:lnTo>
                              <a:close/>
                              <a:moveTo>
                                <a:pt x="2187820" y="2174974"/>
                              </a:moveTo>
                              <a:lnTo>
                                <a:pt x="2187735" y="2175004"/>
                              </a:lnTo>
                              <a:lnTo>
                                <a:pt x="2187105" y="2179320"/>
                              </a:lnTo>
                              <a:cubicBezTo>
                                <a:pt x="2179485" y="2186940"/>
                                <a:pt x="2176627" y="2191702"/>
                                <a:pt x="2171865" y="2196465"/>
                              </a:cubicBezTo>
                              <a:cubicBezTo>
                                <a:pt x="2168055" y="2201227"/>
                                <a:pt x="2163292" y="2206942"/>
                                <a:pt x="2153767" y="2216467"/>
                              </a:cubicBezTo>
                              <a:lnTo>
                                <a:pt x="2154858" y="2216215"/>
                              </a:lnTo>
                              <a:lnTo>
                                <a:pt x="2171865" y="2197417"/>
                              </a:lnTo>
                              <a:cubicBezTo>
                                <a:pt x="2175675" y="2192655"/>
                                <a:pt x="2179485" y="2187892"/>
                                <a:pt x="2187105" y="2180272"/>
                              </a:cubicBezTo>
                              <a:cubicBezTo>
                                <a:pt x="2188296" y="2177177"/>
                                <a:pt x="2188474" y="2175510"/>
                                <a:pt x="2187820" y="2174974"/>
                              </a:cubicBezTo>
                              <a:close/>
                              <a:moveTo>
                                <a:pt x="475386" y="2153526"/>
                              </a:moveTo>
                              <a:lnTo>
                                <a:pt x="477272" y="2155821"/>
                              </a:lnTo>
                              <a:lnTo>
                                <a:pt x="477367" y="2155507"/>
                              </a:lnTo>
                              <a:close/>
                              <a:moveTo>
                                <a:pt x="334493" y="2131694"/>
                              </a:moveTo>
                              <a:cubicBezTo>
                                <a:pt x="337350" y="2128837"/>
                                <a:pt x="346875" y="2133599"/>
                                <a:pt x="359258" y="2147887"/>
                              </a:cubicBezTo>
                              <a:lnTo>
                                <a:pt x="360474" y="2149319"/>
                              </a:lnTo>
                              <a:lnTo>
                                <a:pt x="371759" y="2151816"/>
                              </a:lnTo>
                              <a:cubicBezTo>
                                <a:pt x="377593" y="2155745"/>
                                <a:pt x="385451" y="2163127"/>
                                <a:pt x="397357" y="2175509"/>
                              </a:cubicBezTo>
                              <a:cubicBezTo>
                                <a:pt x="409740" y="2185987"/>
                                <a:pt x="423075" y="2195512"/>
                                <a:pt x="432600" y="2204084"/>
                              </a:cubicBezTo>
                              <a:cubicBezTo>
                                <a:pt x="442125" y="2212657"/>
                                <a:pt x="447840" y="2220277"/>
                                <a:pt x="447840" y="2225039"/>
                              </a:cubicBezTo>
                              <a:cubicBezTo>
                                <a:pt x="450697" y="2228849"/>
                                <a:pt x="452602" y="2231707"/>
                                <a:pt x="456412" y="2235517"/>
                              </a:cubicBezTo>
                              <a:cubicBezTo>
                                <a:pt x="468795" y="2245994"/>
                                <a:pt x="479272" y="2255519"/>
                                <a:pt x="492607" y="2265997"/>
                              </a:cubicBezTo>
                              <a:cubicBezTo>
                                <a:pt x="489750" y="2269807"/>
                                <a:pt x="484987" y="2271712"/>
                                <a:pt x="482130" y="2274569"/>
                              </a:cubicBezTo>
                              <a:lnTo>
                                <a:pt x="448422" y="2237115"/>
                              </a:lnTo>
                              <a:lnTo>
                                <a:pt x="446888" y="2237422"/>
                              </a:lnTo>
                              <a:lnTo>
                                <a:pt x="446888" y="2237422"/>
                              </a:lnTo>
                              <a:lnTo>
                                <a:pt x="478787" y="2272865"/>
                              </a:lnTo>
                              <a:lnTo>
                                <a:pt x="482130" y="2274569"/>
                              </a:lnTo>
                              <a:cubicBezTo>
                                <a:pt x="484988" y="2271712"/>
                                <a:pt x="488798" y="2268854"/>
                                <a:pt x="492608" y="2265997"/>
                              </a:cubicBezTo>
                              <a:cubicBezTo>
                                <a:pt x="521183" y="2290762"/>
                                <a:pt x="551663" y="2315527"/>
                                <a:pt x="583095" y="2337434"/>
                              </a:cubicBezTo>
                              <a:cubicBezTo>
                                <a:pt x="577380" y="2339339"/>
                                <a:pt x="572618" y="2341244"/>
                                <a:pt x="564998" y="2343149"/>
                              </a:cubicBezTo>
                              <a:cubicBezTo>
                                <a:pt x="567855" y="2345054"/>
                                <a:pt x="568808" y="2346007"/>
                                <a:pt x="571665" y="2347912"/>
                              </a:cubicBezTo>
                              <a:cubicBezTo>
                                <a:pt x="562140" y="2347912"/>
                                <a:pt x="554520" y="2348864"/>
                                <a:pt x="544995" y="2348864"/>
                              </a:cubicBezTo>
                              <a:cubicBezTo>
                                <a:pt x="539280" y="2345054"/>
                                <a:pt x="533565" y="2341244"/>
                                <a:pt x="527850" y="2337434"/>
                              </a:cubicBezTo>
                              <a:cubicBezTo>
                                <a:pt x="522135" y="2333624"/>
                                <a:pt x="517373" y="2328862"/>
                                <a:pt x="511658" y="2325052"/>
                              </a:cubicBezTo>
                              <a:cubicBezTo>
                                <a:pt x="498323" y="2313622"/>
                                <a:pt x="484035" y="2303144"/>
                                <a:pt x="471653" y="2291714"/>
                              </a:cubicBezTo>
                              <a:cubicBezTo>
                                <a:pt x="459270" y="2280284"/>
                                <a:pt x="446888" y="2268854"/>
                                <a:pt x="434505" y="2258377"/>
                              </a:cubicBezTo>
                              <a:cubicBezTo>
                                <a:pt x="422123" y="2246947"/>
                                <a:pt x="411645" y="2235517"/>
                                <a:pt x="400215" y="2225039"/>
                              </a:cubicBezTo>
                              <a:cubicBezTo>
                                <a:pt x="394500" y="2219324"/>
                                <a:pt x="388785" y="2213609"/>
                                <a:pt x="384023" y="2208847"/>
                              </a:cubicBezTo>
                              <a:cubicBezTo>
                                <a:pt x="379260" y="2203132"/>
                                <a:pt x="373545" y="2197417"/>
                                <a:pt x="368783" y="2191702"/>
                              </a:cubicBezTo>
                              <a:cubicBezTo>
                                <a:pt x="369735" y="2189797"/>
                                <a:pt x="379260" y="2195512"/>
                                <a:pt x="374498" y="2184082"/>
                              </a:cubicBezTo>
                              <a:cubicBezTo>
                                <a:pt x="381165" y="2189797"/>
                                <a:pt x="387833" y="2195512"/>
                                <a:pt x="393548" y="2201227"/>
                              </a:cubicBezTo>
                              <a:cubicBezTo>
                                <a:pt x="401168" y="2206942"/>
                                <a:pt x="407835" y="2212657"/>
                                <a:pt x="414503" y="2217419"/>
                              </a:cubicBezTo>
                              <a:cubicBezTo>
                                <a:pt x="423075" y="2226944"/>
                                <a:pt x="431648" y="2235517"/>
                                <a:pt x="440220" y="2245042"/>
                              </a:cubicBezTo>
                              <a:lnTo>
                                <a:pt x="442406" y="2246917"/>
                              </a:lnTo>
                              <a:lnTo>
                                <a:pt x="414503" y="2217419"/>
                              </a:lnTo>
                              <a:cubicBezTo>
                                <a:pt x="407835" y="2211704"/>
                                <a:pt x="401168" y="2206942"/>
                                <a:pt x="394500" y="2201227"/>
                              </a:cubicBezTo>
                              <a:cubicBezTo>
                                <a:pt x="387833" y="2195512"/>
                                <a:pt x="382118" y="2189797"/>
                                <a:pt x="375450" y="2184082"/>
                              </a:cubicBezTo>
                              <a:cubicBezTo>
                                <a:pt x="368783" y="2175509"/>
                                <a:pt x="361163" y="2166937"/>
                                <a:pt x="354495" y="2158364"/>
                              </a:cubicBezTo>
                              <a:cubicBezTo>
                                <a:pt x="347828" y="2149792"/>
                                <a:pt x="341160" y="2140267"/>
                                <a:pt x="334493" y="2131694"/>
                              </a:cubicBezTo>
                              <a:close/>
                              <a:moveTo>
                                <a:pt x="2432850" y="1980247"/>
                              </a:moveTo>
                              <a:lnTo>
                                <a:pt x="2432367" y="1980454"/>
                              </a:lnTo>
                              <a:lnTo>
                                <a:pt x="2421963" y="2005422"/>
                              </a:lnTo>
                              <a:close/>
                              <a:moveTo>
                                <a:pt x="2422850" y="1860918"/>
                              </a:moveTo>
                              <a:lnTo>
                                <a:pt x="2397608" y="1897379"/>
                              </a:lnTo>
                              <a:cubicBezTo>
                                <a:pt x="2392845" y="1904999"/>
                                <a:pt x="2389035" y="1912619"/>
                                <a:pt x="2385225" y="1920239"/>
                              </a:cubicBezTo>
                              <a:cubicBezTo>
                                <a:pt x="2380463" y="1927859"/>
                                <a:pt x="2376653" y="1934527"/>
                                <a:pt x="2372843" y="1941194"/>
                              </a:cubicBezTo>
                              <a:cubicBezTo>
                                <a:pt x="2363318" y="1954529"/>
                                <a:pt x="2353793" y="1967864"/>
                                <a:pt x="2343315" y="1980247"/>
                              </a:cubicBezTo>
                              <a:cubicBezTo>
                                <a:pt x="2334743" y="1993582"/>
                                <a:pt x="2327123" y="2005964"/>
                                <a:pt x="2317598" y="2019299"/>
                              </a:cubicBezTo>
                              <a:cubicBezTo>
                                <a:pt x="2309978" y="2029777"/>
                                <a:pt x="2302358" y="2040254"/>
                                <a:pt x="2294738" y="2050732"/>
                              </a:cubicBezTo>
                              <a:lnTo>
                                <a:pt x="2292831" y="2051897"/>
                              </a:lnTo>
                              <a:lnTo>
                                <a:pt x="2291271" y="2054208"/>
                              </a:lnTo>
                              <a:lnTo>
                                <a:pt x="2293785" y="2052637"/>
                              </a:lnTo>
                              <a:cubicBezTo>
                                <a:pt x="2301405" y="2042160"/>
                                <a:pt x="2309025" y="2031682"/>
                                <a:pt x="2316645" y="2021205"/>
                              </a:cubicBezTo>
                              <a:cubicBezTo>
                                <a:pt x="2325218" y="2007870"/>
                                <a:pt x="2333790" y="1995487"/>
                                <a:pt x="2342363" y="1982152"/>
                              </a:cubicBezTo>
                              <a:cubicBezTo>
                                <a:pt x="2352840" y="1969770"/>
                                <a:pt x="2362365" y="1956435"/>
                                <a:pt x="2371890" y="1943100"/>
                              </a:cubicBezTo>
                              <a:cubicBezTo>
                                <a:pt x="2375700" y="1936432"/>
                                <a:pt x="2380463" y="1929765"/>
                                <a:pt x="2384273" y="1922145"/>
                              </a:cubicBezTo>
                              <a:cubicBezTo>
                                <a:pt x="2388083" y="1914525"/>
                                <a:pt x="2392845" y="1906905"/>
                                <a:pt x="2396655" y="1899285"/>
                              </a:cubicBezTo>
                              <a:cubicBezTo>
                                <a:pt x="2405228" y="1884045"/>
                                <a:pt x="2414753" y="1870710"/>
                                <a:pt x="2422373" y="1862137"/>
                              </a:cubicBezTo>
                              <a:close/>
                              <a:moveTo>
                                <a:pt x="2498930" y="1857612"/>
                              </a:moveTo>
                              <a:cubicBezTo>
                                <a:pt x="2494525" y="1865709"/>
                                <a:pt x="2490953" y="1872615"/>
                                <a:pt x="2490953" y="1875472"/>
                              </a:cubicBezTo>
                              <a:cubicBezTo>
                                <a:pt x="2486190" y="1885949"/>
                                <a:pt x="2480475" y="1898332"/>
                                <a:pt x="2473808" y="1909762"/>
                              </a:cubicBezTo>
                              <a:cubicBezTo>
                                <a:pt x="2480475" y="1897379"/>
                                <a:pt x="2486190" y="1885949"/>
                                <a:pt x="2490953" y="1875472"/>
                              </a:cubicBezTo>
                              <a:cubicBezTo>
                                <a:pt x="2490953" y="1872615"/>
                                <a:pt x="2494525" y="1865709"/>
                                <a:pt x="2498930" y="1857612"/>
                              </a:cubicBezTo>
                              <a:close/>
                              <a:moveTo>
                                <a:pt x="2521433" y="1847850"/>
                              </a:moveTo>
                              <a:cubicBezTo>
                                <a:pt x="2518575" y="1860232"/>
                                <a:pt x="2514765" y="1871662"/>
                                <a:pt x="2509050" y="1884997"/>
                              </a:cubicBezTo>
                              <a:cubicBezTo>
                                <a:pt x="2503335" y="1897380"/>
                                <a:pt x="2496668" y="1910715"/>
                                <a:pt x="2487143" y="1925002"/>
                              </a:cubicBezTo>
                              <a:cubicBezTo>
                                <a:pt x="2479523" y="1940242"/>
                                <a:pt x="2471903" y="1954530"/>
                                <a:pt x="2465235" y="1965960"/>
                              </a:cubicBezTo>
                              <a:cubicBezTo>
                                <a:pt x="2457615" y="1977390"/>
                                <a:pt x="2450948" y="1985962"/>
                                <a:pt x="2445233" y="1991677"/>
                              </a:cubicBezTo>
                              <a:lnTo>
                                <a:pt x="2458568" y="1965007"/>
                              </a:lnTo>
                              <a:cubicBezTo>
                                <a:pt x="2461425" y="1956435"/>
                                <a:pt x="2466188" y="1947862"/>
                                <a:pt x="2469998" y="1938337"/>
                              </a:cubicBezTo>
                              <a:cubicBezTo>
                                <a:pt x="2473808" y="1932622"/>
                                <a:pt x="2475713" y="1928812"/>
                                <a:pt x="2478570" y="1924050"/>
                              </a:cubicBezTo>
                              <a:cubicBezTo>
                                <a:pt x="2482380" y="1917382"/>
                                <a:pt x="2486190" y="1911667"/>
                                <a:pt x="2490000" y="1905000"/>
                              </a:cubicBezTo>
                              <a:cubicBezTo>
                                <a:pt x="2493810" y="1898332"/>
                                <a:pt x="2496668" y="1892617"/>
                                <a:pt x="2500478" y="1885950"/>
                              </a:cubicBezTo>
                              <a:cubicBezTo>
                                <a:pt x="2507145" y="1873567"/>
                                <a:pt x="2514765" y="1861185"/>
                                <a:pt x="2521433" y="1847850"/>
                              </a:cubicBezTo>
                              <a:close/>
                              <a:moveTo>
                                <a:pt x="2459780" y="1766202"/>
                              </a:moveTo>
                              <a:lnTo>
                                <a:pt x="2436660" y="1806892"/>
                              </a:lnTo>
                              <a:lnTo>
                                <a:pt x="2436235" y="1807870"/>
                              </a:lnTo>
                              <a:lnTo>
                                <a:pt x="2459520" y="1766887"/>
                              </a:lnTo>
                              <a:close/>
                              <a:moveTo>
                                <a:pt x="2472460" y="1674043"/>
                              </a:moveTo>
                              <a:lnTo>
                                <a:pt x="2444672" y="1749965"/>
                              </a:lnTo>
                              <a:cubicBezTo>
                                <a:pt x="2427320" y="1790989"/>
                                <a:pt x="2407787" y="1830865"/>
                                <a:pt x="2386218" y="1869449"/>
                              </a:cubicBezTo>
                              <a:lnTo>
                                <a:pt x="2377659" y="1882980"/>
                              </a:lnTo>
                              <a:lnTo>
                                <a:pt x="2377605" y="1883092"/>
                              </a:lnTo>
                              <a:cubicBezTo>
                                <a:pt x="2373795" y="1892617"/>
                                <a:pt x="2366175" y="1905000"/>
                                <a:pt x="2357602" y="1917382"/>
                              </a:cubicBezTo>
                              <a:cubicBezTo>
                                <a:pt x="2349030" y="1929765"/>
                                <a:pt x="2341410" y="1943100"/>
                                <a:pt x="2337600" y="1954530"/>
                              </a:cubicBezTo>
                              <a:cubicBezTo>
                                <a:pt x="2330932" y="1963102"/>
                                <a:pt x="2322360" y="1972627"/>
                                <a:pt x="2314740" y="1983105"/>
                              </a:cubicBezTo>
                              <a:cubicBezTo>
                                <a:pt x="2307120" y="1993582"/>
                                <a:pt x="2300452" y="2005012"/>
                                <a:pt x="2295690" y="2015490"/>
                              </a:cubicBezTo>
                              <a:cubicBezTo>
                                <a:pt x="2268067" y="2053590"/>
                                <a:pt x="2223300" y="2102167"/>
                                <a:pt x="2183295" y="2142172"/>
                              </a:cubicBezTo>
                              <a:cubicBezTo>
                                <a:pt x="2170912" y="2152650"/>
                                <a:pt x="2158530" y="2163127"/>
                                <a:pt x="2146147" y="2173605"/>
                              </a:cubicBezTo>
                              <a:lnTo>
                                <a:pt x="2142583" y="2176314"/>
                              </a:lnTo>
                              <a:lnTo>
                                <a:pt x="2141045" y="2177871"/>
                              </a:lnTo>
                              <a:lnTo>
                                <a:pt x="2125512" y="2190534"/>
                              </a:lnTo>
                              <a:lnTo>
                                <a:pt x="2112810" y="2205037"/>
                              </a:lnTo>
                              <a:cubicBezTo>
                                <a:pt x="2097570" y="2217420"/>
                                <a:pt x="2082330" y="2228850"/>
                                <a:pt x="2066137" y="2240280"/>
                              </a:cubicBezTo>
                              <a:lnTo>
                                <a:pt x="2058824" y="2244899"/>
                              </a:lnTo>
                              <a:lnTo>
                                <a:pt x="2038960" y="2261093"/>
                              </a:lnTo>
                              <a:lnTo>
                                <a:pt x="2036091" y="2262956"/>
                              </a:lnTo>
                              <a:lnTo>
                                <a:pt x="2031847" y="2266950"/>
                              </a:lnTo>
                              <a:cubicBezTo>
                                <a:pt x="2019465" y="2275522"/>
                                <a:pt x="2007082" y="2284095"/>
                                <a:pt x="1994700" y="2291715"/>
                              </a:cubicBezTo>
                              <a:cubicBezTo>
                                <a:pt x="1982317" y="2299335"/>
                                <a:pt x="1969935" y="2306955"/>
                                <a:pt x="1957552" y="2314575"/>
                              </a:cubicBezTo>
                              <a:lnTo>
                                <a:pt x="1953301" y="2316730"/>
                              </a:lnTo>
                              <a:lnTo>
                                <a:pt x="1928148" y="2333067"/>
                              </a:lnTo>
                              <a:lnTo>
                                <a:pt x="1920350" y="2337000"/>
                              </a:lnTo>
                              <a:lnTo>
                                <a:pt x="1912785" y="2342197"/>
                              </a:lnTo>
                              <a:cubicBezTo>
                                <a:pt x="1905165" y="2346960"/>
                                <a:pt x="1896592" y="2351722"/>
                                <a:pt x="1887067" y="2356485"/>
                              </a:cubicBezTo>
                              <a:lnTo>
                                <a:pt x="1863039" y="2365908"/>
                              </a:lnTo>
                              <a:lnTo>
                                <a:pt x="1809482" y="2392922"/>
                              </a:lnTo>
                              <a:cubicBezTo>
                                <a:pt x="1768715" y="2410757"/>
                                <a:pt x="1726784" y="2426426"/>
                                <a:pt x="1683836" y="2439784"/>
                              </a:cubicBezTo>
                              <a:lnTo>
                                <a:pt x="1596280" y="2462297"/>
                              </a:lnTo>
                              <a:lnTo>
                                <a:pt x="1667040" y="2448877"/>
                              </a:lnTo>
                              <a:cubicBezTo>
                                <a:pt x="1671802" y="2447924"/>
                                <a:pt x="1675612" y="2446972"/>
                                <a:pt x="1680375" y="2446019"/>
                              </a:cubicBezTo>
                              <a:cubicBezTo>
                                <a:pt x="1690852" y="2437447"/>
                                <a:pt x="1711807" y="2432684"/>
                                <a:pt x="1723237" y="2430779"/>
                              </a:cubicBezTo>
                              <a:cubicBezTo>
                                <a:pt x="1732762" y="2427922"/>
                                <a:pt x="1742287" y="2425064"/>
                                <a:pt x="1749907" y="2422207"/>
                              </a:cubicBezTo>
                              <a:cubicBezTo>
                                <a:pt x="1761337" y="2411729"/>
                                <a:pt x="1783245" y="2406014"/>
                                <a:pt x="1792770" y="2400299"/>
                              </a:cubicBezTo>
                              <a:cubicBezTo>
                                <a:pt x="1808962" y="2394584"/>
                                <a:pt x="1825155" y="2388869"/>
                                <a:pt x="1841347" y="2383154"/>
                              </a:cubicBezTo>
                              <a:lnTo>
                                <a:pt x="1872470" y="2370949"/>
                              </a:lnTo>
                              <a:lnTo>
                                <a:pt x="1886115" y="2363152"/>
                              </a:lnTo>
                              <a:lnTo>
                                <a:pt x="1898496" y="2359343"/>
                              </a:lnTo>
                              <a:lnTo>
                                <a:pt x="1915642" y="2349817"/>
                              </a:lnTo>
                              <a:lnTo>
                                <a:pt x="1920147" y="2346686"/>
                              </a:lnTo>
                              <a:lnTo>
                                <a:pt x="1931835" y="2335530"/>
                              </a:lnTo>
                              <a:cubicBezTo>
                                <a:pt x="1939455" y="2330767"/>
                                <a:pt x="1948980" y="2325052"/>
                                <a:pt x="1957552" y="2320290"/>
                              </a:cubicBezTo>
                              <a:lnTo>
                                <a:pt x="1986810" y="2305948"/>
                              </a:lnTo>
                              <a:lnTo>
                                <a:pt x="1997557" y="2299334"/>
                              </a:lnTo>
                              <a:cubicBezTo>
                                <a:pt x="2009940" y="2291714"/>
                                <a:pt x="2022322" y="2283142"/>
                                <a:pt x="2034705" y="2274569"/>
                              </a:cubicBezTo>
                              <a:cubicBezTo>
                                <a:pt x="2037562" y="2268854"/>
                                <a:pt x="2044230" y="2264092"/>
                                <a:pt x="2050897" y="2259329"/>
                              </a:cubicBezTo>
                              <a:cubicBezTo>
                                <a:pt x="2057565" y="2254567"/>
                                <a:pt x="2064232" y="2249804"/>
                                <a:pt x="2068995" y="2247899"/>
                              </a:cubicBezTo>
                              <a:cubicBezTo>
                                <a:pt x="2084235" y="2236469"/>
                                <a:pt x="2100427" y="2225039"/>
                                <a:pt x="2115667" y="2212657"/>
                              </a:cubicBezTo>
                              <a:cubicBezTo>
                                <a:pt x="2121382" y="2199322"/>
                                <a:pt x="2139480" y="2187892"/>
                                <a:pt x="2149005" y="2181224"/>
                              </a:cubicBezTo>
                              <a:cubicBezTo>
                                <a:pt x="2161387" y="2170747"/>
                                <a:pt x="2173770" y="2160269"/>
                                <a:pt x="2186152" y="2149792"/>
                              </a:cubicBezTo>
                              <a:cubicBezTo>
                                <a:pt x="2226157" y="2109787"/>
                                <a:pt x="2270925" y="2061209"/>
                                <a:pt x="2298547" y="2023109"/>
                              </a:cubicBezTo>
                              <a:lnTo>
                                <a:pt x="2314015" y="1996814"/>
                              </a:lnTo>
                              <a:lnTo>
                                <a:pt x="2314740" y="1994534"/>
                              </a:lnTo>
                              <a:cubicBezTo>
                                <a:pt x="2322360" y="1983104"/>
                                <a:pt x="2331885" y="1969769"/>
                                <a:pt x="2339505" y="1956434"/>
                              </a:cubicBezTo>
                              <a:cubicBezTo>
                                <a:pt x="2342363" y="1952624"/>
                                <a:pt x="2344268" y="1948814"/>
                                <a:pt x="2347125" y="1945004"/>
                              </a:cubicBezTo>
                              <a:lnTo>
                                <a:pt x="2357257" y="1930951"/>
                              </a:lnTo>
                              <a:lnTo>
                                <a:pt x="2360460" y="1925002"/>
                              </a:lnTo>
                              <a:cubicBezTo>
                                <a:pt x="2369032" y="1912619"/>
                                <a:pt x="2375700" y="1900237"/>
                                <a:pt x="2380462" y="1890712"/>
                              </a:cubicBezTo>
                              <a:cubicBezTo>
                                <a:pt x="2395702" y="1864042"/>
                                <a:pt x="2407132" y="1837372"/>
                                <a:pt x="2419515" y="1809749"/>
                              </a:cubicBezTo>
                              <a:cubicBezTo>
                                <a:pt x="2430945" y="1782127"/>
                                <a:pt x="2443327" y="1754504"/>
                                <a:pt x="2457615" y="1723072"/>
                              </a:cubicBezTo>
                              <a:cubicBezTo>
                                <a:pt x="2459044" y="1714500"/>
                                <a:pt x="2464759" y="1699974"/>
                                <a:pt x="2468807" y="1687829"/>
                              </a:cubicBezTo>
                              <a:close/>
                              <a:moveTo>
                                <a:pt x="2576677" y="1589722"/>
                              </a:moveTo>
                              <a:lnTo>
                                <a:pt x="2573820" y="1591627"/>
                              </a:lnTo>
                              <a:lnTo>
                                <a:pt x="2573820" y="1591627"/>
                              </a:lnTo>
                              <a:close/>
                              <a:moveTo>
                                <a:pt x="2585674" y="1533271"/>
                              </a:moveTo>
                              <a:lnTo>
                                <a:pt x="2585332" y="1534956"/>
                              </a:lnTo>
                              <a:lnTo>
                                <a:pt x="2588107" y="1538287"/>
                              </a:lnTo>
                              <a:cubicBezTo>
                                <a:pt x="2590965" y="1541145"/>
                                <a:pt x="2593822" y="1544955"/>
                                <a:pt x="2596680" y="1547812"/>
                              </a:cubicBezTo>
                              <a:cubicBezTo>
                                <a:pt x="2598585" y="1545907"/>
                                <a:pt x="2600490" y="1544002"/>
                                <a:pt x="2602395" y="1544002"/>
                              </a:cubicBezTo>
                              <a:lnTo>
                                <a:pt x="2602539" y="1543271"/>
                              </a:lnTo>
                              <a:lnTo>
                                <a:pt x="2598585" y="1545907"/>
                              </a:lnTo>
                              <a:cubicBezTo>
                                <a:pt x="2594775" y="1544002"/>
                                <a:pt x="2591918" y="1540192"/>
                                <a:pt x="2589060" y="1537334"/>
                              </a:cubicBezTo>
                              <a:close/>
                              <a:moveTo>
                                <a:pt x="2577184" y="1425070"/>
                              </a:moveTo>
                              <a:lnTo>
                                <a:pt x="2576519" y="1425107"/>
                              </a:lnTo>
                              <a:lnTo>
                                <a:pt x="2575314" y="1425174"/>
                              </a:lnTo>
                              <a:lnTo>
                                <a:pt x="2575725" y="1429702"/>
                              </a:lnTo>
                              <a:cubicBezTo>
                                <a:pt x="2575725" y="1438275"/>
                                <a:pt x="2575725" y="1444942"/>
                                <a:pt x="2574773" y="1453515"/>
                              </a:cubicBezTo>
                              <a:cubicBezTo>
                                <a:pt x="2573820" y="1458277"/>
                                <a:pt x="2572868" y="1462087"/>
                                <a:pt x="2570963" y="1467802"/>
                              </a:cubicBezTo>
                              <a:cubicBezTo>
                                <a:pt x="2563343" y="1480185"/>
                                <a:pt x="2555723" y="1492567"/>
                                <a:pt x="2548103" y="1503997"/>
                              </a:cubicBezTo>
                              <a:cubicBezTo>
                                <a:pt x="2546198" y="1515427"/>
                                <a:pt x="2545245" y="1524952"/>
                                <a:pt x="2542388" y="1535430"/>
                              </a:cubicBezTo>
                              <a:lnTo>
                                <a:pt x="2536673" y="1545907"/>
                              </a:lnTo>
                              <a:cubicBezTo>
                                <a:pt x="2533815" y="1561147"/>
                                <a:pt x="2530958" y="1575435"/>
                                <a:pt x="2527148" y="1591627"/>
                              </a:cubicBezTo>
                              <a:cubicBezTo>
                                <a:pt x="2523338" y="1604010"/>
                                <a:pt x="2520480" y="1615440"/>
                                <a:pt x="2516670" y="1627822"/>
                              </a:cubicBezTo>
                              <a:cubicBezTo>
                                <a:pt x="2512860" y="1640205"/>
                                <a:pt x="2510003" y="1651635"/>
                                <a:pt x="2505240" y="1663065"/>
                              </a:cubicBezTo>
                              <a:cubicBezTo>
                                <a:pt x="2503335" y="1672590"/>
                                <a:pt x="2501430" y="1681162"/>
                                <a:pt x="2498573" y="1690687"/>
                              </a:cubicBezTo>
                              <a:cubicBezTo>
                                <a:pt x="2496668" y="1700212"/>
                                <a:pt x="2494763" y="1709737"/>
                                <a:pt x="2490953" y="1719262"/>
                              </a:cubicBezTo>
                              <a:lnTo>
                                <a:pt x="2497030" y="1709809"/>
                              </a:lnTo>
                              <a:lnTo>
                                <a:pt x="2502383" y="1689734"/>
                              </a:lnTo>
                              <a:cubicBezTo>
                                <a:pt x="2503335" y="1679257"/>
                                <a:pt x="2505240" y="1670684"/>
                                <a:pt x="2507145" y="1661159"/>
                              </a:cubicBezTo>
                              <a:cubicBezTo>
                                <a:pt x="2510955" y="1649729"/>
                                <a:pt x="2514765" y="1637347"/>
                                <a:pt x="2518575" y="1625917"/>
                              </a:cubicBezTo>
                              <a:cubicBezTo>
                                <a:pt x="2522385" y="1613534"/>
                                <a:pt x="2525243" y="1602104"/>
                                <a:pt x="2529053" y="1589722"/>
                              </a:cubicBezTo>
                              <a:cubicBezTo>
                                <a:pt x="2532863" y="1574482"/>
                                <a:pt x="2534768" y="1560194"/>
                                <a:pt x="2538578" y="1544002"/>
                              </a:cubicBezTo>
                              <a:lnTo>
                                <a:pt x="2544293" y="1533524"/>
                              </a:lnTo>
                              <a:cubicBezTo>
                                <a:pt x="2547150" y="1523047"/>
                                <a:pt x="2548103" y="1513522"/>
                                <a:pt x="2550008" y="1502092"/>
                              </a:cubicBezTo>
                              <a:cubicBezTo>
                                <a:pt x="2557628" y="1489709"/>
                                <a:pt x="2565248" y="1478279"/>
                                <a:pt x="2572868" y="1465897"/>
                              </a:cubicBezTo>
                              <a:cubicBezTo>
                                <a:pt x="2568105" y="1490662"/>
                                <a:pt x="2563343" y="1514474"/>
                                <a:pt x="2557628" y="1539239"/>
                              </a:cubicBezTo>
                              <a:cubicBezTo>
                                <a:pt x="2555723" y="1562099"/>
                                <a:pt x="2542388" y="1593532"/>
                                <a:pt x="2546198" y="1600199"/>
                              </a:cubicBezTo>
                              <a:cubicBezTo>
                                <a:pt x="2537625" y="1626869"/>
                                <a:pt x="2530005" y="1652587"/>
                                <a:pt x="2520480" y="1678304"/>
                              </a:cubicBezTo>
                              <a:lnTo>
                                <a:pt x="2515392" y="1686218"/>
                              </a:lnTo>
                              <a:lnTo>
                                <a:pt x="2513217" y="1698069"/>
                              </a:lnTo>
                              <a:cubicBezTo>
                                <a:pt x="2512146" y="1704261"/>
                                <a:pt x="2510479" y="1710690"/>
                                <a:pt x="2506193" y="1718310"/>
                              </a:cubicBezTo>
                              <a:cubicBezTo>
                                <a:pt x="2492858" y="1737360"/>
                                <a:pt x="2486190" y="1756410"/>
                                <a:pt x="2479523" y="1776412"/>
                              </a:cubicBezTo>
                              <a:cubicBezTo>
                                <a:pt x="2475713" y="1785937"/>
                                <a:pt x="2471903" y="1796415"/>
                                <a:pt x="2467140" y="1806892"/>
                              </a:cubicBezTo>
                              <a:cubicBezTo>
                                <a:pt x="2465235" y="1812607"/>
                                <a:pt x="2462378" y="1817370"/>
                                <a:pt x="2459520" y="1823085"/>
                              </a:cubicBezTo>
                              <a:cubicBezTo>
                                <a:pt x="2456663" y="1828800"/>
                                <a:pt x="2453805" y="1834515"/>
                                <a:pt x="2449995" y="1840230"/>
                              </a:cubicBezTo>
                              <a:cubicBezTo>
                                <a:pt x="2441423" y="1855470"/>
                                <a:pt x="2432850" y="1871662"/>
                                <a:pt x="2424278" y="1885950"/>
                              </a:cubicBezTo>
                              <a:cubicBezTo>
                                <a:pt x="2417610" y="1903095"/>
                                <a:pt x="2406180" y="1914525"/>
                                <a:pt x="2396655" y="1930717"/>
                              </a:cubicBezTo>
                              <a:cubicBezTo>
                                <a:pt x="2389035" y="1948815"/>
                                <a:pt x="2375700" y="1970722"/>
                                <a:pt x="2361413" y="1990725"/>
                              </a:cubicBezTo>
                              <a:cubicBezTo>
                                <a:pt x="2347125" y="2010727"/>
                                <a:pt x="2332838" y="2031682"/>
                                <a:pt x="2322360" y="2049780"/>
                              </a:cubicBezTo>
                              <a:cubicBezTo>
                                <a:pt x="2313788" y="2061210"/>
                                <a:pt x="2305215" y="2072640"/>
                                <a:pt x="2296643" y="2083117"/>
                              </a:cubicBezTo>
                              <a:cubicBezTo>
                                <a:pt x="2287118" y="2093595"/>
                                <a:pt x="2278545" y="2104072"/>
                                <a:pt x="2269020" y="2115502"/>
                              </a:cubicBezTo>
                              <a:cubicBezTo>
                                <a:pt x="2266163" y="2120265"/>
                                <a:pt x="2262353" y="2124075"/>
                                <a:pt x="2259495" y="2128837"/>
                              </a:cubicBezTo>
                              <a:cubicBezTo>
                                <a:pt x="2255685" y="2133600"/>
                                <a:pt x="2252828" y="2137410"/>
                                <a:pt x="2249018" y="2142172"/>
                              </a:cubicBezTo>
                              <a:cubicBezTo>
                                <a:pt x="2243303" y="2146935"/>
                                <a:pt x="2237588" y="2151697"/>
                                <a:pt x="2232825" y="2155507"/>
                              </a:cubicBezTo>
                              <a:lnTo>
                                <a:pt x="2206342" y="2184829"/>
                              </a:lnTo>
                              <a:lnTo>
                                <a:pt x="2207107" y="2187892"/>
                              </a:lnTo>
                              <a:cubicBezTo>
                                <a:pt x="2195677" y="2200275"/>
                                <a:pt x="2188057" y="2208847"/>
                                <a:pt x="2179485" y="2216467"/>
                              </a:cubicBezTo>
                              <a:cubicBezTo>
                                <a:pt x="2169960" y="2223135"/>
                                <a:pt x="2159482" y="2229802"/>
                                <a:pt x="2149957" y="2237422"/>
                              </a:cubicBezTo>
                              <a:lnTo>
                                <a:pt x="2126145" y="2256472"/>
                              </a:lnTo>
                              <a:lnTo>
                                <a:pt x="2103587" y="2272957"/>
                              </a:lnTo>
                              <a:lnTo>
                                <a:pt x="2107095" y="2272665"/>
                              </a:lnTo>
                              <a:lnTo>
                                <a:pt x="2131860" y="2254567"/>
                              </a:lnTo>
                              <a:lnTo>
                                <a:pt x="2155673" y="2235517"/>
                              </a:lnTo>
                              <a:cubicBezTo>
                                <a:pt x="2165198" y="2228850"/>
                                <a:pt x="2175675" y="2222182"/>
                                <a:pt x="2185200" y="2214562"/>
                              </a:cubicBezTo>
                              <a:cubicBezTo>
                                <a:pt x="2192820" y="2206942"/>
                                <a:pt x="2201393" y="2198370"/>
                                <a:pt x="2212823" y="2185987"/>
                              </a:cubicBezTo>
                              <a:cubicBezTo>
                                <a:pt x="2212823" y="2185035"/>
                                <a:pt x="2212823" y="2184082"/>
                                <a:pt x="2211870" y="2182177"/>
                              </a:cubicBezTo>
                              <a:cubicBezTo>
                                <a:pt x="2221395" y="2172652"/>
                                <a:pt x="2229968" y="2163127"/>
                                <a:pt x="2238540" y="2152650"/>
                              </a:cubicBezTo>
                              <a:cubicBezTo>
                                <a:pt x="2243303" y="2148840"/>
                                <a:pt x="2249018" y="2144077"/>
                                <a:pt x="2254733" y="2139315"/>
                              </a:cubicBezTo>
                              <a:cubicBezTo>
                                <a:pt x="2257590" y="2135505"/>
                                <a:pt x="2261400" y="2130742"/>
                                <a:pt x="2265210" y="2125980"/>
                              </a:cubicBezTo>
                              <a:cubicBezTo>
                                <a:pt x="2268068" y="2121217"/>
                                <a:pt x="2271878" y="2116455"/>
                                <a:pt x="2274735" y="2112645"/>
                              </a:cubicBezTo>
                              <a:cubicBezTo>
                                <a:pt x="2284260" y="2102167"/>
                                <a:pt x="2292833" y="2090737"/>
                                <a:pt x="2302358" y="2080260"/>
                              </a:cubicBezTo>
                              <a:cubicBezTo>
                                <a:pt x="2310930" y="2069782"/>
                                <a:pt x="2319503" y="2058352"/>
                                <a:pt x="2328075" y="2046922"/>
                              </a:cubicBezTo>
                              <a:cubicBezTo>
                                <a:pt x="2338553" y="2028825"/>
                                <a:pt x="2352840" y="2007870"/>
                                <a:pt x="2367128" y="1987867"/>
                              </a:cubicBezTo>
                              <a:cubicBezTo>
                                <a:pt x="2381415" y="1966912"/>
                                <a:pt x="2394750" y="1945957"/>
                                <a:pt x="2402370" y="1927860"/>
                              </a:cubicBezTo>
                              <a:cubicBezTo>
                                <a:pt x="2411895" y="1911667"/>
                                <a:pt x="2423325" y="1900237"/>
                                <a:pt x="2429993" y="1883092"/>
                              </a:cubicBezTo>
                              <a:cubicBezTo>
                                <a:pt x="2438565" y="1868805"/>
                                <a:pt x="2447138" y="1851660"/>
                                <a:pt x="2455710" y="1837372"/>
                              </a:cubicBezTo>
                              <a:cubicBezTo>
                                <a:pt x="2459520" y="1831657"/>
                                <a:pt x="2462378" y="1825942"/>
                                <a:pt x="2465235" y="1820227"/>
                              </a:cubicBezTo>
                              <a:cubicBezTo>
                                <a:pt x="2468093" y="1814512"/>
                                <a:pt x="2469998" y="1808797"/>
                                <a:pt x="2472855" y="1804035"/>
                              </a:cubicBezTo>
                              <a:cubicBezTo>
                                <a:pt x="2477618" y="1793557"/>
                                <a:pt x="2481428" y="1783080"/>
                                <a:pt x="2485238" y="1773555"/>
                              </a:cubicBezTo>
                              <a:cubicBezTo>
                                <a:pt x="2492858" y="1753552"/>
                                <a:pt x="2499525" y="1734502"/>
                                <a:pt x="2511908" y="1715452"/>
                              </a:cubicBezTo>
                              <a:cubicBezTo>
                                <a:pt x="2520480" y="1700212"/>
                                <a:pt x="2518575" y="1688782"/>
                                <a:pt x="2522385" y="1676400"/>
                              </a:cubicBezTo>
                              <a:cubicBezTo>
                                <a:pt x="2532863" y="1650682"/>
                                <a:pt x="2539530" y="1624965"/>
                                <a:pt x="2548103" y="1598295"/>
                              </a:cubicBezTo>
                              <a:cubicBezTo>
                                <a:pt x="2544293" y="1590675"/>
                                <a:pt x="2557628" y="1560195"/>
                                <a:pt x="2559533" y="1537335"/>
                              </a:cubicBezTo>
                              <a:cubicBezTo>
                                <a:pt x="2565248" y="1513522"/>
                                <a:pt x="2570010" y="1488757"/>
                                <a:pt x="2574773" y="1463992"/>
                              </a:cubicBezTo>
                              <a:lnTo>
                                <a:pt x="2578209" y="1451109"/>
                              </a:lnTo>
                              <a:lnTo>
                                <a:pt x="2575725" y="1450657"/>
                              </a:lnTo>
                              <a:cubicBezTo>
                                <a:pt x="2576677" y="1443037"/>
                                <a:pt x="2576677" y="1436370"/>
                                <a:pt x="2576677" y="1426845"/>
                              </a:cubicBezTo>
                              <a:close/>
                              <a:moveTo>
                                <a:pt x="2597632" y="1404937"/>
                              </a:moveTo>
                              <a:lnTo>
                                <a:pt x="2586540" y="1451152"/>
                              </a:lnTo>
                              <a:lnTo>
                                <a:pt x="2586541" y="1451152"/>
                              </a:lnTo>
                              <a:lnTo>
                                <a:pt x="2597633" y="1404938"/>
                              </a:lnTo>
                              <a:close/>
                              <a:moveTo>
                                <a:pt x="2606205" y="1395412"/>
                              </a:moveTo>
                              <a:cubicBezTo>
                                <a:pt x="2604300" y="1399222"/>
                                <a:pt x="2602395" y="1402080"/>
                                <a:pt x="2600490" y="1407795"/>
                              </a:cubicBezTo>
                              <a:lnTo>
                                <a:pt x="2600490" y="1407795"/>
                              </a:lnTo>
                              <a:lnTo>
                                <a:pt x="2599180" y="1433750"/>
                              </a:lnTo>
                              <a:cubicBezTo>
                                <a:pt x="2599062" y="1441132"/>
                                <a:pt x="2599062" y="1448276"/>
                                <a:pt x="2598585" y="1458277"/>
                              </a:cubicBezTo>
                              <a:lnTo>
                                <a:pt x="2589060" y="1487586"/>
                              </a:lnTo>
                              <a:lnTo>
                                <a:pt x="2589060" y="1490934"/>
                              </a:lnTo>
                              <a:lnTo>
                                <a:pt x="2600490" y="1458277"/>
                              </a:lnTo>
                              <a:cubicBezTo>
                                <a:pt x="2601443" y="1438274"/>
                                <a:pt x="2600490" y="1429702"/>
                                <a:pt x="2602395" y="1407794"/>
                              </a:cubicBezTo>
                              <a:lnTo>
                                <a:pt x="2606836" y="1398173"/>
                              </a:lnTo>
                              <a:close/>
                              <a:moveTo>
                                <a:pt x="2565247" y="1354454"/>
                              </a:moveTo>
                              <a:lnTo>
                                <a:pt x="2559005" y="1369208"/>
                              </a:lnTo>
                              <a:lnTo>
                                <a:pt x="2556675" y="1390650"/>
                              </a:lnTo>
                              <a:lnTo>
                                <a:pt x="2553670" y="1380633"/>
                              </a:lnTo>
                              <a:lnTo>
                                <a:pt x="2552571" y="1382047"/>
                              </a:lnTo>
                              <a:lnTo>
                                <a:pt x="2555723" y="1392555"/>
                              </a:lnTo>
                              <a:cubicBezTo>
                                <a:pt x="2554770" y="1397317"/>
                                <a:pt x="2554770" y="1402080"/>
                                <a:pt x="2553818" y="1407795"/>
                              </a:cubicBezTo>
                              <a:cubicBezTo>
                                <a:pt x="2555723" y="1410652"/>
                                <a:pt x="2556675" y="1415415"/>
                                <a:pt x="2557628" y="1420177"/>
                              </a:cubicBezTo>
                              <a:lnTo>
                                <a:pt x="2560581" y="1420013"/>
                              </a:lnTo>
                              <a:lnTo>
                                <a:pt x="2558580" y="1413509"/>
                              </a:lnTo>
                              <a:cubicBezTo>
                                <a:pt x="2559532" y="1407794"/>
                                <a:pt x="2559532" y="1403032"/>
                                <a:pt x="2560485" y="1398269"/>
                              </a:cubicBezTo>
                              <a:cubicBezTo>
                                <a:pt x="2562390" y="1384934"/>
                                <a:pt x="2563342" y="1369694"/>
                                <a:pt x="2565247" y="1354454"/>
                              </a:cubicBezTo>
                              <a:close/>
                              <a:moveTo>
                                <a:pt x="2645258" y="1328737"/>
                              </a:moveTo>
                              <a:cubicBezTo>
                                <a:pt x="2646210" y="1329689"/>
                                <a:pt x="2646210" y="1329689"/>
                                <a:pt x="2647163" y="1329689"/>
                              </a:cubicBezTo>
                              <a:cubicBezTo>
                                <a:pt x="2647163" y="1345882"/>
                                <a:pt x="2646210" y="1359217"/>
                                <a:pt x="2646210" y="1369694"/>
                              </a:cubicBezTo>
                              <a:cubicBezTo>
                                <a:pt x="2646210" y="1380172"/>
                                <a:pt x="2647163" y="1388744"/>
                                <a:pt x="2647163" y="1397317"/>
                              </a:cubicBezTo>
                              <a:cubicBezTo>
                                <a:pt x="2648115" y="1413509"/>
                                <a:pt x="2647163" y="1425892"/>
                                <a:pt x="2644305" y="1447799"/>
                              </a:cubicBezTo>
                              <a:cubicBezTo>
                                <a:pt x="2645258" y="1453514"/>
                                <a:pt x="2643353" y="1463039"/>
                                <a:pt x="2641448" y="1476374"/>
                              </a:cubicBezTo>
                              <a:cubicBezTo>
                                <a:pt x="2638590" y="1488757"/>
                                <a:pt x="2635733" y="1503997"/>
                                <a:pt x="2632875" y="1518284"/>
                              </a:cubicBezTo>
                              <a:cubicBezTo>
                                <a:pt x="2631923" y="1529714"/>
                                <a:pt x="2631923" y="1542097"/>
                                <a:pt x="2630018" y="1553527"/>
                              </a:cubicBezTo>
                              <a:cubicBezTo>
                                <a:pt x="2623350" y="1574482"/>
                                <a:pt x="2622398" y="1591627"/>
                                <a:pt x="2615730" y="1618297"/>
                              </a:cubicBezTo>
                              <a:cubicBezTo>
                                <a:pt x="2610968" y="1637347"/>
                                <a:pt x="2607158" y="1656397"/>
                                <a:pt x="2602395" y="1674494"/>
                              </a:cubicBezTo>
                              <a:cubicBezTo>
                                <a:pt x="2590965" y="1685924"/>
                                <a:pt x="2591918" y="1668779"/>
                                <a:pt x="2578583" y="1684972"/>
                              </a:cubicBezTo>
                              <a:cubicBezTo>
                                <a:pt x="2578583" y="1684019"/>
                                <a:pt x="2579535" y="1680209"/>
                                <a:pt x="2580488" y="1679257"/>
                              </a:cubicBezTo>
                              <a:cubicBezTo>
                                <a:pt x="2581440" y="1664017"/>
                                <a:pt x="2577630" y="1661160"/>
                                <a:pt x="2584298" y="1639252"/>
                              </a:cubicBezTo>
                              <a:cubicBezTo>
                                <a:pt x="2589060" y="1625917"/>
                                <a:pt x="2594775" y="1611630"/>
                                <a:pt x="2598585" y="1597342"/>
                              </a:cubicBezTo>
                              <a:lnTo>
                                <a:pt x="2610015" y="1590675"/>
                              </a:lnTo>
                              <a:lnTo>
                                <a:pt x="2610015" y="1590674"/>
                              </a:lnTo>
                              <a:cubicBezTo>
                                <a:pt x="2618588" y="1552574"/>
                                <a:pt x="2615730" y="1544002"/>
                                <a:pt x="2622398" y="1518284"/>
                              </a:cubicBezTo>
                              <a:cubicBezTo>
                                <a:pt x="2624303" y="1506854"/>
                                <a:pt x="2627160" y="1495424"/>
                                <a:pt x="2629065" y="1483994"/>
                              </a:cubicBezTo>
                              <a:cubicBezTo>
                                <a:pt x="2630970" y="1472564"/>
                                <a:pt x="2632875" y="1460182"/>
                                <a:pt x="2634780" y="1448752"/>
                              </a:cubicBezTo>
                              <a:cubicBezTo>
                                <a:pt x="2636685" y="1437322"/>
                                <a:pt x="2637638" y="1425892"/>
                                <a:pt x="2639543" y="1415414"/>
                              </a:cubicBezTo>
                              <a:cubicBezTo>
                                <a:pt x="2640495" y="1404937"/>
                                <a:pt x="2641448" y="1394459"/>
                                <a:pt x="2641448" y="1383982"/>
                              </a:cubicBezTo>
                              <a:cubicBezTo>
                                <a:pt x="2640495" y="1376362"/>
                                <a:pt x="2641448" y="1366837"/>
                                <a:pt x="2642400" y="1357312"/>
                              </a:cubicBezTo>
                              <a:cubicBezTo>
                                <a:pt x="2643353" y="1352549"/>
                                <a:pt x="2643353" y="1347787"/>
                                <a:pt x="2644305" y="1343024"/>
                              </a:cubicBezTo>
                              <a:cubicBezTo>
                                <a:pt x="2644305" y="1338262"/>
                                <a:pt x="2645258" y="1333499"/>
                                <a:pt x="2645258" y="1328737"/>
                              </a:cubicBezTo>
                              <a:close/>
                              <a:moveTo>
                                <a:pt x="134151" y="887095"/>
                              </a:moveTo>
                              <a:lnTo>
                                <a:pt x="134625" y="887332"/>
                              </a:lnTo>
                              <a:lnTo>
                                <a:pt x="134670" y="887199"/>
                              </a:lnTo>
                              <a:close/>
                              <a:moveTo>
                                <a:pt x="191618" y="750570"/>
                              </a:moveTo>
                              <a:cubicBezTo>
                                <a:pt x="176378" y="775335"/>
                                <a:pt x="173520" y="782955"/>
                                <a:pt x="170663" y="789622"/>
                              </a:cubicBezTo>
                              <a:cubicBezTo>
                                <a:pt x="164948" y="795337"/>
                                <a:pt x="160185" y="801052"/>
                                <a:pt x="153518" y="803910"/>
                              </a:cubicBezTo>
                              <a:lnTo>
                                <a:pt x="153477" y="804822"/>
                              </a:lnTo>
                              <a:lnTo>
                                <a:pt x="151819" y="841286"/>
                              </a:lnTo>
                              <a:lnTo>
                                <a:pt x="151866" y="841199"/>
                              </a:lnTo>
                              <a:lnTo>
                                <a:pt x="153518" y="804862"/>
                              </a:lnTo>
                              <a:cubicBezTo>
                                <a:pt x="159233" y="801052"/>
                                <a:pt x="164948" y="795337"/>
                                <a:pt x="170663" y="790574"/>
                              </a:cubicBezTo>
                              <a:cubicBezTo>
                                <a:pt x="173520" y="783907"/>
                                <a:pt x="177330" y="776287"/>
                                <a:pt x="191618" y="751522"/>
                              </a:cubicBezTo>
                              <a:lnTo>
                                <a:pt x="192332" y="751998"/>
                              </a:lnTo>
                              <a:lnTo>
                                <a:pt x="192689" y="751284"/>
                              </a:lnTo>
                              <a:close/>
                              <a:moveTo>
                                <a:pt x="203047" y="667702"/>
                              </a:moveTo>
                              <a:cubicBezTo>
                                <a:pt x="199237" y="670560"/>
                                <a:pt x="194475" y="673417"/>
                                <a:pt x="189712" y="677227"/>
                              </a:cubicBezTo>
                              <a:cubicBezTo>
                                <a:pt x="183045" y="689610"/>
                                <a:pt x="178282" y="700087"/>
                                <a:pt x="169710" y="719137"/>
                              </a:cubicBezTo>
                              <a:lnTo>
                                <a:pt x="174286" y="722798"/>
                              </a:lnTo>
                              <a:lnTo>
                                <a:pt x="174435" y="722155"/>
                              </a:lnTo>
                              <a:lnTo>
                                <a:pt x="170663" y="719137"/>
                              </a:lnTo>
                              <a:cubicBezTo>
                                <a:pt x="179235" y="700087"/>
                                <a:pt x="183998" y="689609"/>
                                <a:pt x="190665" y="677227"/>
                              </a:cubicBezTo>
                              <a:lnTo>
                                <a:pt x="202473" y="668793"/>
                              </a:lnTo>
                              <a:close/>
                              <a:moveTo>
                                <a:pt x="276390" y="613410"/>
                              </a:moveTo>
                              <a:lnTo>
                                <a:pt x="275187" y="614373"/>
                              </a:lnTo>
                              <a:lnTo>
                                <a:pt x="270080" y="634008"/>
                              </a:lnTo>
                              <a:cubicBezTo>
                                <a:pt x="268770" y="638413"/>
                                <a:pt x="267818" y="641033"/>
                                <a:pt x="266865" y="643890"/>
                              </a:cubicBezTo>
                              <a:cubicBezTo>
                                <a:pt x="230670" y="692467"/>
                                <a:pt x="209715" y="757237"/>
                                <a:pt x="179235" y="803910"/>
                              </a:cubicBezTo>
                              <a:cubicBezTo>
                                <a:pt x="175425" y="816292"/>
                                <a:pt x="171615" y="829627"/>
                                <a:pt x="166852" y="842962"/>
                              </a:cubicBezTo>
                              <a:cubicBezTo>
                                <a:pt x="162090" y="856297"/>
                                <a:pt x="159232" y="869632"/>
                                <a:pt x="155422" y="882967"/>
                              </a:cubicBezTo>
                              <a:cubicBezTo>
                                <a:pt x="145897" y="911542"/>
                                <a:pt x="131610" y="942022"/>
                                <a:pt x="130657" y="966787"/>
                              </a:cubicBezTo>
                              <a:cubicBezTo>
                                <a:pt x="124942" y="985837"/>
                                <a:pt x="119227" y="1004887"/>
                                <a:pt x="114465" y="1023937"/>
                              </a:cubicBezTo>
                              <a:cubicBezTo>
                                <a:pt x="111607" y="1038225"/>
                                <a:pt x="109702" y="1052512"/>
                                <a:pt x="106845" y="1066800"/>
                              </a:cubicBezTo>
                              <a:lnTo>
                                <a:pt x="103035" y="1088707"/>
                              </a:lnTo>
                              <a:cubicBezTo>
                                <a:pt x="102082" y="1096327"/>
                                <a:pt x="101130" y="1102995"/>
                                <a:pt x="100177" y="1110615"/>
                              </a:cubicBezTo>
                              <a:cubicBezTo>
                                <a:pt x="97320" y="1130617"/>
                                <a:pt x="93510" y="1149667"/>
                                <a:pt x="91605" y="1169670"/>
                              </a:cubicBezTo>
                              <a:cubicBezTo>
                                <a:pt x="90652" y="1182052"/>
                                <a:pt x="89700" y="1192530"/>
                                <a:pt x="88747" y="1205865"/>
                              </a:cubicBezTo>
                              <a:cubicBezTo>
                                <a:pt x="89700" y="1215390"/>
                                <a:pt x="91605" y="1224915"/>
                                <a:pt x="93510" y="1243965"/>
                              </a:cubicBezTo>
                              <a:lnTo>
                                <a:pt x="95742" y="1223205"/>
                              </a:lnTo>
                              <a:lnTo>
                                <a:pt x="95415" y="1216342"/>
                              </a:lnTo>
                              <a:cubicBezTo>
                                <a:pt x="96367" y="1203007"/>
                                <a:pt x="98272" y="1188719"/>
                                <a:pt x="99225" y="1176337"/>
                              </a:cubicBezTo>
                              <a:cubicBezTo>
                                <a:pt x="101130" y="1156334"/>
                                <a:pt x="104940" y="1137284"/>
                                <a:pt x="107797" y="1117282"/>
                              </a:cubicBezTo>
                              <a:lnTo>
                                <a:pt x="114596" y="1109123"/>
                              </a:lnTo>
                              <a:lnTo>
                                <a:pt x="124469" y="1043051"/>
                              </a:lnTo>
                              <a:lnTo>
                                <a:pt x="123990" y="1031557"/>
                              </a:lnTo>
                              <a:lnTo>
                                <a:pt x="133400" y="1004581"/>
                              </a:lnTo>
                              <a:lnTo>
                                <a:pt x="138999" y="981931"/>
                              </a:lnTo>
                              <a:lnTo>
                                <a:pt x="137325" y="985837"/>
                              </a:lnTo>
                              <a:cubicBezTo>
                                <a:pt x="135420" y="984885"/>
                                <a:pt x="133515" y="983932"/>
                                <a:pt x="131610" y="983932"/>
                              </a:cubicBezTo>
                              <a:cubicBezTo>
                                <a:pt x="126847" y="996315"/>
                                <a:pt x="122085" y="1010602"/>
                                <a:pt x="117322" y="1024890"/>
                              </a:cubicBezTo>
                              <a:cubicBezTo>
                                <a:pt x="117322" y="1031557"/>
                                <a:pt x="117322" y="1039177"/>
                                <a:pt x="118275" y="1047750"/>
                              </a:cubicBezTo>
                              <a:cubicBezTo>
                                <a:pt x="115417" y="1062990"/>
                                <a:pt x="113512" y="1076325"/>
                                <a:pt x="111607" y="1091565"/>
                              </a:cubicBezTo>
                              <a:cubicBezTo>
                                <a:pt x="111607" y="1093470"/>
                                <a:pt x="110655" y="1096327"/>
                                <a:pt x="110655" y="1099185"/>
                              </a:cubicBezTo>
                              <a:cubicBezTo>
                                <a:pt x="106845" y="1102995"/>
                                <a:pt x="104940" y="1106805"/>
                                <a:pt x="101130" y="1110615"/>
                              </a:cubicBezTo>
                              <a:cubicBezTo>
                                <a:pt x="102082" y="1102995"/>
                                <a:pt x="103035" y="1096327"/>
                                <a:pt x="103987" y="1088707"/>
                              </a:cubicBezTo>
                              <a:lnTo>
                                <a:pt x="107797" y="1066800"/>
                              </a:lnTo>
                              <a:cubicBezTo>
                                <a:pt x="110655" y="1052512"/>
                                <a:pt x="112560" y="1038225"/>
                                <a:pt x="115417" y="1023937"/>
                              </a:cubicBezTo>
                              <a:cubicBezTo>
                                <a:pt x="121132" y="1004887"/>
                                <a:pt x="126847" y="985837"/>
                                <a:pt x="131610" y="966787"/>
                              </a:cubicBezTo>
                              <a:cubicBezTo>
                                <a:pt x="132562" y="942022"/>
                                <a:pt x="146850" y="912495"/>
                                <a:pt x="156375" y="882967"/>
                              </a:cubicBezTo>
                              <a:cubicBezTo>
                                <a:pt x="160185" y="869632"/>
                                <a:pt x="163042" y="856297"/>
                                <a:pt x="167805" y="842962"/>
                              </a:cubicBezTo>
                              <a:cubicBezTo>
                                <a:pt x="171615" y="829627"/>
                                <a:pt x="176377" y="817245"/>
                                <a:pt x="180187" y="803910"/>
                              </a:cubicBezTo>
                              <a:cubicBezTo>
                                <a:pt x="210667" y="757237"/>
                                <a:pt x="230670" y="692467"/>
                                <a:pt x="267817" y="643890"/>
                              </a:cubicBezTo>
                              <a:cubicBezTo>
                                <a:pt x="269722" y="637222"/>
                                <a:pt x="271627" y="633412"/>
                                <a:pt x="276390" y="613410"/>
                              </a:cubicBezTo>
                              <a:close/>
                              <a:moveTo>
                                <a:pt x="293536" y="518160"/>
                              </a:moveTo>
                              <a:lnTo>
                                <a:pt x="293535" y="518160"/>
                              </a:lnTo>
                              <a:lnTo>
                                <a:pt x="298297" y="521970"/>
                              </a:lnTo>
                              <a:lnTo>
                                <a:pt x="298297" y="521969"/>
                              </a:lnTo>
                              <a:close/>
                              <a:moveTo>
                                <a:pt x="465169" y="382550"/>
                              </a:moveTo>
                              <a:lnTo>
                                <a:pt x="464986" y="382696"/>
                              </a:lnTo>
                              <a:lnTo>
                                <a:pt x="464431" y="383323"/>
                              </a:lnTo>
                              <a:lnTo>
                                <a:pt x="456650" y="391477"/>
                              </a:lnTo>
                              <a:lnTo>
                                <a:pt x="454683" y="394339"/>
                              </a:lnTo>
                              <a:lnTo>
                                <a:pt x="453399" y="395790"/>
                              </a:lnTo>
                              <a:cubicBezTo>
                                <a:pt x="451546" y="398815"/>
                                <a:pt x="450698" y="401003"/>
                                <a:pt x="447840" y="403860"/>
                              </a:cubicBezTo>
                              <a:cubicBezTo>
                                <a:pt x="428790" y="425767"/>
                                <a:pt x="408788" y="447675"/>
                                <a:pt x="389738" y="472440"/>
                              </a:cubicBezTo>
                              <a:cubicBezTo>
                                <a:pt x="384023" y="479107"/>
                                <a:pt x="378308" y="484822"/>
                                <a:pt x="373545" y="491490"/>
                              </a:cubicBezTo>
                              <a:cubicBezTo>
                                <a:pt x="367830" y="498157"/>
                                <a:pt x="363068" y="504825"/>
                                <a:pt x="357353" y="511492"/>
                              </a:cubicBezTo>
                              <a:lnTo>
                                <a:pt x="285782" y="590597"/>
                              </a:lnTo>
                              <a:lnTo>
                                <a:pt x="358305" y="510540"/>
                              </a:lnTo>
                              <a:cubicBezTo>
                                <a:pt x="364020" y="503872"/>
                                <a:pt x="368782" y="497205"/>
                                <a:pt x="374497" y="490537"/>
                              </a:cubicBezTo>
                              <a:cubicBezTo>
                                <a:pt x="380212" y="483870"/>
                                <a:pt x="385927" y="478155"/>
                                <a:pt x="390690" y="471487"/>
                              </a:cubicBezTo>
                              <a:cubicBezTo>
                                <a:pt x="409740" y="446722"/>
                                <a:pt x="429742" y="425767"/>
                                <a:pt x="448792" y="402907"/>
                              </a:cubicBezTo>
                              <a:lnTo>
                                <a:pt x="454683" y="394339"/>
                              </a:lnTo>
                              <a:lnTo>
                                <a:pt x="464431" y="383323"/>
                              </a:lnTo>
                              <a:close/>
                              <a:moveTo>
                                <a:pt x="489348" y="316869"/>
                              </a:moveTo>
                              <a:cubicBezTo>
                                <a:pt x="487763" y="316669"/>
                                <a:pt x="484470" y="318175"/>
                                <a:pt x="481127" y="319733"/>
                              </a:cubicBezTo>
                              <a:lnTo>
                                <a:pt x="475013" y="322003"/>
                              </a:lnTo>
                              <a:lnTo>
                                <a:pt x="473558" y="323849"/>
                              </a:lnTo>
                              <a:cubicBezTo>
                                <a:pt x="469748" y="326707"/>
                                <a:pt x="465938" y="329564"/>
                                <a:pt x="463080" y="333374"/>
                              </a:cubicBezTo>
                              <a:cubicBezTo>
                                <a:pt x="453555" y="339089"/>
                                <a:pt x="445935" y="343852"/>
                                <a:pt x="436410" y="350519"/>
                              </a:cubicBezTo>
                              <a:lnTo>
                                <a:pt x="418313" y="370522"/>
                              </a:lnTo>
                              <a:lnTo>
                                <a:pt x="401168" y="390524"/>
                              </a:lnTo>
                              <a:cubicBezTo>
                                <a:pt x="397358" y="393382"/>
                                <a:pt x="394500" y="396239"/>
                                <a:pt x="389738" y="401002"/>
                              </a:cubicBezTo>
                              <a:lnTo>
                                <a:pt x="389349" y="400516"/>
                              </a:lnTo>
                              <a:lnTo>
                                <a:pt x="378546" y="413504"/>
                              </a:lnTo>
                              <a:cubicBezTo>
                                <a:pt x="374736" y="418862"/>
                                <a:pt x="369735" y="425768"/>
                                <a:pt x="360210" y="436245"/>
                              </a:cubicBezTo>
                              <a:lnTo>
                                <a:pt x="330683" y="468630"/>
                              </a:lnTo>
                              <a:lnTo>
                                <a:pt x="335445" y="474344"/>
                              </a:lnTo>
                              <a:lnTo>
                                <a:pt x="335536" y="474264"/>
                              </a:lnTo>
                              <a:lnTo>
                                <a:pt x="331635" y="469582"/>
                              </a:lnTo>
                              <a:cubicBezTo>
                                <a:pt x="341160" y="459105"/>
                                <a:pt x="352590" y="447675"/>
                                <a:pt x="361162" y="437197"/>
                              </a:cubicBezTo>
                              <a:cubicBezTo>
                                <a:pt x="380212" y="416242"/>
                                <a:pt x="381165" y="409575"/>
                                <a:pt x="390690" y="401002"/>
                              </a:cubicBezTo>
                              <a:cubicBezTo>
                                <a:pt x="395452" y="396240"/>
                                <a:pt x="399262" y="393382"/>
                                <a:pt x="402120" y="390525"/>
                              </a:cubicBezTo>
                              <a:lnTo>
                                <a:pt x="419265" y="370522"/>
                              </a:lnTo>
                              <a:lnTo>
                                <a:pt x="437362" y="350520"/>
                              </a:lnTo>
                              <a:cubicBezTo>
                                <a:pt x="446887" y="344805"/>
                                <a:pt x="454507" y="340042"/>
                                <a:pt x="464032" y="333375"/>
                              </a:cubicBezTo>
                              <a:cubicBezTo>
                                <a:pt x="467842" y="330517"/>
                                <a:pt x="471652" y="326707"/>
                                <a:pt x="474510" y="323850"/>
                              </a:cubicBezTo>
                              <a:cubicBezTo>
                                <a:pt x="476415" y="324326"/>
                                <a:pt x="481654" y="321469"/>
                                <a:pt x="485940" y="319564"/>
                              </a:cubicBezTo>
                              <a:lnTo>
                                <a:pt x="489548" y="318444"/>
                              </a:lnTo>
                              <a:close/>
                              <a:moveTo>
                                <a:pt x="1868970" y="144780"/>
                              </a:moveTo>
                              <a:cubicBezTo>
                                <a:pt x="1890877" y="153352"/>
                                <a:pt x="1906117" y="160020"/>
                                <a:pt x="1917547" y="166687"/>
                              </a:cubicBezTo>
                              <a:cubicBezTo>
                                <a:pt x="1928977" y="172402"/>
                                <a:pt x="1935645" y="178117"/>
                                <a:pt x="1938502" y="183832"/>
                              </a:cubicBezTo>
                              <a:cubicBezTo>
                                <a:pt x="1920405" y="174307"/>
                                <a:pt x="1904212" y="167640"/>
                                <a:pt x="1891830" y="160972"/>
                              </a:cubicBezTo>
                              <a:cubicBezTo>
                                <a:pt x="1879447" y="154305"/>
                                <a:pt x="1871827" y="148590"/>
                                <a:pt x="1868970" y="144780"/>
                              </a:cubicBezTo>
                              <a:close/>
                              <a:moveTo>
                                <a:pt x="1710855" y="75247"/>
                              </a:moveTo>
                              <a:cubicBezTo>
                                <a:pt x="1719427" y="75247"/>
                                <a:pt x="1733715" y="78104"/>
                                <a:pt x="1748955" y="83819"/>
                              </a:cubicBezTo>
                              <a:cubicBezTo>
                                <a:pt x="1765147" y="90487"/>
                                <a:pt x="1783245" y="100012"/>
                                <a:pt x="1802295" y="110489"/>
                              </a:cubicBezTo>
                              <a:cubicBezTo>
                                <a:pt x="1750860" y="94297"/>
                                <a:pt x="1716570" y="83819"/>
                                <a:pt x="1710855" y="75247"/>
                              </a:cubicBezTo>
                              <a:close/>
                              <a:moveTo>
                                <a:pt x="1137451" y="68937"/>
                              </a:moveTo>
                              <a:cubicBezTo>
                                <a:pt x="1133641" y="68580"/>
                                <a:pt x="1127926" y="69056"/>
                                <a:pt x="1117448" y="71437"/>
                              </a:cubicBezTo>
                              <a:cubicBezTo>
                                <a:pt x="1104113" y="73342"/>
                                <a:pt x="1088873" y="75247"/>
                                <a:pt x="1074585" y="77152"/>
                              </a:cubicBezTo>
                              <a:cubicBezTo>
                                <a:pt x="1061250" y="80010"/>
                                <a:pt x="1046010" y="83820"/>
                                <a:pt x="1032675" y="86677"/>
                              </a:cubicBezTo>
                              <a:cubicBezTo>
                                <a:pt x="1026960" y="88582"/>
                                <a:pt x="1021245" y="90487"/>
                                <a:pt x="1014578" y="92392"/>
                              </a:cubicBezTo>
                              <a:cubicBezTo>
                                <a:pt x="1007910" y="94297"/>
                                <a:pt x="1001243" y="96202"/>
                                <a:pt x="993623" y="98107"/>
                              </a:cubicBezTo>
                              <a:lnTo>
                                <a:pt x="947769" y="107115"/>
                              </a:lnTo>
                              <a:lnTo>
                                <a:pt x="939330" y="110490"/>
                              </a:lnTo>
                              <a:cubicBezTo>
                                <a:pt x="920280" y="117157"/>
                                <a:pt x="900278" y="122872"/>
                                <a:pt x="881228" y="130492"/>
                              </a:cubicBezTo>
                              <a:cubicBezTo>
                                <a:pt x="862178" y="138112"/>
                                <a:pt x="843128" y="144780"/>
                                <a:pt x="824078" y="153352"/>
                              </a:cubicBezTo>
                              <a:cubicBezTo>
                                <a:pt x="809790" y="160020"/>
                                <a:pt x="796455" y="165735"/>
                                <a:pt x="784073" y="171450"/>
                              </a:cubicBezTo>
                              <a:cubicBezTo>
                                <a:pt x="775500" y="173355"/>
                                <a:pt x="765975" y="178117"/>
                                <a:pt x="757403" y="181927"/>
                              </a:cubicBezTo>
                              <a:cubicBezTo>
                                <a:pt x="734543" y="190500"/>
                                <a:pt x="713588" y="201930"/>
                                <a:pt x="691680" y="212407"/>
                              </a:cubicBezTo>
                              <a:cubicBezTo>
                                <a:pt x="681203" y="218122"/>
                                <a:pt x="670725" y="225742"/>
                                <a:pt x="660248" y="232410"/>
                              </a:cubicBezTo>
                              <a:cubicBezTo>
                                <a:pt x="649770" y="239077"/>
                                <a:pt x="639293" y="245745"/>
                                <a:pt x="629768" y="252412"/>
                              </a:cubicBezTo>
                              <a:cubicBezTo>
                                <a:pt x="618338" y="263842"/>
                                <a:pt x="597383" y="280035"/>
                                <a:pt x="581190" y="288607"/>
                              </a:cubicBezTo>
                              <a:cubicBezTo>
                                <a:pt x="565950" y="300037"/>
                                <a:pt x="550710" y="312420"/>
                                <a:pt x="535470" y="324802"/>
                              </a:cubicBezTo>
                              <a:lnTo>
                                <a:pt x="491713" y="362974"/>
                              </a:lnTo>
                              <a:lnTo>
                                <a:pt x="495465" y="367665"/>
                              </a:lnTo>
                              <a:cubicBezTo>
                                <a:pt x="497370" y="366713"/>
                                <a:pt x="500763" y="364272"/>
                                <a:pt x="504752" y="361295"/>
                              </a:cubicBezTo>
                              <a:lnTo>
                                <a:pt x="512656" y="355403"/>
                              </a:lnTo>
                              <a:lnTo>
                                <a:pt x="541185" y="330517"/>
                              </a:lnTo>
                              <a:cubicBezTo>
                                <a:pt x="556425" y="318134"/>
                                <a:pt x="571665" y="306704"/>
                                <a:pt x="586905" y="294322"/>
                              </a:cubicBezTo>
                              <a:cubicBezTo>
                                <a:pt x="603097" y="285749"/>
                                <a:pt x="623100" y="269557"/>
                                <a:pt x="635482" y="258127"/>
                              </a:cubicBezTo>
                              <a:cubicBezTo>
                                <a:pt x="645960" y="251459"/>
                                <a:pt x="655485" y="244792"/>
                                <a:pt x="665962" y="238124"/>
                              </a:cubicBezTo>
                              <a:cubicBezTo>
                                <a:pt x="676440" y="231457"/>
                                <a:pt x="685965" y="224789"/>
                                <a:pt x="697395" y="218122"/>
                              </a:cubicBezTo>
                              <a:cubicBezTo>
                                <a:pt x="719302" y="207644"/>
                                <a:pt x="741210" y="196214"/>
                                <a:pt x="763117" y="187642"/>
                              </a:cubicBezTo>
                              <a:cubicBezTo>
                                <a:pt x="771690" y="183832"/>
                                <a:pt x="781215" y="179069"/>
                                <a:pt x="788835" y="174307"/>
                              </a:cubicBezTo>
                              <a:cubicBezTo>
                                <a:pt x="801217" y="168592"/>
                                <a:pt x="815505" y="162877"/>
                                <a:pt x="828840" y="156209"/>
                              </a:cubicBezTo>
                              <a:cubicBezTo>
                                <a:pt x="847890" y="147637"/>
                                <a:pt x="866940" y="140969"/>
                                <a:pt x="885990" y="133349"/>
                              </a:cubicBezTo>
                              <a:cubicBezTo>
                                <a:pt x="905040" y="125729"/>
                                <a:pt x="925042" y="120014"/>
                                <a:pt x="944092" y="113347"/>
                              </a:cubicBezTo>
                              <a:lnTo>
                                <a:pt x="968499" y="108553"/>
                              </a:lnTo>
                              <a:lnTo>
                                <a:pt x="980289" y="104524"/>
                              </a:lnTo>
                              <a:lnTo>
                                <a:pt x="1140765" y="69904"/>
                              </a:lnTo>
                              <a:close/>
                              <a:moveTo>
                                <a:pt x="1478087" y="48458"/>
                              </a:moveTo>
                              <a:cubicBezTo>
                                <a:pt x="1484636" y="48815"/>
                                <a:pt x="1491780" y="49530"/>
                                <a:pt x="1498447" y="50482"/>
                              </a:cubicBezTo>
                              <a:cubicBezTo>
                                <a:pt x="1511782" y="52387"/>
                                <a:pt x="1523212" y="56197"/>
                                <a:pt x="1526070" y="60007"/>
                              </a:cubicBezTo>
                              <a:cubicBezTo>
                                <a:pt x="1520355" y="59055"/>
                                <a:pt x="1514640" y="58102"/>
                                <a:pt x="1505115" y="57150"/>
                              </a:cubicBezTo>
                              <a:cubicBezTo>
                                <a:pt x="1495590" y="56197"/>
                                <a:pt x="1482255" y="53340"/>
                                <a:pt x="1461300" y="48577"/>
                              </a:cubicBezTo>
                              <a:cubicBezTo>
                                <a:pt x="1465586" y="48101"/>
                                <a:pt x="1471539" y="48101"/>
                                <a:pt x="1478087" y="48458"/>
                              </a:cubicBezTo>
                              <a:close/>
                              <a:moveTo>
                                <a:pt x="1588935" y="40957"/>
                              </a:moveTo>
                              <a:cubicBezTo>
                                <a:pt x="1602270" y="41909"/>
                                <a:pt x="1614652" y="42862"/>
                                <a:pt x="1627987" y="43814"/>
                              </a:cubicBezTo>
                              <a:cubicBezTo>
                                <a:pt x="1644180" y="48577"/>
                                <a:pt x="1659420" y="56197"/>
                                <a:pt x="1675612" y="62864"/>
                              </a:cubicBezTo>
                              <a:cubicBezTo>
                                <a:pt x="1652752" y="60007"/>
                                <a:pt x="1631797" y="55244"/>
                                <a:pt x="1616557" y="52387"/>
                              </a:cubicBezTo>
                              <a:cubicBezTo>
                                <a:pt x="1601317" y="48577"/>
                                <a:pt x="1590840" y="44767"/>
                                <a:pt x="1588935" y="40957"/>
                              </a:cubicBezTo>
                              <a:close/>
                              <a:moveTo>
                                <a:pt x="1270324" y="40719"/>
                              </a:moveTo>
                              <a:cubicBezTo>
                                <a:pt x="1233652" y="40957"/>
                                <a:pt x="1196981" y="42862"/>
                                <a:pt x="1160310" y="46672"/>
                              </a:cubicBezTo>
                              <a:cubicBezTo>
                                <a:pt x="1135545" y="47624"/>
                                <a:pt x="1109827" y="52387"/>
                                <a:pt x="1084110" y="57149"/>
                              </a:cubicBezTo>
                              <a:cubicBezTo>
                                <a:pt x="1071727" y="59054"/>
                                <a:pt x="1059345" y="62864"/>
                                <a:pt x="1047915" y="66674"/>
                              </a:cubicBezTo>
                              <a:cubicBezTo>
                                <a:pt x="1036485" y="70484"/>
                                <a:pt x="1026007" y="74294"/>
                                <a:pt x="1016482" y="78104"/>
                              </a:cubicBezTo>
                              <a:cubicBezTo>
                                <a:pt x="1001242" y="80009"/>
                                <a:pt x="987907" y="81914"/>
                                <a:pt x="972667" y="83819"/>
                              </a:cubicBezTo>
                              <a:cubicBezTo>
                                <a:pt x="914565" y="101917"/>
                                <a:pt x="859320" y="123824"/>
                                <a:pt x="806932" y="147637"/>
                              </a:cubicBezTo>
                              <a:cubicBezTo>
                                <a:pt x="786930" y="155257"/>
                                <a:pt x="765975" y="165734"/>
                                <a:pt x="746925" y="174307"/>
                              </a:cubicBezTo>
                              <a:cubicBezTo>
                                <a:pt x="741210" y="176212"/>
                                <a:pt x="734542" y="179069"/>
                                <a:pt x="728827" y="180974"/>
                              </a:cubicBezTo>
                              <a:cubicBezTo>
                                <a:pt x="723112" y="183832"/>
                                <a:pt x="717397" y="186689"/>
                                <a:pt x="712635" y="189547"/>
                              </a:cubicBezTo>
                              <a:cubicBezTo>
                                <a:pt x="702157" y="195262"/>
                                <a:pt x="691680" y="200977"/>
                                <a:pt x="682155" y="205739"/>
                              </a:cubicBezTo>
                              <a:cubicBezTo>
                                <a:pt x="663105" y="216217"/>
                                <a:pt x="647865" y="225742"/>
                                <a:pt x="634530" y="230504"/>
                              </a:cubicBezTo>
                              <a:cubicBezTo>
                                <a:pt x="619290" y="239077"/>
                                <a:pt x="610717" y="248602"/>
                                <a:pt x="598335" y="259079"/>
                              </a:cubicBezTo>
                              <a:cubicBezTo>
                                <a:pt x="555472" y="283844"/>
                                <a:pt x="517372" y="318134"/>
                                <a:pt x="493560" y="340994"/>
                              </a:cubicBezTo>
                              <a:lnTo>
                                <a:pt x="471664" y="360034"/>
                              </a:lnTo>
                              <a:lnTo>
                                <a:pt x="450243" y="379593"/>
                              </a:lnTo>
                              <a:lnTo>
                                <a:pt x="450697" y="380047"/>
                              </a:lnTo>
                              <a:cubicBezTo>
                                <a:pt x="388785" y="439102"/>
                                <a:pt x="334492" y="503872"/>
                                <a:pt x="285915" y="573404"/>
                              </a:cubicBezTo>
                              <a:cubicBezTo>
                                <a:pt x="271627" y="593407"/>
                                <a:pt x="260197" y="607694"/>
                                <a:pt x="252577" y="619124"/>
                              </a:cubicBezTo>
                              <a:cubicBezTo>
                                <a:pt x="244957" y="630554"/>
                                <a:pt x="240195" y="639127"/>
                                <a:pt x="237337" y="646747"/>
                              </a:cubicBezTo>
                              <a:cubicBezTo>
                                <a:pt x="232575" y="655319"/>
                                <a:pt x="226860" y="663892"/>
                                <a:pt x="222097" y="672464"/>
                              </a:cubicBezTo>
                              <a:cubicBezTo>
                                <a:pt x="212572" y="690562"/>
                                <a:pt x="203047" y="708659"/>
                                <a:pt x="193522" y="725804"/>
                              </a:cubicBezTo>
                              <a:lnTo>
                                <a:pt x="162439" y="774784"/>
                              </a:lnTo>
                              <a:lnTo>
                                <a:pt x="162090" y="776287"/>
                              </a:lnTo>
                              <a:cubicBezTo>
                                <a:pt x="158280" y="784860"/>
                                <a:pt x="155422" y="795337"/>
                                <a:pt x="151612" y="804862"/>
                              </a:cubicBezTo>
                              <a:cubicBezTo>
                                <a:pt x="148755" y="810577"/>
                                <a:pt x="146850" y="814387"/>
                                <a:pt x="143992" y="818197"/>
                              </a:cubicBezTo>
                              <a:lnTo>
                                <a:pt x="142087" y="820102"/>
                              </a:lnTo>
                              <a:lnTo>
                                <a:pt x="133634" y="848201"/>
                              </a:lnTo>
                              <a:cubicBezTo>
                                <a:pt x="132086" y="855345"/>
                                <a:pt x="131610" y="860584"/>
                                <a:pt x="131610" y="864870"/>
                              </a:cubicBezTo>
                              <a:cubicBezTo>
                                <a:pt x="131610" y="873442"/>
                                <a:pt x="132562" y="879157"/>
                                <a:pt x="129705" y="888682"/>
                              </a:cubicBezTo>
                              <a:cubicBezTo>
                                <a:pt x="124942" y="902017"/>
                                <a:pt x="121132" y="914400"/>
                                <a:pt x="116370" y="927735"/>
                              </a:cubicBezTo>
                              <a:cubicBezTo>
                                <a:pt x="112560" y="941070"/>
                                <a:pt x="107797" y="953452"/>
                                <a:pt x="103987" y="966787"/>
                              </a:cubicBezTo>
                              <a:cubicBezTo>
                                <a:pt x="99225" y="986790"/>
                                <a:pt x="95415" y="1004887"/>
                                <a:pt x="90652" y="1023937"/>
                              </a:cubicBezTo>
                              <a:cubicBezTo>
                                <a:pt x="87795" y="1042035"/>
                                <a:pt x="85890" y="1059180"/>
                                <a:pt x="83032" y="1076325"/>
                              </a:cubicBezTo>
                              <a:cubicBezTo>
                                <a:pt x="80175" y="1093470"/>
                                <a:pt x="79222" y="1111567"/>
                                <a:pt x="78270" y="1128712"/>
                              </a:cubicBezTo>
                              <a:cubicBezTo>
                                <a:pt x="81127" y="1115377"/>
                                <a:pt x="83032" y="1102995"/>
                                <a:pt x="84937" y="1092517"/>
                              </a:cubicBezTo>
                              <a:lnTo>
                                <a:pt x="85555" y="1089530"/>
                              </a:lnTo>
                              <a:lnTo>
                                <a:pt x="86842" y="1075372"/>
                              </a:lnTo>
                              <a:cubicBezTo>
                                <a:pt x="89700" y="1058227"/>
                                <a:pt x="91605" y="1040130"/>
                                <a:pt x="94462" y="1022985"/>
                              </a:cubicBezTo>
                              <a:lnTo>
                                <a:pt x="96848" y="1023781"/>
                              </a:lnTo>
                              <a:lnTo>
                                <a:pt x="97055" y="1022896"/>
                              </a:lnTo>
                              <a:lnTo>
                                <a:pt x="94463" y="1022032"/>
                              </a:lnTo>
                              <a:cubicBezTo>
                                <a:pt x="99225" y="1002029"/>
                                <a:pt x="103035" y="983932"/>
                                <a:pt x="107798" y="964882"/>
                              </a:cubicBezTo>
                              <a:cubicBezTo>
                                <a:pt x="111608" y="951547"/>
                                <a:pt x="115418" y="938212"/>
                                <a:pt x="120180" y="925829"/>
                              </a:cubicBezTo>
                              <a:lnTo>
                                <a:pt x="133454" y="886956"/>
                              </a:lnTo>
                              <a:lnTo>
                                <a:pt x="132563" y="886777"/>
                              </a:lnTo>
                              <a:cubicBezTo>
                                <a:pt x="135420" y="877252"/>
                                <a:pt x="134468" y="871537"/>
                                <a:pt x="134468" y="862965"/>
                              </a:cubicBezTo>
                              <a:cubicBezTo>
                                <a:pt x="134468" y="854392"/>
                                <a:pt x="135420" y="842010"/>
                                <a:pt x="144945" y="818197"/>
                              </a:cubicBezTo>
                              <a:cubicBezTo>
                                <a:pt x="146850" y="814387"/>
                                <a:pt x="148755" y="809625"/>
                                <a:pt x="152565" y="804862"/>
                              </a:cubicBezTo>
                              <a:lnTo>
                                <a:pt x="152821" y="804166"/>
                              </a:lnTo>
                              <a:lnTo>
                                <a:pt x="163043" y="776287"/>
                              </a:lnTo>
                              <a:cubicBezTo>
                                <a:pt x="173520" y="759142"/>
                                <a:pt x="183045" y="742950"/>
                                <a:pt x="194475" y="726757"/>
                              </a:cubicBezTo>
                              <a:cubicBezTo>
                                <a:pt x="204000" y="708660"/>
                                <a:pt x="212573" y="690562"/>
                                <a:pt x="223050" y="673417"/>
                              </a:cubicBezTo>
                              <a:cubicBezTo>
                                <a:pt x="227813" y="665797"/>
                                <a:pt x="233528" y="656272"/>
                                <a:pt x="238290" y="647700"/>
                              </a:cubicBezTo>
                              <a:cubicBezTo>
                                <a:pt x="241148" y="640080"/>
                                <a:pt x="245910" y="631507"/>
                                <a:pt x="253530" y="620077"/>
                              </a:cubicBezTo>
                              <a:cubicBezTo>
                                <a:pt x="261150" y="608647"/>
                                <a:pt x="272580" y="594360"/>
                                <a:pt x="286868" y="574357"/>
                              </a:cubicBezTo>
                              <a:cubicBezTo>
                                <a:pt x="335445" y="503872"/>
                                <a:pt x="389738" y="440055"/>
                                <a:pt x="451650" y="381000"/>
                              </a:cubicBezTo>
                              <a:cubicBezTo>
                                <a:pt x="466890" y="367665"/>
                                <a:pt x="479273" y="354330"/>
                                <a:pt x="495465" y="340995"/>
                              </a:cubicBezTo>
                              <a:cubicBezTo>
                                <a:pt x="519278" y="318135"/>
                                <a:pt x="557378" y="283845"/>
                                <a:pt x="600240" y="259080"/>
                              </a:cubicBezTo>
                              <a:cubicBezTo>
                                <a:pt x="612623" y="249555"/>
                                <a:pt x="621195" y="239077"/>
                                <a:pt x="636435" y="230505"/>
                              </a:cubicBezTo>
                              <a:cubicBezTo>
                                <a:pt x="649770" y="225742"/>
                                <a:pt x="665010" y="216217"/>
                                <a:pt x="684060" y="205740"/>
                              </a:cubicBezTo>
                              <a:cubicBezTo>
                                <a:pt x="693585" y="200977"/>
                                <a:pt x="704063" y="195262"/>
                                <a:pt x="714540" y="189547"/>
                              </a:cubicBezTo>
                              <a:cubicBezTo>
                                <a:pt x="720255" y="186690"/>
                                <a:pt x="725018" y="183832"/>
                                <a:pt x="730733" y="180975"/>
                              </a:cubicBezTo>
                              <a:cubicBezTo>
                                <a:pt x="736448" y="178117"/>
                                <a:pt x="742163" y="176212"/>
                                <a:pt x="748830" y="174307"/>
                              </a:cubicBezTo>
                              <a:cubicBezTo>
                                <a:pt x="767880" y="164782"/>
                                <a:pt x="788835" y="155257"/>
                                <a:pt x="808838" y="147637"/>
                              </a:cubicBezTo>
                              <a:cubicBezTo>
                                <a:pt x="860273" y="123825"/>
                                <a:pt x="916470" y="101917"/>
                                <a:pt x="974573" y="83820"/>
                              </a:cubicBezTo>
                              <a:cubicBezTo>
                                <a:pt x="989813" y="81915"/>
                                <a:pt x="1003148" y="80010"/>
                                <a:pt x="1018388" y="78105"/>
                              </a:cubicBezTo>
                              <a:cubicBezTo>
                                <a:pt x="1027913" y="74295"/>
                                <a:pt x="1038390" y="70485"/>
                                <a:pt x="1049820" y="66675"/>
                              </a:cubicBezTo>
                              <a:cubicBezTo>
                                <a:pt x="1061250" y="62865"/>
                                <a:pt x="1073633" y="59055"/>
                                <a:pt x="1086015" y="57150"/>
                              </a:cubicBezTo>
                              <a:cubicBezTo>
                                <a:pt x="1111733" y="52387"/>
                                <a:pt x="1138403" y="47625"/>
                                <a:pt x="1162215" y="46672"/>
                              </a:cubicBezTo>
                              <a:cubicBezTo>
                                <a:pt x="1198887" y="43338"/>
                                <a:pt x="1235558" y="41433"/>
                                <a:pt x="1272229" y="41076"/>
                              </a:cubicBezTo>
                              <a:lnTo>
                                <a:pt x="1360655" y="44043"/>
                              </a:lnTo>
                              <a:close/>
                              <a:moveTo>
                                <a:pt x="1404150" y="0"/>
                              </a:moveTo>
                              <a:cubicBezTo>
                                <a:pt x="1418437" y="952"/>
                                <a:pt x="1434630" y="1905"/>
                                <a:pt x="1448917" y="2857"/>
                              </a:cubicBezTo>
                              <a:cubicBezTo>
                                <a:pt x="1465110" y="3810"/>
                                <a:pt x="1480350" y="5715"/>
                                <a:pt x="1494637" y="7620"/>
                              </a:cubicBezTo>
                              <a:cubicBezTo>
                                <a:pt x="1509877" y="8572"/>
                                <a:pt x="1518450" y="11430"/>
                                <a:pt x="1525117" y="15240"/>
                              </a:cubicBezTo>
                              <a:cubicBezTo>
                                <a:pt x="1531785" y="19050"/>
                                <a:pt x="1536547" y="22860"/>
                                <a:pt x="1545120" y="24765"/>
                              </a:cubicBezTo>
                              <a:cubicBezTo>
                                <a:pt x="1558455" y="24765"/>
                                <a:pt x="1552740" y="17145"/>
                                <a:pt x="1569885" y="20002"/>
                              </a:cubicBezTo>
                              <a:cubicBezTo>
                                <a:pt x="1582267" y="21907"/>
                                <a:pt x="1594650" y="25717"/>
                                <a:pt x="1607032" y="28575"/>
                              </a:cubicBezTo>
                              <a:cubicBezTo>
                                <a:pt x="1614652" y="30480"/>
                                <a:pt x="1622272" y="33337"/>
                                <a:pt x="1629892" y="35242"/>
                              </a:cubicBezTo>
                              <a:cubicBezTo>
                                <a:pt x="1629892" y="35242"/>
                                <a:pt x="1629892" y="36195"/>
                                <a:pt x="1628940" y="36195"/>
                              </a:cubicBezTo>
                              <a:cubicBezTo>
                                <a:pt x="1629892" y="39052"/>
                                <a:pt x="1628940" y="40957"/>
                                <a:pt x="1627987" y="42862"/>
                              </a:cubicBezTo>
                              <a:cubicBezTo>
                                <a:pt x="1614652" y="41910"/>
                                <a:pt x="1602270" y="40957"/>
                                <a:pt x="1588935" y="40005"/>
                              </a:cubicBezTo>
                              <a:cubicBezTo>
                                <a:pt x="1584172" y="39052"/>
                                <a:pt x="1580362" y="38100"/>
                                <a:pt x="1575600" y="36195"/>
                              </a:cubicBezTo>
                              <a:cubicBezTo>
                                <a:pt x="1570837" y="35242"/>
                                <a:pt x="1567027" y="34290"/>
                                <a:pt x="1562265" y="33337"/>
                              </a:cubicBezTo>
                              <a:cubicBezTo>
                                <a:pt x="1553692" y="31432"/>
                                <a:pt x="1545120" y="29527"/>
                                <a:pt x="1536547" y="27622"/>
                              </a:cubicBezTo>
                              <a:cubicBezTo>
                                <a:pt x="1527975" y="25717"/>
                                <a:pt x="1519402" y="23812"/>
                                <a:pt x="1510830" y="21907"/>
                              </a:cubicBezTo>
                              <a:cubicBezTo>
                                <a:pt x="1502257" y="20955"/>
                                <a:pt x="1493685" y="19050"/>
                                <a:pt x="1484160" y="18097"/>
                              </a:cubicBezTo>
                              <a:lnTo>
                                <a:pt x="1454633" y="18097"/>
                              </a:lnTo>
                              <a:cubicBezTo>
                                <a:pt x="1446060" y="18097"/>
                                <a:pt x="1437488" y="18097"/>
                                <a:pt x="1430820" y="18097"/>
                              </a:cubicBezTo>
                              <a:cubicBezTo>
                                <a:pt x="1416533" y="18097"/>
                                <a:pt x="1405103" y="18097"/>
                                <a:pt x="1393673" y="18097"/>
                              </a:cubicBezTo>
                              <a:lnTo>
                                <a:pt x="1391928" y="17540"/>
                              </a:lnTo>
                              <a:lnTo>
                                <a:pt x="1375575" y="25717"/>
                              </a:lnTo>
                              <a:cubicBezTo>
                                <a:pt x="1367002" y="28574"/>
                                <a:pt x="1391767" y="30479"/>
                                <a:pt x="1381290" y="35242"/>
                              </a:cubicBezTo>
                              <a:cubicBezTo>
                                <a:pt x="1401292" y="39052"/>
                                <a:pt x="1421295" y="42862"/>
                                <a:pt x="1438440" y="46672"/>
                              </a:cubicBezTo>
                              <a:lnTo>
                                <a:pt x="1413008" y="47116"/>
                              </a:lnTo>
                              <a:lnTo>
                                <a:pt x="1413437" y="47149"/>
                              </a:lnTo>
                              <a:cubicBezTo>
                                <a:pt x="1423677" y="47863"/>
                                <a:pt x="1433202" y="48101"/>
                                <a:pt x="1440345" y="46672"/>
                              </a:cubicBezTo>
                              <a:cubicBezTo>
                                <a:pt x="1447965" y="47625"/>
                                <a:pt x="1455585" y="48577"/>
                                <a:pt x="1463205" y="49530"/>
                              </a:cubicBezTo>
                              <a:cubicBezTo>
                                <a:pt x="1484160" y="54292"/>
                                <a:pt x="1497495" y="56197"/>
                                <a:pt x="1507020" y="58102"/>
                              </a:cubicBezTo>
                              <a:cubicBezTo>
                                <a:pt x="1516545" y="60007"/>
                                <a:pt x="1522260" y="60007"/>
                                <a:pt x="1527975" y="60960"/>
                              </a:cubicBezTo>
                              <a:cubicBezTo>
                                <a:pt x="1539405" y="63817"/>
                                <a:pt x="1551788" y="66675"/>
                                <a:pt x="1563218" y="68580"/>
                              </a:cubicBezTo>
                              <a:cubicBezTo>
                                <a:pt x="1575600" y="70485"/>
                                <a:pt x="1587030" y="74295"/>
                                <a:pt x="1599413" y="76200"/>
                              </a:cubicBezTo>
                              <a:cubicBezTo>
                                <a:pt x="1610843" y="79057"/>
                                <a:pt x="1623225" y="81915"/>
                                <a:pt x="1634655" y="84772"/>
                              </a:cubicBezTo>
                              <a:lnTo>
                                <a:pt x="1669898" y="95250"/>
                              </a:lnTo>
                              <a:lnTo>
                                <a:pt x="1687043" y="100012"/>
                              </a:lnTo>
                              <a:lnTo>
                                <a:pt x="1704188" y="105727"/>
                              </a:lnTo>
                              <a:lnTo>
                                <a:pt x="1704409" y="105929"/>
                              </a:lnTo>
                              <a:lnTo>
                                <a:pt x="1716704" y="108049"/>
                              </a:lnTo>
                              <a:cubicBezTo>
                                <a:pt x="1727330" y="110549"/>
                                <a:pt x="1739921" y="114716"/>
                                <a:pt x="1746499" y="119121"/>
                              </a:cubicBezTo>
                              <a:lnTo>
                                <a:pt x="1750661" y="125427"/>
                              </a:lnTo>
                              <a:lnTo>
                                <a:pt x="1751813" y="125730"/>
                              </a:lnTo>
                              <a:cubicBezTo>
                                <a:pt x="1760385" y="129540"/>
                                <a:pt x="1769910" y="133350"/>
                                <a:pt x="1778483" y="136207"/>
                              </a:cubicBezTo>
                              <a:cubicBezTo>
                                <a:pt x="1786103" y="139065"/>
                                <a:pt x="1793723" y="141922"/>
                                <a:pt x="1801343" y="145732"/>
                              </a:cubicBezTo>
                              <a:cubicBezTo>
                                <a:pt x="1808963" y="149542"/>
                                <a:pt x="1816583" y="152400"/>
                                <a:pt x="1824203" y="156210"/>
                              </a:cubicBezTo>
                              <a:cubicBezTo>
                                <a:pt x="1828013" y="159067"/>
                                <a:pt x="1833728" y="161925"/>
                                <a:pt x="1841348" y="165735"/>
                              </a:cubicBezTo>
                              <a:cubicBezTo>
                                <a:pt x="1845158" y="167640"/>
                                <a:pt x="1848968" y="169545"/>
                                <a:pt x="1852778" y="171450"/>
                              </a:cubicBezTo>
                              <a:cubicBezTo>
                                <a:pt x="1856588" y="173355"/>
                                <a:pt x="1861350" y="175260"/>
                                <a:pt x="1865160" y="178117"/>
                              </a:cubicBezTo>
                              <a:cubicBezTo>
                                <a:pt x="1882305" y="186690"/>
                                <a:pt x="1899450" y="195262"/>
                                <a:pt x="1907070" y="201930"/>
                              </a:cubicBezTo>
                              <a:cubicBezTo>
                                <a:pt x="1924215" y="213360"/>
                                <a:pt x="1942313" y="223837"/>
                                <a:pt x="1960410" y="236220"/>
                              </a:cubicBezTo>
                              <a:cubicBezTo>
                                <a:pt x="1968983" y="241935"/>
                                <a:pt x="1978508" y="248602"/>
                                <a:pt x="1988033" y="255270"/>
                              </a:cubicBezTo>
                              <a:lnTo>
                                <a:pt x="1988832" y="255841"/>
                              </a:lnTo>
                              <a:lnTo>
                                <a:pt x="2002949" y="264417"/>
                              </a:lnTo>
                              <a:cubicBezTo>
                                <a:pt x="2327258" y="483516"/>
                                <a:pt x="2540483" y="854556"/>
                                <a:pt x="2540483" y="1275397"/>
                              </a:cubicBezTo>
                              <a:lnTo>
                                <a:pt x="2540080" y="1283368"/>
                              </a:lnTo>
                              <a:lnTo>
                                <a:pt x="2550960" y="1284922"/>
                              </a:lnTo>
                              <a:cubicBezTo>
                                <a:pt x="2554770" y="1287779"/>
                                <a:pt x="2557627" y="1289684"/>
                                <a:pt x="2561437" y="1292542"/>
                              </a:cubicBezTo>
                              <a:cubicBezTo>
                                <a:pt x="2562390" y="1303019"/>
                                <a:pt x="2564295" y="1305877"/>
                                <a:pt x="2566200" y="1318259"/>
                              </a:cubicBezTo>
                              <a:cubicBezTo>
                                <a:pt x="2571915" y="1329689"/>
                                <a:pt x="2578582" y="1339214"/>
                                <a:pt x="2584297" y="1348739"/>
                              </a:cubicBezTo>
                              <a:lnTo>
                                <a:pt x="2591918" y="1349432"/>
                              </a:lnTo>
                              <a:lnTo>
                                <a:pt x="2591918" y="1342072"/>
                              </a:lnTo>
                              <a:lnTo>
                                <a:pt x="2599661" y="1320563"/>
                              </a:lnTo>
                              <a:lnTo>
                                <a:pt x="2599537" y="1316355"/>
                              </a:lnTo>
                              <a:cubicBezTo>
                                <a:pt x="2602395" y="1287780"/>
                                <a:pt x="2604300" y="1288732"/>
                                <a:pt x="2607157" y="1290637"/>
                              </a:cubicBezTo>
                              <a:cubicBezTo>
                                <a:pt x="2610967" y="1289685"/>
                                <a:pt x="2614777" y="1289685"/>
                                <a:pt x="2617635" y="1290637"/>
                              </a:cubicBezTo>
                              <a:cubicBezTo>
                                <a:pt x="2623350" y="1286827"/>
                                <a:pt x="2628112" y="1282065"/>
                                <a:pt x="2633827" y="1280160"/>
                              </a:cubicBezTo>
                              <a:cubicBezTo>
                                <a:pt x="2634780" y="1294447"/>
                                <a:pt x="2634780" y="1306830"/>
                                <a:pt x="2635732" y="1322070"/>
                              </a:cubicBezTo>
                              <a:cubicBezTo>
                                <a:pt x="2633827" y="1328737"/>
                                <a:pt x="2632875" y="1335405"/>
                                <a:pt x="2630970" y="1342072"/>
                              </a:cubicBezTo>
                              <a:cubicBezTo>
                                <a:pt x="2629065" y="1348740"/>
                                <a:pt x="2627160" y="1355407"/>
                                <a:pt x="2625255" y="1361122"/>
                              </a:cubicBezTo>
                              <a:cubicBezTo>
                                <a:pt x="2624302" y="1371600"/>
                                <a:pt x="2623350" y="1382077"/>
                                <a:pt x="2622397" y="1392555"/>
                              </a:cubicBezTo>
                              <a:lnTo>
                                <a:pt x="2621445" y="1408747"/>
                              </a:lnTo>
                              <a:cubicBezTo>
                                <a:pt x="2620492" y="1414462"/>
                                <a:pt x="2620492" y="1419225"/>
                                <a:pt x="2619540" y="1424940"/>
                              </a:cubicBezTo>
                              <a:lnTo>
                                <a:pt x="2615478" y="1427648"/>
                              </a:lnTo>
                              <a:lnTo>
                                <a:pt x="2615730" y="1428749"/>
                              </a:lnTo>
                              <a:lnTo>
                                <a:pt x="2619621" y="1426155"/>
                              </a:lnTo>
                              <a:lnTo>
                                <a:pt x="2621445" y="1410652"/>
                              </a:lnTo>
                              <a:lnTo>
                                <a:pt x="2622397" y="1394460"/>
                              </a:lnTo>
                              <a:cubicBezTo>
                                <a:pt x="2623350" y="1383982"/>
                                <a:pt x="2624302" y="1373505"/>
                                <a:pt x="2625255" y="1363027"/>
                              </a:cubicBezTo>
                              <a:cubicBezTo>
                                <a:pt x="2627160" y="1357312"/>
                                <a:pt x="2629065" y="1350645"/>
                                <a:pt x="2630970" y="1343977"/>
                              </a:cubicBezTo>
                              <a:cubicBezTo>
                                <a:pt x="2632875" y="1337310"/>
                                <a:pt x="2634780" y="1330642"/>
                                <a:pt x="2635732" y="1323975"/>
                              </a:cubicBezTo>
                              <a:cubicBezTo>
                                <a:pt x="2638590" y="1325880"/>
                                <a:pt x="2640495" y="1327785"/>
                                <a:pt x="2643352" y="1329690"/>
                              </a:cubicBezTo>
                              <a:cubicBezTo>
                                <a:pt x="2643352" y="1334452"/>
                                <a:pt x="2643352" y="1339215"/>
                                <a:pt x="2642400" y="1343977"/>
                              </a:cubicBezTo>
                              <a:cubicBezTo>
                                <a:pt x="2641447" y="1348740"/>
                                <a:pt x="2641447" y="1353502"/>
                                <a:pt x="2640495" y="1358265"/>
                              </a:cubicBezTo>
                              <a:cubicBezTo>
                                <a:pt x="2639542" y="1367790"/>
                                <a:pt x="2638590" y="1376362"/>
                                <a:pt x="2639542" y="1384935"/>
                              </a:cubicBezTo>
                              <a:cubicBezTo>
                                <a:pt x="2638590" y="1394460"/>
                                <a:pt x="2638590" y="1404937"/>
                                <a:pt x="2637637" y="1416367"/>
                              </a:cubicBezTo>
                              <a:cubicBezTo>
                                <a:pt x="2635732" y="1426845"/>
                                <a:pt x="2634780" y="1438275"/>
                                <a:pt x="2632875" y="1449705"/>
                              </a:cubicBezTo>
                              <a:cubicBezTo>
                                <a:pt x="2630970" y="1461135"/>
                                <a:pt x="2630017" y="1472565"/>
                                <a:pt x="2627160" y="1484947"/>
                              </a:cubicBezTo>
                              <a:cubicBezTo>
                                <a:pt x="2625255" y="1496377"/>
                                <a:pt x="2622397" y="1507807"/>
                                <a:pt x="2620492" y="1519237"/>
                              </a:cubicBezTo>
                              <a:cubicBezTo>
                                <a:pt x="2613825" y="1544955"/>
                                <a:pt x="2615730" y="1553527"/>
                                <a:pt x="2608110" y="1591627"/>
                              </a:cubicBezTo>
                              <a:cubicBezTo>
                                <a:pt x="2604300" y="1593532"/>
                                <a:pt x="2600490" y="1595437"/>
                                <a:pt x="2596680" y="1598295"/>
                              </a:cubicBezTo>
                              <a:cubicBezTo>
                                <a:pt x="2592870" y="1611630"/>
                                <a:pt x="2587155" y="1626870"/>
                                <a:pt x="2582392" y="1640205"/>
                              </a:cubicBezTo>
                              <a:cubicBezTo>
                                <a:pt x="2575725" y="1662112"/>
                                <a:pt x="2580487" y="1664970"/>
                                <a:pt x="2578582" y="1680210"/>
                              </a:cubicBezTo>
                              <a:cubicBezTo>
                                <a:pt x="2577630" y="1682115"/>
                                <a:pt x="2576677" y="1684972"/>
                                <a:pt x="2576677" y="1685925"/>
                              </a:cubicBezTo>
                              <a:cubicBezTo>
                                <a:pt x="2570962" y="1701165"/>
                                <a:pt x="2565247" y="1716405"/>
                                <a:pt x="2560485" y="1729740"/>
                              </a:cubicBezTo>
                              <a:cubicBezTo>
                                <a:pt x="2558580" y="1731645"/>
                                <a:pt x="2557627" y="1732597"/>
                                <a:pt x="2555722" y="1733550"/>
                              </a:cubicBezTo>
                              <a:cubicBezTo>
                                <a:pt x="2549055" y="1748790"/>
                                <a:pt x="2542387" y="1764982"/>
                                <a:pt x="2535720" y="1780222"/>
                              </a:cubicBezTo>
                              <a:cubicBezTo>
                                <a:pt x="2543340" y="1764982"/>
                                <a:pt x="2550007" y="1748790"/>
                                <a:pt x="2556675" y="1733550"/>
                              </a:cubicBezTo>
                              <a:cubicBezTo>
                                <a:pt x="2558580" y="1731645"/>
                                <a:pt x="2559532" y="1731645"/>
                                <a:pt x="2561437" y="1729740"/>
                              </a:cubicBezTo>
                              <a:cubicBezTo>
                                <a:pt x="2553817" y="1770697"/>
                                <a:pt x="2541435" y="1796415"/>
                                <a:pt x="2530957" y="1816417"/>
                              </a:cubicBezTo>
                              <a:lnTo>
                                <a:pt x="2514765" y="1824990"/>
                              </a:lnTo>
                              <a:lnTo>
                                <a:pt x="2511407" y="1831707"/>
                              </a:lnTo>
                              <a:lnTo>
                                <a:pt x="2511908" y="1832609"/>
                              </a:lnTo>
                              <a:cubicBezTo>
                                <a:pt x="2512860" y="1830704"/>
                                <a:pt x="2513813" y="1827847"/>
                                <a:pt x="2515718" y="1824989"/>
                              </a:cubicBezTo>
                              <a:cubicBezTo>
                                <a:pt x="2520480" y="1823084"/>
                                <a:pt x="2526195" y="1820227"/>
                                <a:pt x="2531910" y="1816417"/>
                              </a:cubicBezTo>
                              <a:cubicBezTo>
                                <a:pt x="2532863" y="1826894"/>
                                <a:pt x="2525243" y="1840229"/>
                                <a:pt x="2520480" y="1848802"/>
                              </a:cubicBezTo>
                              <a:cubicBezTo>
                                <a:pt x="2513813" y="1862137"/>
                                <a:pt x="2506193" y="1874519"/>
                                <a:pt x="2499525" y="1886902"/>
                              </a:cubicBezTo>
                              <a:cubicBezTo>
                                <a:pt x="2495715" y="1893569"/>
                                <a:pt x="2492858" y="1899284"/>
                                <a:pt x="2489048" y="1905952"/>
                              </a:cubicBezTo>
                              <a:cubicBezTo>
                                <a:pt x="2485238" y="1912619"/>
                                <a:pt x="2481428" y="1918334"/>
                                <a:pt x="2477618" y="1925002"/>
                              </a:cubicBezTo>
                              <a:cubicBezTo>
                                <a:pt x="2474760" y="1928812"/>
                                <a:pt x="2472855" y="1933574"/>
                                <a:pt x="2469045" y="1939289"/>
                              </a:cubicBezTo>
                              <a:cubicBezTo>
                                <a:pt x="2465235" y="1948814"/>
                                <a:pt x="2461425" y="1957387"/>
                                <a:pt x="2456663" y="1966912"/>
                              </a:cubicBezTo>
                              <a:lnTo>
                                <a:pt x="2443328" y="1993582"/>
                              </a:lnTo>
                              <a:cubicBezTo>
                                <a:pt x="2436660" y="2003107"/>
                                <a:pt x="2429993" y="2013584"/>
                                <a:pt x="2422373" y="2022157"/>
                              </a:cubicBezTo>
                              <a:cubicBezTo>
                                <a:pt x="2415705" y="2030729"/>
                                <a:pt x="2408085" y="2040254"/>
                                <a:pt x="2401418" y="2048827"/>
                              </a:cubicBezTo>
                              <a:lnTo>
                                <a:pt x="2402291" y="2047029"/>
                              </a:lnTo>
                              <a:lnTo>
                                <a:pt x="2378557" y="2079307"/>
                              </a:lnTo>
                              <a:cubicBezTo>
                                <a:pt x="2372842" y="2073592"/>
                                <a:pt x="2341410" y="2118360"/>
                                <a:pt x="2327122" y="2135505"/>
                              </a:cubicBezTo>
                              <a:lnTo>
                                <a:pt x="2316995" y="2151085"/>
                              </a:lnTo>
                              <a:lnTo>
                                <a:pt x="2327122" y="2136457"/>
                              </a:lnTo>
                              <a:cubicBezTo>
                                <a:pt x="2341410" y="2120264"/>
                                <a:pt x="2372842" y="2075497"/>
                                <a:pt x="2378557" y="2080259"/>
                              </a:cubicBezTo>
                              <a:cubicBezTo>
                                <a:pt x="2375700" y="2100262"/>
                                <a:pt x="2348077" y="2125979"/>
                                <a:pt x="2339505" y="2139314"/>
                              </a:cubicBezTo>
                              <a:cubicBezTo>
                                <a:pt x="2331885" y="2148363"/>
                                <a:pt x="2325455" y="2155031"/>
                                <a:pt x="2319383" y="2160388"/>
                              </a:cubicBezTo>
                              <a:lnTo>
                                <a:pt x="2303229" y="2172263"/>
                              </a:lnTo>
                              <a:lnTo>
                                <a:pt x="2302357" y="2173605"/>
                              </a:lnTo>
                              <a:lnTo>
                                <a:pt x="2292258" y="2181374"/>
                              </a:lnTo>
                              <a:lnTo>
                                <a:pt x="2291880" y="2184082"/>
                              </a:lnTo>
                              <a:cubicBezTo>
                                <a:pt x="2277592" y="2199322"/>
                                <a:pt x="2263305" y="2215515"/>
                                <a:pt x="2247112" y="2229802"/>
                              </a:cubicBezTo>
                              <a:cubicBezTo>
                                <a:pt x="2231872" y="2245042"/>
                                <a:pt x="2216632" y="2260282"/>
                                <a:pt x="2199487" y="2273617"/>
                              </a:cubicBezTo>
                              <a:lnTo>
                                <a:pt x="2197284" y="2275215"/>
                              </a:lnTo>
                              <a:lnTo>
                                <a:pt x="2181390" y="2295524"/>
                              </a:lnTo>
                              <a:cubicBezTo>
                                <a:pt x="2169960" y="2306002"/>
                                <a:pt x="2156625" y="2314574"/>
                                <a:pt x="2143290" y="2324099"/>
                              </a:cubicBezTo>
                              <a:lnTo>
                                <a:pt x="2107680" y="2350806"/>
                              </a:lnTo>
                              <a:lnTo>
                                <a:pt x="2107553" y="2350961"/>
                              </a:lnTo>
                              <a:lnTo>
                                <a:pt x="2143290" y="2325052"/>
                              </a:lnTo>
                              <a:cubicBezTo>
                                <a:pt x="2155672" y="2315527"/>
                                <a:pt x="2169007" y="2306002"/>
                                <a:pt x="2181390" y="2296477"/>
                              </a:cubicBezTo>
                              <a:cubicBezTo>
                                <a:pt x="2173770" y="2309812"/>
                                <a:pt x="2163292" y="2318384"/>
                                <a:pt x="2149957" y="2327909"/>
                              </a:cubicBezTo>
                              <a:cubicBezTo>
                                <a:pt x="2139004" y="2337911"/>
                                <a:pt x="2131146" y="2341959"/>
                                <a:pt x="2124359" y="2344578"/>
                              </a:cubicBezTo>
                              <a:lnTo>
                                <a:pt x="2106651" y="2352057"/>
                              </a:lnTo>
                              <a:lnTo>
                                <a:pt x="2106142" y="2352675"/>
                              </a:lnTo>
                              <a:cubicBezTo>
                                <a:pt x="2099475" y="2357437"/>
                                <a:pt x="2093760" y="2361247"/>
                                <a:pt x="2087092" y="2365057"/>
                              </a:cubicBezTo>
                              <a:lnTo>
                                <a:pt x="2079913" y="2368384"/>
                              </a:lnTo>
                              <a:lnTo>
                                <a:pt x="2061852" y="2383036"/>
                              </a:lnTo>
                              <a:cubicBezTo>
                                <a:pt x="2055184" y="2388156"/>
                                <a:pt x="2049469" y="2392204"/>
                                <a:pt x="2044230" y="2395537"/>
                              </a:cubicBezTo>
                              <a:cubicBezTo>
                                <a:pt x="2034705" y="2403157"/>
                                <a:pt x="2027085" y="2407920"/>
                                <a:pt x="2017560" y="2412682"/>
                              </a:cubicBezTo>
                              <a:cubicBezTo>
                                <a:pt x="2019465" y="2409825"/>
                                <a:pt x="2014703" y="2411730"/>
                                <a:pt x="2008988" y="2413635"/>
                              </a:cubicBezTo>
                              <a:lnTo>
                                <a:pt x="1999459" y="2417870"/>
                              </a:lnTo>
                              <a:lnTo>
                                <a:pt x="1997978" y="2418994"/>
                              </a:lnTo>
                              <a:lnTo>
                                <a:pt x="2009940" y="2414587"/>
                              </a:lnTo>
                              <a:cubicBezTo>
                                <a:pt x="2015655" y="2412682"/>
                                <a:pt x="2019465" y="2410777"/>
                                <a:pt x="2018513" y="2413635"/>
                              </a:cubicBezTo>
                              <a:cubicBezTo>
                                <a:pt x="2011845" y="2423160"/>
                                <a:pt x="1998510" y="2431732"/>
                                <a:pt x="1984223" y="2439352"/>
                              </a:cubicBezTo>
                              <a:cubicBezTo>
                                <a:pt x="1976603" y="2443162"/>
                                <a:pt x="1969935" y="2446972"/>
                                <a:pt x="1962315" y="2450783"/>
                              </a:cubicBezTo>
                              <a:cubicBezTo>
                                <a:pt x="1954695" y="2454592"/>
                                <a:pt x="1947075" y="2457450"/>
                                <a:pt x="1940408" y="2461260"/>
                              </a:cubicBezTo>
                              <a:lnTo>
                                <a:pt x="1924934" y="2463581"/>
                              </a:lnTo>
                              <a:lnTo>
                                <a:pt x="1922310" y="2465070"/>
                              </a:lnTo>
                              <a:cubicBezTo>
                                <a:pt x="1898497" y="2476500"/>
                                <a:pt x="1874685" y="2486025"/>
                                <a:pt x="1849920" y="2496502"/>
                              </a:cubicBezTo>
                              <a:lnTo>
                                <a:pt x="1846229" y="2497341"/>
                              </a:lnTo>
                              <a:lnTo>
                                <a:pt x="1824203" y="2511742"/>
                              </a:lnTo>
                              <a:cubicBezTo>
                                <a:pt x="1829918" y="2512695"/>
                                <a:pt x="1832775" y="2513647"/>
                                <a:pt x="1836585" y="2515552"/>
                              </a:cubicBezTo>
                              <a:cubicBezTo>
                                <a:pt x="1819440" y="2530792"/>
                                <a:pt x="1796580" y="2533650"/>
                                <a:pt x="1790865" y="2535555"/>
                              </a:cubicBezTo>
                              <a:cubicBezTo>
                                <a:pt x="1791818" y="2531745"/>
                                <a:pt x="1793723" y="2526982"/>
                                <a:pt x="1794675" y="2522220"/>
                              </a:cubicBezTo>
                              <a:cubicBezTo>
                                <a:pt x="1789913" y="2524125"/>
                                <a:pt x="1785150" y="2526030"/>
                                <a:pt x="1779435" y="2527935"/>
                              </a:cubicBezTo>
                              <a:cubicBezTo>
                                <a:pt x="1774673" y="2529840"/>
                                <a:pt x="1769910" y="2530792"/>
                                <a:pt x="1765148" y="2532697"/>
                              </a:cubicBezTo>
                              <a:cubicBezTo>
                                <a:pt x="1755623" y="2535555"/>
                                <a:pt x="1745145" y="2538412"/>
                                <a:pt x="1735620" y="2542222"/>
                              </a:cubicBezTo>
                              <a:lnTo>
                                <a:pt x="1731675" y="2537487"/>
                              </a:lnTo>
                              <a:lnTo>
                                <a:pt x="1717522" y="2540317"/>
                              </a:lnTo>
                              <a:cubicBezTo>
                                <a:pt x="1711807" y="2541270"/>
                                <a:pt x="1706092" y="2543175"/>
                                <a:pt x="1700377" y="2544127"/>
                              </a:cubicBezTo>
                              <a:cubicBezTo>
                                <a:pt x="1688947" y="2546985"/>
                                <a:pt x="1676565" y="2550795"/>
                                <a:pt x="1665135" y="2552700"/>
                              </a:cubicBezTo>
                              <a:lnTo>
                                <a:pt x="1663973" y="2553240"/>
                              </a:lnTo>
                              <a:lnTo>
                                <a:pt x="1697520" y="2545079"/>
                              </a:lnTo>
                              <a:cubicBezTo>
                                <a:pt x="1703235" y="2543174"/>
                                <a:pt x="1708950" y="2542222"/>
                                <a:pt x="1714665" y="2541269"/>
                              </a:cubicBezTo>
                              <a:cubicBezTo>
                                <a:pt x="1720380" y="2540317"/>
                                <a:pt x="1725142" y="2538412"/>
                                <a:pt x="1728952" y="2538412"/>
                              </a:cubicBezTo>
                              <a:cubicBezTo>
                                <a:pt x="1729905" y="2540317"/>
                                <a:pt x="1731810" y="2542222"/>
                                <a:pt x="1734667" y="2543174"/>
                              </a:cubicBezTo>
                              <a:cubicBezTo>
                                <a:pt x="1745145" y="2540317"/>
                                <a:pt x="1754670" y="2537459"/>
                                <a:pt x="1764195" y="2533649"/>
                              </a:cubicBezTo>
                              <a:cubicBezTo>
                                <a:pt x="1768957" y="2531744"/>
                                <a:pt x="1773720" y="2530792"/>
                                <a:pt x="1778482" y="2528887"/>
                              </a:cubicBezTo>
                              <a:cubicBezTo>
                                <a:pt x="1783245" y="2526982"/>
                                <a:pt x="1788007" y="2525077"/>
                                <a:pt x="1793722" y="2523172"/>
                              </a:cubicBezTo>
                              <a:cubicBezTo>
                                <a:pt x="1792770" y="2526982"/>
                                <a:pt x="1790865" y="2531744"/>
                                <a:pt x="1789912" y="2536507"/>
                              </a:cubicBezTo>
                              <a:cubicBezTo>
                                <a:pt x="1776577" y="2543174"/>
                                <a:pt x="1763242" y="2548889"/>
                                <a:pt x="1749907" y="2555557"/>
                              </a:cubicBezTo>
                              <a:lnTo>
                                <a:pt x="1747946" y="2555008"/>
                              </a:lnTo>
                              <a:lnTo>
                                <a:pt x="1720380" y="2566034"/>
                              </a:lnTo>
                              <a:cubicBezTo>
                                <a:pt x="1711808" y="2568892"/>
                                <a:pt x="1704188" y="2570797"/>
                                <a:pt x="1697520" y="2572702"/>
                              </a:cubicBezTo>
                              <a:cubicBezTo>
                                <a:pt x="1683233" y="2576512"/>
                                <a:pt x="1672755" y="2578417"/>
                                <a:pt x="1663230" y="2581274"/>
                              </a:cubicBezTo>
                              <a:cubicBezTo>
                                <a:pt x="1663707" y="2578893"/>
                                <a:pt x="1657754" y="2578893"/>
                                <a:pt x="1649062" y="2580084"/>
                              </a:cubicBezTo>
                              <a:lnTo>
                                <a:pt x="1619428" y="2585850"/>
                              </a:lnTo>
                              <a:lnTo>
                                <a:pt x="1618462" y="2587942"/>
                              </a:lnTo>
                              <a:cubicBezTo>
                                <a:pt x="1593697" y="2593657"/>
                                <a:pt x="1566075" y="2598419"/>
                                <a:pt x="1539405" y="2603182"/>
                              </a:cubicBezTo>
                              <a:cubicBezTo>
                                <a:pt x="1530832" y="2602229"/>
                                <a:pt x="1531785" y="2600324"/>
                                <a:pt x="1521307" y="2598419"/>
                              </a:cubicBezTo>
                              <a:cubicBezTo>
                                <a:pt x="1516545" y="2598419"/>
                                <a:pt x="1511782" y="2598419"/>
                                <a:pt x="1506067" y="2598419"/>
                              </a:cubicBezTo>
                              <a:cubicBezTo>
                                <a:pt x="1498447" y="2601277"/>
                                <a:pt x="1488922" y="2604134"/>
                                <a:pt x="1479397" y="2606992"/>
                              </a:cubicBezTo>
                              <a:cubicBezTo>
                                <a:pt x="1470825" y="2607944"/>
                                <a:pt x="1463205" y="2608897"/>
                                <a:pt x="1455585" y="2608897"/>
                              </a:cubicBezTo>
                              <a:cubicBezTo>
                                <a:pt x="1447965" y="2608897"/>
                                <a:pt x="1440345" y="2609849"/>
                                <a:pt x="1431772" y="2609849"/>
                              </a:cubicBezTo>
                              <a:lnTo>
                                <a:pt x="1429185" y="2608741"/>
                              </a:lnTo>
                              <a:lnTo>
                                <a:pt x="1407484" y="2612588"/>
                              </a:lnTo>
                              <a:cubicBezTo>
                                <a:pt x="1399626" y="2612707"/>
                                <a:pt x="1391768" y="2611278"/>
                                <a:pt x="1381290" y="2607944"/>
                              </a:cubicBezTo>
                              <a:cubicBezTo>
                                <a:pt x="1381290" y="2607944"/>
                                <a:pt x="1382243" y="2606992"/>
                                <a:pt x="1382243" y="2606992"/>
                              </a:cubicBezTo>
                              <a:cubicBezTo>
                                <a:pt x="1384148" y="2605087"/>
                                <a:pt x="1385100" y="2603182"/>
                                <a:pt x="1387005" y="2600324"/>
                              </a:cubicBezTo>
                              <a:cubicBezTo>
                                <a:pt x="1379385" y="2599372"/>
                                <a:pt x="1371765" y="2598419"/>
                                <a:pt x="1365098" y="2597467"/>
                              </a:cubicBezTo>
                              <a:cubicBezTo>
                                <a:pt x="1367955" y="2595562"/>
                                <a:pt x="1372718" y="2593657"/>
                                <a:pt x="1375575" y="2591752"/>
                              </a:cubicBezTo>
                              <a:cubicBezTo>
                                <a:pt x="1386053" y="2591752"/>
                                <a:pt x="1396530" y="2591752"/>
                                <a:pt x="1407008" y="2590799"/>
                              </a:cubicBezTo>
                              <a:cubicBezTo>
                                <a:pt x="1417485" y="2589847"/>
                                <a:pt x="1427010" y="2589847"/>
                                <a:pt x="1437488" y="2589847"/>
                              </a:cubicBezTo>
                              <a:lnTo>
                                <a:pt x="1481302" y="2590799"/>
                              </a:lnTo>
                              <a:lnTo>
                                <a:pt x="1511782" y="2587942"/>
                              </a:lnTo>
                              <a:cubicBezTo>
                                <a:pt x="1531785" y="2584132"/>
                                <a:pt x="1550835" y="2579369"/>
                                <a:pt x="1568932" y="2575559"/>
                              </a:cubicBezTo>
                              <a:cubicBezTo>
                                <a:pt x="1585125" y="2570797"/>
                                <a:pt x="1596555" y="2568892"/>
                                <a:pt x="1607032" y="2566987"/>
                              </a:cubicBezTo>
                              <a:cubicBezTo>
                                <a:pt x="1617510" y="2566034"/>
                                <a:pt x="1627035" y="2566034"/>
                                <a:pt x="1635607" y="2566034"/>
                              </a:cubicBezTo>
                              <a:lnTo>
                                <a:pt x="1637595" y="2565111"/>
                              </a:lnTo>
                              <a:lnTo>
                                <a:pt x="1609890" y="2566035"/>
                              </a:lnTo>
                              <a:cubicBezTo>
                                <a:pt x="1599412" y="2566987"/>
                                <a:pt x="1587030" y="2569845"/>
                                <a:pt x="1571790" y="2574607"/>
                              </a:cubicBezTo>
                              <a:cubicBezTo>
                                <a:pt x="1553692" y="2578417"/>
                                <a:pt x="1534642" y="2583180"/>
                                <a:pt x="1514640" y="2586990"/>
                              </a:cubicBezTo>
                              <a:cubicBezTo>
                                <a:pt x="1505115" y="2587942"/>
                                <a:pt x="1495590" y="2588895"/>
                                <a:pt x="1484160" y="2589847"/>
                              </a:cubicBezTo>
                              <a:cubicBezTo>
                                <a:pt x="1470825" y="2589847"/>
                                <a:pt x="1455585" y="2589847"/>
                                <a:pt x="1440345" y="2588895"/>
                              </a:cubicBezTo>
                              <a:cubicBezTo>
                                <a:pt x="1430820" y="2588895"/>
                                <a:pt x="1420342" y="2589847"/>
                                <a:pt x="1409865" y="2589847"/>
                              </a:cubicBezTo>
                              <a:cubicBezTo>
                                <a:pt x="1399387" y="2590800"/>
                                <a:pt x="1388910" y="2590800"/>
                                <a:pt x="1378432" y="2590800"/>
                              </a:cubicBezTo>
                              <a:cubicBezTo>
                                <a:pt x="1377480" y="2588895"/>
                                <a:pt x="1378432" y="2587942"/>
                                <a:pt x="1379385" y="2586990"/>
                              </a:cubicBezTo>
                              <a:cubicBezTo>
                                <a:pt x="1381290" y="2584132"/>
                                <a:pt x="1384147" y="2581275"/>
                                <a:pt x="1386052" y="2577465"/>
                              </a:cubicBezTo>
                              <a:cubicBezTo>
                                <a:pt x="1479397" y="2573655"/>
                                <a:pt x="1585125" y="2555557"/>
                                <a:pt x="1679422" y="2528887"/>
                              </a:cubicBezTo>
                              <a:cubicBezTo>
                                <a:pt x="1748955" y="2508885"/>
                                <a:pt x="1814677" y="2485072"/>
                                <a:pt x="1878495" y="2453640"/>
                              </a:cubicBezTo>
                              <a:cubicBezTo>
                                <a:pt x="1893735" y="2445067"/>
                                <a:pt x="1911832" y="2435542"/>
                                <a:pt x="1930882" y="2426017"/>
                              </a:cubicBezTo>
                              <a:cubicBezTo>
                                <a:pt x="1940407" y="2421255"/>
                                <a:pt x="1950885" y="2416492"/>
                                <a:pt x="1960410" y="2410777"/>
                              </a:cubicBezTo>
                              <a:cubicBezTo>
                                <a:pt x="1969935" y="2405062"/>
                                <a:pt x="1980412" y="2400300"/>
                                <a:pt x="1990890" y="2394585"/>
                              </a:cubicBezTo>
                              <a:cubicBezTo>
                                <a:pt x="2010892" y="2383155"/>
                                <a:pt x="2029942" y="2371725"/>
                                <a:pt x="2048040" y="2360295"/>
                              </a:cubicBezTo>
                              <a:cubicBezTo>
                                <a:pt x="2066137" y="2347912"/>
                                <a:pt x="2081377" y="2336482"/>
                                <a:pt x="2093760" y="2325052"/>
                              </a:cubicBezTo>
                              <a:cubicBezTo>
                                <a:pt x="2122335" y="2304097"/>
                                <a:pt x="2150910" y="2283142"/>
                                <a:pt x="2179485" y="2258377"/>
                              </a:cubicBezTo>
                              <a:cubicBezTo>
                                <a:pt x="2187105" y="2251710"/>
                                <a:pt x="2195677" y="2245995"/>
                                <a:pt x="2203297" y="2239327"/>
                              </a:cubicBezTo>
                              <a:cubicBezTo>
                                <a:pt x="2210917" y="2232660"/>
                                <a:pt x="2218537" y="2225992"/>
                                <a:pt x="2226157" y="2219325"/>
                              </a:cubicBezTo>
                              <a:cubicBezTo>
                                <a:pt x="2238540" y="2208847"/>
                                <a:pt x="2249017" y="2199322"/>
                                <a:pt x="2260447" y="2187892"/>
                              </a:cubicBezTo>
                              <a:cubicBezTo>
                                <a:pt x="2265210" y="2179320"/>
                                <a:pt x="2270925" y="2171700"/>
                                <a:pt x="2274735" y="2164080"/>
                              </a:cubicBezTo>
                              <a:lnTo>
                                <a:pt x="2295258" y="2145267"/>
                              </a:lnTo>
                              <a:lnTo>
                                <a:pt x="2295423" y="2144085"/>
                              </a:lnTo>
                              <a:lnTo>
                                <a:pt x="2275688" y="2162175"/>
                              </a:lnTo>
                              <a:cubicBezTo>
                                <a:pt x="2271878" y="2169795"/>
                                <a:pt x="2266163" y="2177415"/>
                                <a:pt x="2261400" y="2185987"/>
                              </a:cubicBezTo>
                              <a:cubicBezTo>
                                <a:pt x="2249970" y="2197417"/>
                                <a:pt x="2239493" y="2206942"/>
                                <a:pt x="2227110" y="2217420"/>
                              </a:cubicBezTo>
                              <a:cubicBezTo>
                                <a:pt x="2219490" y="2224087"/>
                                <a:pt x="2211870" y="2230755"/>
                                <a:pt x="2204250" y="2237422"/>
                              </a:cubicBezTo>
                              <a:cubicBezTo>
                                <a:pt x="2196630" y="2244090"/>
                                <a:pt x="2189010" y="2249805"/>
                                <a:pt x="2180438" y="2256472"/>
                              </a:cubicBezTo>
                              <a:cubicBezTo>
                                <a:pt x="2151863" y="2280285"/>
                                <a:pt x="2124240" y="2302192"/>
                                <a:pt x="2094713" y="2323147"/>
                              </a:cubicBezTo>
                              <a:cubicBezTo>
                                <a:pt x="2082330" y="2334577"/>
                                <a:pt x="2066138" y="2346960"/>
                                <a:pt x="2048993" y="2358390"/>
                              </a:cubicBezTo>
                              <a:cubicBezTo>
                                <a:pt x="2030895" y="2369820"/>
                                <a:pt x="2011845" y="2382202"/>
                                <a:pt x="1991843" y="2392680"/>
                              </a:cubicBezTo>
                              <a:cubicBezTo>
                                <a:pt x="1981365" y="2398395"/>
                                <a:pt x="1971840" y="2403157"/>
                                <a:pt x="1961363" y="2408872"/>
                              </a:cubicBezTo>
                              <a:cubicBezTo>
                                <a:pt x="1951838" y="2414587"/>
                                <a:pt x="1941360" y="2419350"/>
                                <a:pt x="1931835" y="2424112"/>
                              </a:cubicBezTo>
                              <a:cubicBezTo>
                                <a:pt x="1912785" y="2433637"/>
                                <a:pt x="1894688" y="2443162"/>
                                <a:pt x="1879448" y="2451735"/>
                              </a:cubicBezTo>
                              <a:cubicBezTo>
                                <a:pt x="1815630" y="2482215"/>
                                <a:pt x="1749908" y="2506027"/>
                                <a:pt x="1680375" y="2526982"/>
                              </a:cubicBezTo>
                              <a:cubicBezTo>
                                <a:pt x="1586078" y="2553652"/>
                                <a:pt x="1480350" y="2571750"/>
                                <a:pt x="1387005" y="2575560"/>
                              </a:cubicBezTo>
                              <a:cubicBezTo>
                                <a:pt x="1379385" y="2575560"/>
                                <a:pt x="1370813" y="2575560"/>
                                <a:pt x="1365098" y="2575560"/>
                              </a:cubicBezTo>
                              <a:cubicBezTo>
                                <a:pt x="1364145" y="2572702"/>
                                <a:pt x="1362240" y="2570797"/>
                                <a:pt x="1362240" y="2567940"/>
                              </a:cubicBezTo>
                              <a:cubicBezTo>
                                <a:pt x="1358430" y="2566035"/>
                                <a:pt x="1348905" y="2566987"/>
                                <a:pt x="1339380" y="2566987"/>
                              </a:cubicBezTo>
                              <a:cubicBezTo>
                                <a:pt x="1330808" y="2569845"/>
                                <a:pt x="1319378" y="2572702"/>
                                <a:pt x="1318425" y="2575560"/>
                              </a:cubicBezTo>
                              <a:cubicBezTo>
                                <a:pt x="1294613" y="2576512"/>
                                <a:pt x="1275563" y="2576512"/>
                                <a:pt x="1257465" y="2576512"/>
                              </a:cubicBezTo>
                              <a:cubicBezTo>
                                <a:pt x="1240320" y="2575560"/>
                                <a:pt x="1226033" y="2574607"/>
                                <a:pt x="1212698" y="2574607"/>
                              </a:cubicBezTo>
                              <a:cubicBezTo>
                                <a:pt x="1205078" y="2573655"/>
                                <a:pt x="1198410" y="2572702"/>
                                <a:pt x="1190790" y="2572702"/>
                              </a:cubicBezTo>
                              <a:cubicBezTo>
                                <a:pt x="1183170" y="2571750"/>
                                <a:pt x="1175550" y="2570797"/>
                                <a:pt x="1168883" y="2568892"/>
                              </a:cubicBezTo>
                              <a:lnTo>
                                <a:pt x="1182079" y="2554816"/>
                              </a:lnTo>
                              <a:lnTo>
                                <a:pt x="1179360" y="2555557"/>
                              </a:lnTo>
                              <a:lnTo>
                                <a:pt x="1130192" y="2546452"/>
                              </a:lnTo>
                              <a:lnTo>
                                <a:pt x="1127925" y="2546985"/>
                              </a:lnTo>
                              <a:cubicBezTo>
                                <a:pt x="1090778" y="2541270"/>
                                <a:pt x="1060298" y="2535555"/>
                                <a:pt x="1033628" y="2529840"/>
                              </a:cubicBezTo>
                              <a:cubicBezTo>
                                <a:pt x="1020293" y="2526982"/>
                                <a:pt x="1007910" y="2524125"/>
                                <a:pt x="996480" y="2522220"/>
                              </a:cubicBezTo>
                              <a:cubicBezTo>
                                <a:pt x="985050" y="2519362"/>
                                <a:pt x="974573" y="2517457"/>
                                <a:pt x="964095" y="2516505"/>
                              </a:cubicBezTo>
                              <a:cubicBezTo>
                                <a:pt x="951713" y="2510790"/>
                                <a:pt x="938378" y="2505075"/>
                                <a:pt x="925043" y="2498407"/>
                              </a:cubicBezTo>
                              <a:cubicBezTo>
                                <a:pt x="911708" y="2493645"/>
                                <a:pt x="897420" y="2487930"/>
                                <a:pt x="876465" y="2480310"/>
                              </a:cubicBezTo>
                              <a:cubicBezTo>
                                <a:pt x="859320" y="2473642"/>
                                <a:pt x="842175" y="2466975"/>
                                <a:pt x="825983" y="2460307"/>
                              </a:cubicBezTo>
                              <a:cubicBezTo>
                                <a:pt x="830745" y="2455545"/>
                                <a:pt x="832650" y="2454592"/>
                                <a:pt x="834555" y="2453640"/>
                              </a:cubicBezTo>
                              <a:cubicBezTo>
                                <a:pt x="846938" y="2456497"/>
                                <a:pt x="858368" y="2458402"/>
                                <a:pt x="869798" y="2460307"/>
                              </a:cubicBezTo>
                              <a:cubicBezTo>
                                <a:pt x="875513" y="2465070"/>
                                <a:pt x="880275" y="2468880"/>
                                <a:pt x="885038" y="2473642"/>
                              </a:cubicBezTo>
                              <a:cubicBezTo>
                                <a:pt x="898373" y="2476500"/>
                                <a:pt x="912660" y="2482215"/>
                                <a:pt x="937425" y="2488882"/>
                              </a:cubicBezTo>
                              <a:cubicBezTo>
                                <a:pt x="975525" y="2503170"/>
                                <a:pt x="1006958" y="2509837"/>
                                <a:pt x="1041248" y="2515552"/>
                              </a:cubicBezTo>
                              <a:cubicBezTo>
                                <a:pt x="1049820" y="2517457"/>
                                <a:pt x="1058393" y="2518410"/>
                                <a:pt x="1066965" y="2520315"/>
                              </a:cubicBezTo>
                              <a:cubicBezTo>
                                <a:pt x="1075538" y="2521267"/>
                                <a:pt x="1085063" y="2523172"/>
                                <a:pt x="1094588" y="2525077"/>
                              </a:cubicBezTo>
                              <a:cubicBezTo>
                                <a:pt x="1104113" y="2526982"/>
                                <a:pt x="1114590" y="2528887"/>
                                <a:pt x="1125068" y="2531745"/>
                              </a:cubicBezTo>
                              <a:lnTo>
                                <a:pt x="1158657" y="2539008"/>
                              </a:lnTo>
                              <a:lnTo>
                                <a:pt x="1161262" y="2538412"/>
                              </a:lnTo>
                              <a:cubicBezTo>
                                <a:pt x="1171740" y="2540317"/>
                                <a:pt x="1181265" y="2541270"/>
                                <a:pt x="1192695" y="2543175"/>
                              </a:cubicBezTo>
                              <a:cubicBezTo>
                                <a:pt x="1193647" y="2542222"/>
                                <a:pt x="1193647" y="2542222"/>
                                <a:pt x="1193647" y="2541270"/>
                              </a:cubicBezTo>
                              <a:cubicBezTo>
                                <a:pt x="1208887" y="2542222"/>
                                <a:pt x="1225080" y="2542222"/>
                                <a:pt x="1239367" y="2543175"/>
                              </a:cubicBezTo>
                              <a:cubicBezTo>
                                <a:pt x="1242225" y="2543175"/>
                                <a:pt x="1246035" y="2544127"/>
                                <a:pt x="1246987" y="2544127"/>
                              </a:cubicBezTo>
                              <a:cubicBezTo>
                                <a:pt x="1271752" y="2545080"/>
                                <a:pt x="1294612" y="2544127"/>
                                <a:pt x="1317472" y="2544127"/>
                              </a:cubicBezTo>
                              <a:cubicBezTo>
                                <a:pt x="1335570" y="2545080"/>
                                <a:pt x="1352715" y="2545080"/>
                                <a:pt x="1368907" y="2546032"/>
                              </a:cubicBezTo>
                              <a:cubicBezTo>
                                <a:pt x="1389862" y="2545080"/>
                                <a:pt x="1410817" y="2542222"/>
                                <a:pt x="1429867" y="2541270"/>
                              </a:cubicBezTo>
                              <a:cubicBezTo>
                                <a:pt x="1432725" y="2541270"/>
                                <a:pt x="1436535" y="2541270"/>
                                <a:pt x="1437487" y="2541270"/>
                              </a:cubicBezTo>
                              <a:cubicBezTo>
                                <a:pt x="1438440" y="2544127"/>
                                <a:pt x="1440345" y="2546032"/>
                                <a:pt x="1440345" y="2548890"/>
                              </a:cubicBezTo>
                              <a:cubicBezTo>
                                <a:pt x="1468920" y="2546985"/>
                                <a:pt x="1486065" y="2544127"/>
                                <a:pt x="1500352" y="2541270"/>
                              </a:cubicBezTo>
                              <a:cubicBezTo>
                                <a:pt x="1514640" y="2539365"/>
                                <a:pt x="1525117" y="2536507"/>
                                <a:pt x="1540357" y="2531745"/>
                              </a:cubicBezTo>
                              <a:cubicBezTo>
                                <a:pt x="1547977" y="2530792"/>
                                <a:pt x="1555597" y="2529840"/>
                                <a:pt x="1563217" y="2527935"/>
                              </a:cubicBezTo>
                              <a:cubicBezTo>
                                <a:pt x="1567980" y="2526982"/>
                                <a:pt x="1572742" y="2526982"/>
                                <a:pt x="1577505" y="2526030"/>
                              </a:cubicBezTo>
                              <a:cubicBezTo>
                                <a:pt x="1588935" y="2523172"/>
                                <a:pt x="1598460" y="2521267"/>
                                <a:pt x="1608937" y="2518410"/>
                              </a:cubicBezTo>
                              <a:cubicBezTo>
                                <a:pt x="1617510" y="2516505"/>
                                <a:pt x="1626082" y="2514600"/>
                                <a:pt x="1634655" y="2512695"/>
                              </a:cubicBezTo>
                              <a:cubicBezTo>
                                <a:pt x="1643227" y="2510790"/>
                                <a:pt x="1651800" y="2507932"/>
                                <a:pt x="1660372" y="2506027"/>
                              </a:cubicBezTo>
                              <a:lnTo>
                                <a:pt x="1707545" y="2497863"/>
                              </a:lnTo>
                              <a:lnTo>
                                <a:pt x="1713713" y="2495550"/>
                              </a:lnTo>
                              <a:cubicBezTo>
                                <a:pt x="1697520" y="2498407"/>
                                <a:pt x="1680375" y="2501265"/>
                                <a:pt x="1664183" y="2504122"/>
                              </a:cubicBezTo>
                              <a:cubicBezTo>
                                <a:pt x="1655610" y="2506027"/>
                                <a:pt x="1647038" y="2508885"/>
                                <a:pt x="1638465" y="2510790"/>
                              </a:cubicBezTo>
                              <a:cubicBezTo>
                                <a:pt x="1629893" y="2512695"/>
                                <a:pt x="1621320" y="2514600"/>
                                <a:pt x="1612748" y="2516505"/>
                              </a:cubicBezTo>
                              <a:cubicBezTo>
                                <a:pt x="1601318" y="2519362"/>
                                <a:pt x="1592745" y="2521267"/>
                                <a:pt x="1581315" y="2524125"/>
                              </a:cubicBezTo>
                              <a:cubicBezTo>
                                <a:pt x="1576553" y="2525077"/>
                                <a:pt x="1571790" y="2525077"/>
                                <a:pt x="1567028" y="2526030"/>
                              </a:cubicBezTo>
                              <a:cubicBezTo>
                                <a:pt x="1559408" y="2526982"/>
                                <a:pt x="1551788" y="2527935"/>
                                <a:pt x="1544168" y="2529840"/>
                              </a:cubicBezTo>
                              <a:cubicBezTo>
                                <a:pt x="1517498" y="2532697"/>
                                <a:pt x="1498448" y="2533650"/>
                                <a:pt x="1482255" y="2535555"/>
                              </a:cubicBezTo>
                              <a:cubicBezTo>
                                <a:pt x="1467015" y="2537460"/>
                                <a:pt x="1454633" y="2539365"/>
                                <a:pt x="1440345" y="2539365"/>
                              </a:cubicBezTo>
                              <a:cubicBezTo>
                                <a:pt x="1438440" y="2539365"/>
                                <a:pt x="1435583" y="2539365"/>
                                <a:pt x="1432725" y="2539365"/>
                              </a:cubicBezTo>
                              <a:cubicBezTo>
                                <a:pt x="1413675" y="2541270"/>
                                <a:pt x="1392720" y="2544127"/>
                                <a:pt x="1371765" y="2544127"/>
                              </a:cubicBezTo>
                              <a:cubicBezTo>
                                <a:pt x="1355573" y="2543175"/>
                                <a:pt x="1338428" y="2543175"/>
                                <a:pt x="1320330" y="2542222"/>
                              </a:cubicBezTo>
                              <a:cubicBezTo>
                                <a:pt x="1297470" y="2542222"/>
                                <a:pt x="1274610" y="2543175"/>
                                <a:pt x="1249845" y="2542222"/>
                              </a:cubicBezTo>
                              <a:cubicBezTo>
                                <a:pt x="1247940" y="2542222"/>
                                <a:pt x="1245083" y="2541270"/>
                                <a:pt x="1242225" y="2541270"/>
                              </a:cubicBezTo>
                              <a:cubicBezTo>
                                <a:pt x="1231748" y="2537460"/>
                                <a:pt x="1224128" y="2533650"/>
                                <a:pt x="1212698" y="2528887"/>
                              </a:cubicBezTo>
                              <a:cubicBezTo>
                                <a:pt x="1207935" y="2532697"/>
                                <a:pt x="1201268" y="2535555"/>
                                <a:pt x="1196505" y="2539365"/>
                              </a:cubicBezTo>
                              <a:lnTo>
                                <a:pt x="1196464" y="2539447"/>
                              </a:lnTo>
                              <a:lnTo>
                                <a:pt x="1209840" y="2530792"/>
                              </a:lnTo>
                              <a:cubicBezTo>
                                <a:pt x="1221270" y="2535554"/>
                                <a:pt x="1229843" y="2539364"/>
                                <a:pt x="1239368" y="2543174"/>
                              </a:cubicBezTo>
                              <a:cubicBezTo>
                                <a:pt x="1224128" y="2543174"/>
                                <a:pt x="1207935" y="2542222"/>
                                <a:pt x="1193648" y="2541269"/>
                              </a:cubicBezTo>
                              <a:lnTo>
                                <a:pt x="1194008" y="2541036"/>
                              </a:lnTo>
                              <a:lnTo>
                                <a:pt x="1164120" y="2536507"/>
                              </a:lnTo>
                              <a:cubicBezTo>
                                <a:pt x="1151738" y="2533650"/>
                                <a:pt x="1140308" y="2531745"/>
                                <a:pt x="1128878" y="2528887"/>
                              </a:cubicBezTo>
                              <a:cubicBezTo>
                                <a:pt x="1118400" y="2526030"/>
                                <a:pt x="1107923" y="2524125"/>
                                <a:pt x="1098398" y="2522220"/>
                              </a:cubicBezTo>
                              <a:cubicBezTo>
                                <a:pt x="1088873" y="2520315"/>
                                <a:pt x="1079348" y="2519362"/>
                                <a:pt x="1070775" y="2517457"/>
                              </a:cubicBezTo>
                              <a:cubicBezTo>
                                <a:pt x="1062203" y="2515552"/>
                                <a:pt x="1053630" y="2514600"/>
                                <a:pt x="1045058" y="2512695"/>
                              </a:cubicBezTo>
                              <a:cubicBezTo>
                                <a:pt x="1010768" y="2506980"/>
                                <a:pt x="979335" y="2500312"/>
                                <a:pt x="941235" y="2486025"/>
                              </a:cubicBezTo>
                              <a:cubicBezTo>
                                <a:pt x="916470" y="2480310"/>
                                <a:pt x="902183" y="2474595"/>
                                <a:pt x="888848" y="2470785"/>
                              </a:cubicBezTo>
                              <a:cubicBezTo>
                                <a:pt x="883133" y="2466975"/>
                                <a:pt x="878370" y="2462212"/>
                                <a:pt x="873608" y="2457450"/>
                              </a:cubicBezTo>
                              <a:cubicBezTo>
                                <a:pt x="862178" y="2455545"/>
                                <a:pt x="850748" y="2453640"/>
                                <a:pt x="838365" y="2450782"/>
                              </a:cubicBezTo>
                              <a:cubicBezTo>
                                <a:pt x="820268" y="2442210"/>
                                <a:pt x="804075" y="2433637"/>
                                <a:pt x="785978" y="2424112"/>
                              </a:cubicBezTo>
                              <a:cubicBezTo>
                                <a:pt x="780263" y="2424112"/>
                                <a:pt x="776453" y="2425065"/>
                                <a:pt x="770738" y="2425065"/>
                              </a:cubicBezTo>
                              <a:cubicBezTo>
                                <a:pt x="751688" y="2415540"/>
                                <a:pt x="734543" y="2406967"/>
                                <a:pt x="716445" y="2397442"/>
                              </a:cubicBezTo>
                              <a:cubicBezTo>
                                <a:pt x="713588" y="2391727"/>
                                <a:pt x="709778" y="2386012"/>
                                <a:pt x="706920" y="2380297"/>
                              </a:cubicBezTo>
                              <a:cubicBezTo>
                                <a:pt x="706920" y="2380297"/>
                                <a:pt x="707873" y="2380297"/>
                                <a:pt x="708825" y="2379345"/>
                              </a:cubicBezTo>
                              <a:cubicBezTo>
                                <a:pt x="719303" y="2386012"/>
                                <a:pt x="730733" y="2391727"/>
                                <a:pt x="742163" y="2397442"/>
                              </a:cubicBezTo>
                              <a:cubicBezTo>
                                <a:pt x="753593" y="2403157"/>
                                <a:pt x="764070" y="2408872"/>
                                <a:pt x="775500" y="2415540"/>
                              </a:cubicBezTo>
                              <a:cubicBezTo>
                                <a:pt x="779310" y="2413635"/>
                                <a:pt x="782168" y="2411730"/>
                                <a:pt x="785025" y="2409825"/>
                              </a:cubicBezTo>
                              <a:cubicBezTo>
                                <a:pt x="766928" y="2401252"/>
                                <a:pt x="755498" y="2391727"/>
                                <a:pt x="745973" y="2384107"/>
                              </a:cubicBezTo>
                              <a:cubicBezTo>
                                <a:pt x="736448" y="2376487"/>
                                <a:pt x="726923" y="2371725"/>
                                <a:pt x="713588" y="2369820"/>
                              </a:cubicBezTo>
                              <a:cubicBezTo>
                                <a:pt x="686918" y="2350770"/>
                                <a:pt x="678345" y="2350770"/>
                                <a:pt x="668820" y="2344102"/>
                              </a:cubicBezTo>
                              <a:cubicBezTo>
                                <a:pt x="655485" y="2335530"/>
                                <a:pt x="643103" y="2327910"/>
                                <a:pt x="630720" y="2319337"/>
                              </a:cubicBezTo>
                              <a:cubicBezTo>
                                <a:pt x="600240" y="2302192"/>
                                <a:pt x="608813" y="2320290"/>
                                <a:pt x="570713" y="2293620"/>
                              </a:cubicBezTo>
                              <a:cubicBezTo>
                                <a:pt x="563093" y="2287905"/>
                                <a:pt x="556425" y="2282190"/>
                                <a:pt x="547853" y="2274570"/>
                              </a:cubicBezTo>
                              <a:cubicBezTo>
                                <a:pt x="549758" y="2274570"/>
                                <a:pt x="551663" y="2273617"/>
                                <a:pt x="552615" y="2272665"/>
                              </a:cubicBezTo>
                              <a:cubicBezTo>
                                <a:pt x="561188" y="2275522"/>
                                <a:pt x="567855" y="2277427"/>
                                <a:pt x="575475" y="2279332"/>
                              </a:cubicBezTo>
                              <a:cubicBezTo>
                                <a:pt x="559283" y="2261235"/>
                                <a:pt x="556425" y="2253615"/>
                                <a:pt x="527850" y="2229802"/>
                              </a:cubicBezTo>
                              <a:cubicBezTo>
                                <a:pt x="518325" y="2222182"/>
                                <a:pt x="509753" y="2214562"/>
                                <a:pt x="501180" y="2207895"/>
                              </a:cubicBezTo>
                              <a:cubicBezTo>
                                <a:pt x="492608" y="2200275"/>
                                <a:pt x="484035" y="2193607"/>
                                <a:pt x="476415" y="2185987"/>
                              </a:cubicBezTo>
                              <a:cubicBezTo>
                                <a:pt x="470700" y="2180272"/>
                                <a:pt x="455460" y="2174557"/>
                                <a:pt x="444983" y="2160270"/>
                              </a:cubicBezTo>
                              <a:cubicBezTo>
                                <a:pt x="428790" y="2143125"/>
                                <a:pt x="415455" y="2126932"/>
                                <a:pt x="399263" y="2109787"/>
                              </a:cubicBezTo>
                              <a:lnTo>
                                <a:pt x="396126" y="2099983"/>
                              </a:lnTo>
                              <a:lnTo>
                                <a:pt x="386880" y="2090737"/>
                              </a:lnTo>
                              <a:cubicBezTo>
                                <a:pt x="376403" y="2080260"/>
                                <a:pt x="365925" y="2068830"/>
                                <a:pt x="355448" y="2056447"/>
                              </a:cubicBezTo>
                              <a:cubicBezTo>
                                <a:pt x="353543" y="2049780"/>
                                <a:pt x="339255" y="2031682"/>
                                <a:pt x="351638" y="2039302"/>
                              </a:cubicBezTo>
                              <a:cubicBezTo>
                                <a:pt x="346875" y="2033587"/>
                                <a:pt x="343065" y="2026920"/>
                                <a:pt x="339255" y="2022157"/>
                              </a:cubicBezTo>
                              <a:lnTo>
                                <a:pt x="337780" y="2019844"/>
                              </a:lnTo>
                              <a:lnTo>
                                <a:pt x="323062" y="2009774"/>
                              </a:lnTo>
                              <a:cubicBezTo>
                                <a:pt x="311632" y="1996439"/>
                                <a:pt x="302107" y="1982152"/>
                                <a:pt x="294487" y="1968817"/>
                              </a:cubicBezTo>
                              <a:cubicBezTo>
                                <a:pt x="286867" y="1954529"/>
                                <a:pt x="281152" y="1941194"/>
                                <a:pt x="278295" y="1930717"/>
                              </a:cubicBezTo>
                              <a:lnTo>
                                <a:pt x="276390" y="1930717"/>
                              </a:lnTo>
                              <a:cubicBezTo>
                                <a:pt x="268770" y="1917382"/>
                                <a:pt x="261150" y="1903095"/>
                                <a:pt x="254483" y="1888807"/>
                              </a:cubicBezTo>
                              <a:cubicBezTo>
                                <a:pt x="247815" y="1874520"/>
                                <a:pt x="240195" y="1861185"/>
                                <a:pt x="233528" y="1846897"/>
                              </a:cubicBezTo>
                              <a:cubicBezTo>
                                <a:pt x="225908" y="1830705"/>
                                <a:pt x="218288" y="1814512"/>
                                <a:pt x="211620" y="1798320"/>
                              </a:cubicBezTo>
                              <a:cubicBezTo>
                                <a:pt x="204953" y="1782127"/>
                                <a:pt x="198285" y="1764982"/>
                                <a:pt x="191618" y="1748790"/>
                              </a:cubicBezTo>
                              <a:cubicBezTo>
                                <a:pt x="199238" y="1759267"/>
                                <a:pt x="205905" y="1769745"/>
                                <a:pt x="211620" y="1782127"/>
                              </a:cubicBezTo>
                              <a:cubicBezTo>
                                <a:pt x="217335" y="1794510"/>
                                <a:pt x="223050" y="1807845"/>
                                <a:pt x="231623" y="1824037"/>
                              </a:cubicBezTo>
                              <a:cubicBezTo>
                                <a:pt x="235433" y="1829752"/>
                                <a:pt x="236385" y="1839277"/>
                                <a:pt x="238290" y="1846897"/>
                              </a:cubicBezTo>
                              <a:lnTo>
                                <a:pt x="241045" y="1850938"/>
                              </a:lnTo>
                              <a:lnTo>
                                <a:pt x="237654" y="1833304"/>
                              </a:lnTo>
                              <a:lnTo>
                                <a:pt x="228808" y="1817251"/>
                              </a:lnTo>
                              <a:lnTo>
                                <a:pt x="214410" y="1784873"/>
                              </a:lnTo>
                              <a:lnTo>
                                <a:pt x="197332" y="1756409"/>
                              </a:lnTo>
                              <a:cubicBezTo>
                                <a:pt x="190665" y="1737359"/>
                                <a:pt x="183045" y="1718309"/>
                                <a:pt x="176377" y="1699259"/>
                              </a:cubicBezTo>
                              <a:lnTo>
                                <a:pt x="158426" y="1640679"/>
                              </a:lnTo>
                              <a:lnTo>
                                <a:pt x="152529" y="1623596"/>
                              </a:lnTo>
                              <a:cubicBezTo>
                                <a:pt x="142540" y="1590017"/>
                                <a:pt x="133958" y="1555831"/>
                                <a:pt x="126853" y="1521108"/>
                              </a:cubicBezTo>
                              <a:lnTo>
                                <a:pt x="115498" y="1446707"/>
                              </a:lnTo>
                              <a:lnTo>
                                <a:pt x="115417" y="1448752"/>
                              </a:lnTo>
                              <a:cubicBezTo>
                                <a:pt x="115417" y="1453515"/>
                                <a:pt x="115417" y="1457325"/>
                                <a:pt x="116370" y="1463992"/>
                              </a:cubicBezTo>
                              <a:cubicBezTo>
                                <a:pt x="118275" y="1475422"/>
                                <a:pt x="120180" y="1486852"/>
                                <a:pt x="121132" y="1499235"/>
                              </a:cubicBezTo>
                              <a:cubicBezTo>
                                <a:pt x="123037" y="1511617"/>
                                <a:pt x="124942" y="1524000"/>
                                <a:pt x="126847" y="1535430"/>
                              </a:cubicBezTo>
                              <a:cubicBezTo>
                                <a:pt x="122085" y="1526857"/>
                                <a:pt x="120180" y="1515427"/>
                                <a:pt x="117322" y="1503997"/>
                              </a:cubicBezTo>
                              <a:cubicBezTo>
                                <a:pt x="115417" y="1491615"/>
                                <a:pt x="113512" y="1478280"/>
                                <a:pt x="110655" y="1463992"/>
                              </a:cubicBezTo>
                              <a:cubicBezTo>
                                <a:pt x="105892" y="1463992"/>
                                <a:pt x="104940" y="1463992"/>
                                <a:pt x="103035" y="1463992"/>
                              </a:cubicBezTo>
                              <a:cubicBezTo>
                                <a:pt x="102082" y="1453515"/>
                                <a:pt x="101130" y="1443990"/>
                                <a:pt x="98272" y="1427797"/>
                              </a:cubicBezTo>
                              <a:cubicBezTo>
                                <a:pt x="96367" y="1420177"/>
                                <a:pt x="93510" y="1412557"/>
                                <a:pt x="91605" y="1404937"/>
                              </a:cubicBezTo>
                              <a:cubicBezTo>
                                <a:pt x="89700" y="1397317"/>
                                <a:pt x="87795" y="1389697"/>
                                <a:pt x="85890" y="1383030"/>
                              </a:cubicBezTo>
                              <a:cubicBezTo>
                                <a:pt x="80175" y="1376362"/>
                                <a:pt x="75412" y="1371600"/>
                                <a:pt x="69697" y="1365885"/>
                              </a:cubicBezTo>
                              <a:cubicBezTo>
                                <a:pt x="67792" y="1365885"/>
                                <a:pt x="66840" y="1365885"/>
                                <a:pt x="64935" y="1365885"/>
                              </a:cubicBezTo>
                              <a:cubicBezTo>
                                <a:pt x="63030" y="1360170"/>
                                <a:pt x="61125" y="1351597"/>
                                <a:pt x="60172" y="1342072"/>
                              </a:cubicBezTo>
                              <a:cubicBezTo>
                                <a:pt x="59220" y="1332547"/>
                                <a:pt x="58267" y="1322070"/>
                                <a:pt x="58267" y="1311592"/>
                              </a:cubicBezTo>
                              <a:cubicBezTo>
                                <a:pt x="58267" y="1291590"/>
                                <a:pt x="59220" y="1273492"/>
                                <a:pt x="62077" y="1268730"/>
                              </a:cubicBezTo>
                              <a:cubicBezTo>
                                <a:pt x="63030" y="1263015"/>
                                <a:pt x="63030" y="1258252"/>
                                <a:pt x="63982" y="1253490"/>
                              </a:cubicBezTo>
                              <a:lnTo>
                                <a:pt x="67226" y="1243037"/>
                              </a:lnTo>
                              <a:lnTo>
                                <a:pt x="65649" y="1219200"/>
                              </a:lnTo>
                              <a:cubicBezTo>
                                <a:pt x="65887" y="1207294"/>
                                <a:pt x="66839" y="1194911"/>
                                <a:pt x="67792" y="1183957"/>
                              </a:cubicBezTo>
                              <a:lnTo>
                                <a:pt x="71602" y="1176814"/>
                              </a:lnTo>
                              <a:lnTo>
                                <a:pt x="71602" y="1172527"/>
                              </a:lnTo>
                              <a:cubicBezTo>
                                <a:pt x="69697" y="1178242"/>
                                <a:pt x="66840" y="1182052"/>
                                <a:pt x="63982" y="1186815"/>
                              </a:cubicBezTo>
                              <a:cubicBezTo>
                                <a:pt x="62077" y="1183005"/>
                                <a:pt x="59220" y="1181100"/>
                                <a:pt x="57315" y="1177290"/>
                              </a:cubicBezTo>
                              <a:cubicBezTo>
                                <a:pt x="53505" y="1171575"/>
                                <a:pt x="54457" y="1120140"/>
                                <a:pt x="44932" y="1160145"/>
                              </a:cubicBezTo>
                              <a:lnTo>
                                <a:pt x="42670" y="1146572"/>
                              </a:lnTo>
                              <a:lnTo>
                                <a:pt x="42075" y="1147762"/>
                              </a:lnTo>
                              <a:cubicBezTo>
                                <a:pt x="41122" y="1160145"/>
                                <a:pt x="39217" y="1173480"/>
                                <a:pt x="38265" y="1185862"/>
                              </a:cubicBezTo>
                              <a:cubicBezTo>
                                <a:pt x="37312" y="1198245"/>
                                <a:pt x="35407" y="1211580"/>
                                <a:pt x="35407" y="1223962"/>
                              </a:cubicBezTo>
                              <a:cubicBezTo>
                                <a:pt x="34455" y="1233487"/>
                                <a:pt x="33502" y="1243965"/>
                                <a:pt x="32550" y="1253490"/>
                              </a:cubicBezTo>
                              <a:lnTo>
                                <a:pt x="32550" y="1314449"/>
                              </a:lnTo>
                              <a:cubicBezTo>
                                <a:pt x="32550" y="1324927"/>
                                <a:pt x="32550" y="1335404"/>
                                <a:pt x="33502" y="1345882"/>
                              </a:cubicBezTo>
                              <a:cubicBezTo>
                                <a:pt x="34455" y="1356359"/>
                                <a:pt x="35407" y="1366837"/>
                                <a:pt x="35407" y="1377314"/>
                              </a:cubicBezTo>
                              <a:cubicBezTo>
                                <a:pt x="31597" y="1378267"/>
                                <a:pt x="32550" y="1413509"/>
                                <a:pt x="26835" y="1406842"/>
                              </a:cubicBezTo>
                              <a:cubicBezTo>
                                <a:pt x="25882" y="1406842"/>
                                <a:pt x="25882" y="1406842"/>
                                <a:pt x="24930" y="1406842"/>
                              </a:cubicBezTo>
                              <a:cubicBezTo>
                                <a:pt x="19215" y="1385887"/>
                                <a:pt x="19215" y="1367789"/>
                                <a:pt x="19215" y="1349692"/>
                              </a:cubicBezTo>
                              <a:cubicBezTo>
                                <a:pt x="19215" y="1331594"/>
                                <a:pt x="22072" y="1313497"/>
                                <a:pt x="19215" y="1290637"/>
                              </a:cubicBezTo>
                              <a:cubicBezTo>
                                <a:pt x="20167" y="1274444"/>
                                <a:pt x="22072" y="1260157"/>
                                <a:pt x="23977" y="1244917"/>
                              </a:cubicBezTo>
                              <a:lnTo>
                                <a:pt x="32546" y="1253485"/>
                              </a:lnTo>
                              <a:lnTo>
                                <a:pt x="24930" y="1243965"/>
                              </a:lnTo>
                              <a:cubicBezTo>
                                <a:pt x="23025" y="1234440"/>
                                <a:pt x="23025" y="1223962"/>
                                <a:pt x="23025" y="1209675"/>
                              </a:cubicBezTo>
                              <a:cubicBezTo>
                                <a:pt x="23025" y="1195387"/>
                                <a:pt x="23977" y="1178242"/>
                                <a:pt x="24930" y="1157287"/>
                              </a:cubicBezTo>
                              <a:cubicBezTo>
                                <a:pt x="24930" y="1152525"/>
                                <a:pt x="25882" y="1147762"/>
                                <a:pt x="25882" y="1143000"/>
                              </a:cubicBezTo>
                              <a:cubicBezTo>
                                <a:pt x="26835" y="1135380"/>
                                <a:pt x="27787" y="1126807"/>
                                <a:pt x="28740" y="1119187"/>
                              </a:cubicBezTo>
                              <a:cubicBezTo>
                                <a:pt x="32550" y="1105852"/>
                                <a:pt x="36360" y="1089660"/>
                                <a:pt x="40170" y="1076325"/>
                              </a:cubicBezTo>
                              <a:lnTo>
                                <a:pt x="45865" y="1047851"/>
                              </a:lnTo>
                              <a:lnTo>
                                <a:pt x="43980" y="1041082"/>
                              </a:lnTo>
                              <a:cubicBezTo>
                                <a:pt x="42075" y="1053465"/>
                                <a:pt x="39217" y="1064895"/>
                                <a:pt x="37312" y="1079182"/>
                              </a:cubicBezTo>
                              <a:cubicBezTo>
                                <a:pt x="33502" y="1092517"/>
                                <a:pt x="29692" y="1108710"/>
                                <a:pt x="25882" y="1122045"/>
                              </a:cubicBezTo>
                              <a:cubicBezTo>
                                <a:pt x="24930" y="1129665"/>
                                <a:pt x="23977" y="1138237"/>
                                <a:pt x="23025" y="1145857"/>
                              </a:cubicBezTo>
                              <a:cubicBezTo>
                                <a:pt x="23025" y="1150620"/>
                                <a:pt x="22072" y="1155382"/>
                                <a:pt x="22072" y="1160145"/>
                              </a:cubicBezTo>
                              <a:cubicBezTo>
                                <a:pt x="22072" y="1181100"/>
                                <a:pt x="21120" y="1198245"/>
                                <a:pt x="20167" y="1212532"/>
                              </a:cubicBezTo>
                              <a:cubicBezTo>
                                <a:pt x="20167" y="1226820"/>
                                <a:pt x="21120" y="1237297"/>
                                <a:pt x="22072" y="1246822"/>
                              </a:cubicBezTo>
                              <a:cubicBezTo>
                                <a:pt x="20167" y="1263015"/>
                                <a:pt x="18262" y="1277302"/>
                                <a:pt x="17310" y="1292542"/>
                              </a:cubicBezTo>
                              <a:cubicBezTo>
                                <a:pt x="20167" y="1315402"/>
                                <a:pt x="17310" y="1333500"/>
                                <a:pt x="17310" y="1351597"/>
                              </a:cubicBezTo>
                              <a:cubicBezTo>
                                <a:pt x="17310" y="1369695"/>
                                <a:pt x="17310" y="1387792"/>
                                <a:pt x="23025" y="1408747"/>
                              </a:cubicBezTo>
                              <a:cubicBezTo>
                                <a:pt x="23025" y="1408747"/>
                                <a:pt x="23977" y="1408747"/>
                                <a:pt x="24930" y="1408747"/>
                              </a:cubicBezTo>
                              <a:cubicBezTo>
                                <a:pt x="28740" y="1426845"/>
                                <a:pt x="32550" y="1443990"/>
                                <a:pt x="37312" y="1463040"/>
                              </a:cubicBezTo>
                              <a:cubicBezTo>
                                <a:pt x="38265" y="1475422"/>
                                <a:pt x="41122" y="1486852"/>
                                <a:pt x="43980" y="1507807"/>
                              </a:cubicBezTo>
                              <a:cubicBezTo>
                                <a:pt x="48742" y="1524000"/>
                                <a:pt x="53505" y="1539240"/>
                                <a:pt x="58267" y="1553527"/>
                              </a:cubicBezTo>
                              <a:cubicBezTo>
                                <a:pt x="60410" y="1580673"/>
                                <a:pt x="74877" y="1623893"/>
                                <a:pt x="80770" y="1651843"/>
                              </a:cubicBezTo>
                              <a:lnTo>
                                <a:pt x="82734" y="1670685"/>
                              </a:lnTo>
                              <a:lnTo>
                                <a:pt x="86843" y="1670685"/>
                              </a:lnTo>
                              <a:cubicBezTo>
                                <a:pt x="97320" y="1697355"/>
                                <a:pt x="103988" y="1711642"/>
                                <a:pt x="107798" y="1721167"/>
                              </a:cubicBezTo>
                              <a:cubicBezTo>
                                <a:pt x="112560" y="1730692"/>
                                <a:pt x="114465" y="1737360"/>
                                <a:pt x="115418" y="1746885"/>
                              </a:cubicBezTo>
                              <a:cubicBezTo>
                                <a:pt x="111608" y="1745932"/>
                                <a:pt x="106845" y="1736407"/>
                                <a:pt x="101130" y="1724977"/>
                              </a:cubicBezTo>
                              <a:cubicBezTo>
                                <a:pt x="95415" y="1713547"/>
                                <a:pt x="90653" y="1700212"/>
                                <a:pt x="85890" y="1690687"/>
                              </a:cubicBezTo>
                              <a:cubicBezTo>
                                <a:pt x="81128" y="1678305"/>
                                <a:pt x="89700" y="1712595"/>
                                <a:pt x="84938" y="1700212"/>
                              </a:cubicBezTo>
                              <a:lnTo>
                                <a:pt x="76651" y="1674524"/>
                              </a:lnTo>
                              <a:lnTo>
                                <a:pt x="70650" y="1675447"/>
                              </a:lnTo>
                              <a:cubicBezTo>
                                <a:pt x="67792" y="1667827"/>
                                <a:pt x="65887" y="1660207"/>
                                <a:pt x="63982" y="1653540"/>
                              </a:cubicBezTo>
                              <a:cubicBezTo>
                                <a:pt x="53505" y="1643062"/>
                                <a:pt x="45885" y="1621155"/>
                                <a:pt x="41122" y="1601152"/>
                              </a:cubicBezTo>
                              <a:cubicBezTo>
                                <a:pt x="36360" y="1581150"/>
                                <a:pt x="32550" y="1562100"/>
                                <a:pt x="26835" y="1554480"/>
                              </a:cubicBezTo>
                              <a:cubicBezTo>
                                <a:pt x="22072" y="1537335"/>
                                <a:pt x="22072" y="1519237"/>
                                <a:pt x="25882" y="1515427"/>
                              </a:cubicBezTo>
                              <a:cubicBezTo>
                                <a:pt x="23977" y="1500187"/>
                                <a:pt x="21120" y="1484947"/>
                                <a:pt x="19215" y="1469707"/>
                              </a:cubicBezTo>
                              <a:cubicBezTo>
                                <a:pt x="17310" y="1454467"/>
                                <a:pt x="16357" y="1439227"/>
                                <a:pt x="14452" y="1423987"/>
                              </a:cubicBezTo>
                              <a:cubicBezTo>
                                <a:pt x="10642" y="1412557"/>
                                <a:pt x="6832" y="1403032"/>
                                <a:pt x="3975" y="1390650"/>
                              </a:cubicBezTo>
                              <a:cubicBezTo>
                                <a:pt x="-1740" y="1325880"/>
                                <a:pt x="-2693" y="1250632"/>
                                <a:pt x="10642" y="1213485"/>
                              </a:cubicBezTo>
                              <a:cubicBezTo>
                                <a:pt x="11595" y="1197292"/>
                                <a:pt x="12547" y="1177290"/>
                                <a:pt x="17310" y="1167765"/>
                              </a:cubicBezTo>
                              <a:cubicBezTo>
                                <a:pt x="15405" y="1159192"/>
                                <a:pt x="13500" y="1151572"/>
                                <a:pt x="11595" y="1143000"/>
                              </a:cubicBezTo>
                              <a:cubicBezTo>
                                <a:pt x="13500" y="1126807"/>
                                <a:pt x="11595" y="1089660"/>
                                <a:pt x="23025" y="1074420"/>
                              </a:cubicBezTo>
                              <a:cubicBezTo>
                                <a:pt x="23977" y="1067752"/>
                                <a:pt x="24930" y="1062990"/>
                                <a:pt x="25882" y="1058227"/>
                              </a:cubicBezTo>
                              <a:cubicBezTo>
                                <a:pt x="27787" y="1034415"/>
                                <a:pt x="29692" y="1018222"/>
                                <a:pt x="33502" y="1002982"/>
                              </a:cubicBezTo>
                              <a:cubicBezTo>
                                <a:pt x="40170" y="989647"/>
                                <a:pt x="48742" y="967740"/>
                                <a:pt x="53505" y="962977"/>
                              </a:cubicBezTo>
                              <a:cubicBezTo>
                                <a:pt x="58267" y="973455"/>
                                <a:pt x="46837" y="1000125"/>
                                <a:pt x="48742" y="1017270"/>
                              </a:cubicBezTo>
                              <a:lnTo>
                                <a:pt x="53503" y="1007964"/>
                              </a:lnTo>
                              <a:lnTo>
                                <a:pt x="56362" y="985718"/>
                              </a:lnTo>
                              <a:cubicBezTo>
                                <a:pt x="58267" y="975597"/>
                                <a:pt x="59696" y="966311"/>
                                <a:pt x="57315" y="961072"/>
                              </a:cubicBezTo>
                              <a:cubicBezTo>
                                <a:pt x="60172" y="949642"/>
                                <a:pt x="63030" y="941069"/>
                                <a:pt x="65887" y="929639"/>
                              </a:cubicBezTo>
                              <a:cubicBezTo>
                                <a:pt x="70650" y="914399"/>
                                <a:pt x="74460" y="898207"/>
                                <a:pt x="79222" y="882014"/>
                              </a:cubicBezTo>
                              <a:cubicBezTo>
                                <a:pt x="83985" y="865822"/>
                                <a:pt x="89700" y="849629"/>
                                <a:pt x="95415" y="833437"/>
                              </a:cubicBezTo>
                              <a:lnTo>
                                <a:pt x="96628" y="832072"/>
                              </a:lnTo>
                              <a:lnTo>
                                <a:pt x="103988" y="793432"/>
                              </a:lnTo>
                              <a:cubicBezTo>
                                <a:pt x="107798" y="785812"/>
                                <a:pt x="111608" y="775334"/>
                                <a:pt x="114465" y="765809"/>
                              </a:cubicBezTo>
                              <a:cubicBezTo>
                                <a:pt x="118275" y="756284"/>
                                <a:pt x="123038" y="748664"/>
                                <a:pt x="126848" y="742949"/>
                              </a:cubicBezTo>
                              <a:cubicBezTo>
                                <a:pt x="135420" y="726757"/>
                                <a:pt x="142088" y="710564"/>
                                <a:pt x="151613" y="695324"/>
                              </a:cubicBezTo>
                              <a:cubicBezTo>
                                <a:pt x="158280" y="680084"/>
                                <a:pt x="164948" y="667702"/>
                                <a:pt x="171615" y="652462"/>
                              </a:cubicBezTo>
                              <a:cubicBezTo>
                                <a:pt x="172568" y="639127"/>
                                <a:pt x="191618" y="614362"/>
                                <a:pt x="200190" y="597217"/>
                              </a:cubicBezTo>
                              <a:cubicBezTo>
                                <a:pt x="204953" y="591502"/>
                                <a:pt x="210668" y="585787"/>
                                <a:pt x="221145" y="573404"/>
                              </a:cubicBezTo>
                              <a:cubicBezTo>
                                <a:pt x="227813" y="559117"/>
                                <a:pt x="233528" y="548639"/>
                                <a:pt x="238290" y="540067"/>
                              </a:cubicBezTo>
                              <a:cubicBezTo>
                                <a:pt x="243053" y="531494"/>
                                <a:pt x="247815" y="525779"/>
                                <a:pt x="252578" y="519112"/>
                              </a:cubicBezTo>
                              <a:cubicBezTo>
                                <a:pt x="258293" y="513397"/>
                                <a:pt x="266865" y="503872"/>
                                <a:pt x="267818" y="511492"/>
                              </a:cubicBezTo>
                              <a:cubicBezTo>
                                <a:pt x="268770" y="510539"/>
                                <a:pt x="270675" y="507682"/>
                                <a:pt x="271628" y="505777"/>
                              </a:cubicBezTo>
                              <a:cubicBezTo>
                                <a:pt x="276390" y="495299"/>
                                <a:pt x="281153" y="485774"/>
                                <a:pt x="286868" y="475297"/>
                              </a:cubicBezTo>
                              <a:cubicBezTo>
                                <a:pt x="296393" y="464819"/>
                                <a:pt x="307823" y="446722"/>
                                <a:pt x="316395" y="441007"/>
                              </a:cubicBezTo>
                              <a:cubicBezTo>
                                <a:pt x="309966" y="453151"/>
                                <a:pt x="316931" y="450829"/>
                                <a:pt x="317199" y="455339"/>
                              </a:cubicBezTo>
                              <a:lnTo>
                                <a:pt x="315045" y="461363"/>
                              </a:lnTo>
                              <a:lnTo>
                                <a:pt x="345922" y="429577"/>
                              </a:lnTo>
                              <a:cubicBezTo>
                                <a:pt x="348780" y="423862"/>
                                <a:pt x="354495" y="417195"/>
                                <a:pt x="361162" y="409575"/>
                              </a:cubicBezTo>
                              <a:cubicBezTo>
                                <a:pt x="367830" y="402907"/>
                                <a:pt x="375450" y="396240"/>
                                <a:pt x="381165" y="390525"/>
                              </a:cubicBezTo>
                              <a:lnTo>
                                <a:pt x="382888" y="392440"/>
                              </a:lnTo>
                              <a:lnTo>
                                <a:pt x="382118" y="391477"/>
                              </a:lnTo>
                              <a:cubicBezTo>
                                <a:pt x="390690" y="382904"/>
                                <a:pt x="398310" y="374332"/>
                                <a:pt x="406883" y="366712"/>
                              </a:cubicBezTo>
                              <a:cubicBezTo>
                                <a:pt x="414503" y="359092"/>
                                <a:pt x="423075" y="351472"/>
                                <a:pt x="431648" y="343852"/>
                              </a:cubicBezTo>
                              <a:cubicBezTo>
                                <a:pt x="442125" y="333374"/>
                                <a:pt x="448793" y="324802"/>
                                <a:pt x="458318" y="315277"/>
                              </a:cubicBezTo>
                              <a:cubicBezTo>
                                <a:pt x="470700" y="305752"/>
                                <a:pt x="484035" y="296227"/>
                                <a:pt x="495465" y="287654"/>
                              </a:cubicBezTo>
                              <a:cubicBezTo>
                                <a:pt x="508800" y="277177"/>
                                <a:pt x="522135" y="267652"/>
                                <a:pt x="535470" y="258127"/>
                              </a:cubicBezTo>
                              <a:lnTo>
                                <a:pt x="559389" y="241440"/>
                              </a:lnTo>
                              <a:lnTo>
                                <a:pt x="575475" y="226694"/>
                              </a:lnTo>
                              <a:cubicBezTo>
                                <a:pt x="585000" y="220979"/>
                                <a:pt x="594525" y="215264"/>
                                <a:pt x="604050" y="209549"/>
                              </a:cubicBezTo>
                              <a:cubicBezTo>
                                <a:pt x="613575" y="203834"/>
                                <a:pt x="624052" y="199072"/>
                                <a:pt x="634530" y="193357"/>
                              </a:cubicBezTo>
                              <a:lnTo>
                                <a:pt x="638565" y="191282"/>
                              </a:lnTo>
                              <a:lnTo>
                                <a:pt x="648937" y="181094"/>
                              </a:lnTo>
                              <a:cubicBezTo>
                                <a:pt x="654771" y="176688"/>
                                <a:pt x="661201" y="172402"/>
                                <a:pt x="665963" y="168592"/>
                              </a:cubicBezTo>
                              <a:cubicBezTo>
                                <a:pt x="673583" y="162877"/>
                                <a:pt x="679298" y="160496"/>
                                <a:pt x="684656" y="159067"/>
                              </a:cubicBezTo>
                              <a:lnTo>
                                <a:pt x="697880" y="156023"/>
                              </a:lnTo>
                              <a:lnTo>
                                <a:pt x="700252" y="154304"/>
                              </a:lnTo>
                              <a:cubicBezTo>
                                <a:pt x="782167" y="109537"/>
                                <a:pt x="869797" y="74294"/>
                                <a:pt x="959332" y="49529"/>
                              </a:cubicBezTo>
                              <a:lnTo>
                                <a:pt x="968944" y="47439"/>
                              </a:lnTo>
                              <a:lnTo>
                                <a:pt x="995527" y="38099"/>
                              </a:lnTo>
                              <a:cubicBezTo>
                                <a:pt x="1001719" y="36194"/>
                                <a:pt x="1008148" y="35003"/>
                                <a:pt x="1013863" y="34408"/>
                              </a:cubicBezTo>
                              <a:lnTo>
                                <a:pt x="1023424" y="34327"/>
                              </a:lnTo>
                              <a:lnTo>
                                <a:pt x="1026960" y="33337"/>
                              </a:lnTo>
                              <a:cubicBezTo>
                                <a:pt x="1097445" y="17144"/>
                                <a:pt x="1169835" y="7619"/>
                                <a:pt x="1244130" y="4762"/>
                              </a:cubicBezTo>
                              <a:cubicBezTo>
                                <a:pt x="1262704" y="5238"/>
                                <a:pt x="1283897" y="4762"/>
                                <a:pt x="1305804" y="4524"/>
                              </a:cubicBezTo>
                              <a:cubicBezTo>
                                <a:pt x="1327712" y="4285"/>
                                <a:pt x="1350334" y="4285"/>
                                <a:pt x="1371765" y="5714"/>
                              </a:cubicBezTo>
                              <a:lnTo>
                                <a:pt x="1372993" y="6635"/>
                              </a:lnTo>
                              <a:lnTo>
                                <a:pt x="1405103" y="2857"/>
                              </a:lnTo>
                              <a:cubicBezTo>
                                <a:pt x="1415580" y="4762"/>
                                <a:pt x="1425105" y="5714"/>
                                <a:pt x="1434630" y="7619"/>
                              </a:cubicBezTo>
                              <a:cubicBezTo>
                                <a:pt x="1444155" y="9524"/>
                                <a:pt x="1453680" y="10477"/>
                                <a:pt x="1464158" y="13334"/>
                              </a:cubicBezTo>
                              <a:lnTo>
                                <a:pt x="1479392" y="16797"/>
                              </a:lnTo>
                              <a:lnTo>
                                <a:pt x="1463205" y="12382"/>
                              </a:lnTo>
                              <a:cubicBezTo>
                                <a:pt x="1453680" y="10477"/>
                                <a:pt x="1443202" y="8572"/>
                                <a:pt x="1433677" y="6667"/>
                              </a:cubicBezTo>
                              <a:cubicBezTo>
                                <a:pt x="1424152" y="4762"/>
                                <a:pt x="1414627" y="3810"/>
                                <a:pt x="1404150" y="1905"/>
                              </a:cubicBezTo>
                              <a:cubicBezTo>
                                <a:pt x="1404150" y="1905"/>
                                <a:pt x="1404150" y="952"/>
                                <a:pt x="1404150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chemeClr val="accent1">
                            <a:alpha val="38000"/>
                          </a:schemeClr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tlCol="0" anchor="ctr"/>
                    </wps:wsp>
                    <wps:wsp>
                      <wps:cNvPr id="2" name="Rectangle 2">
                        <a:extLst>
                          <a:ext uri="{C183D7F6-B498-43B3-948B-1728B52AA6E4}">
                            <adec:decorative xmlns:adec="http://schemas.microsoft.com/office/drawing/2017/decorative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val="1"/>
                          </a:ext>
                        </a:extLst>
                      </wps:cNvPr>
                      <wps:cNvSpPr/>
                      <wps:spPr>
                        <a:xfrm flipV="1">
                          <a:off x="0" y="1532467"/>
                          <a:ext cx="5614670" cy="27432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 w="9525" cap="flat">
                          <a:noFill/>
                          <a:prstDash val="solid"/>
                          <a:miter/>
                        </a:ln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page">
                <wp14:pctWidth>105300</wp14:pctWidth>
              </wp14:sizeRelH>
              <wp14:sizeRelV relativeFrom="page">
                <wp14:pctHeight>121600</wp14:pctHeight>
              </wp14:sizeRelV>
            </wp:anchor>
          </w:drawing>
        </mc:Choice>
        <mc:Fallback>
          <w:pict>
            <v:group w14:anchorId="6FAB0BE2" id="Group 3" o:spid="_x0000_s1026" style="position:absolute;left:0;text-align:left;margin-left:-12pt;margin-top:-97.5pt;width:644.55pt;height:963pt;z-index:-251654144;mso-width-percent:1053;mso-height-percent:1216;mso-position-horizontal-relative:page;mso-position-vertical-relative:page;mso-width-percent:1053;mso-height-percent:1216" coordsize="81855,12230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9I0SfdEGAIj3JgAOAAAAZHJzL2Uyb0RvYy54bWysnV0PXclxXd8D5D8QfAwgzT3n3I9zB5IN&#10;K7aUhyAx4ARwHhkO5wOYGRIk7ZER+L9n1eVotPfVw1lUIhmyZkabdbtP9+7qql3Vv/nbP/7w/Yt/&#10;ffP+w3dvf/zty+XXp5cv3vz4+u1X3/34zW9f/s//8ftf7S9ffPj46sevXn3/9sc3v335b28+vPzb&#10;v/mP/+E3P7378s369tu333/15v0L/pAfP3z507vfvvz248d3X37xxYfX37754dWHX7999+ZH/uHX&#10;b9//8Oojf/n+my++ev/qJ/70H77/Yj2drl/89Pb9V+/ev3395sMH/u7ff/qHL//m8ed//fWb1x//&#10;+9dff3jz8cX3v33Jb/v4+M/3j//83/OfX/zNb159+c37V+++/e71zz/j1V/xK3549d2PGP3lj/r7&#10;Vx9fvfiX99/9xR/1w3ev37/98Pbrj79+/faHL95+/fV3r988xsBoltPTaP7w/u2/vHuM5Zsvf/rm&#10;3S/TxNQ+zdNf/ce+/m//+o/vX3z31W9fbi9f/PjqBz7Rw+qL7TGcN3/8+F8/fJyB8d8+Dej//Odl&#10;3/7+9vvrr353vu+/Om+/2351P++/+9VyW/ffXda/+7vrP5z/fSb2iwfqgf/ip3fffPmwNV/m8V//&#10;8P7dP737x/f87+ZvfPPpr8bSH79+/8P8fybnxR8fX+rffvlS8yte8zf3Zb9cbnzQ1/yzZV2307L+&#10;/DFff8sX/wvg62//4QjKz/1k+vFjf/lBP71jZX748+R/+H+b/H/69tW7N49v+uHThDwmf/nT5P/+&#10;/Zs3s9q/fPH4H75YTv+/v8PPZmfaH//1l4/w4csPfI8/fYEX79+yWZbTfpp/vXzx9fffvfsv/I3H&#10;z/n502z32YK3ly/+8gOdT9ftfDl/+kBnlvaynH9eE3/6vq//5cPHP7x5+/jWr/6VZfJpL37184L7&#10;5quf1+Prtz/++OG7j2/+eX7FD9+zPf/TFy+W83bf9u3FTy/W6/l2We4/7+Rn0P9K0Hq57+f18uJb&#10;QAt/8fhF7Nln0D/zOcLSeuP3H1tK0Ho9XU777djS+mSJoRxbStBYOp/EmNjffx7T5byuVzF7CVov&#10;2+l2X4/HxFcPS6d1vezHY0rQyoi2RczeJS2dGdNFfKcEYel234Sla1li7d3F7CVIj4nt9OfZO+/L&#10;dhKWEsR3ul5OYkwczX+2ZFdEgvSKuKel6/m6refjFZGg9bKe9nU5XnvwZQzqet72XSyJQmFruSzG&#10;Vu745Xq+LJv4VEuixtZ6Fd9qyT2/3+/7SfBEgdgbLItNTGFu+vt5XeCxQ5pdErReltv5YkaVu/5+&#10;Pa37RZhKEKb28+kuRpXbnuPodGPaj4eVKLYwrCSodsmNv5y27boaW4nSxLTk1sfW5cTEH48rUdja&#10;z8tZzGFu/uV0Pq13870S5ecwt/9yYm3czbgSNePa76fjceE6Bmng8mwnQRqFWi/DuuJwXHP7L8ty&#10;vy2CNAq1Xq4rDrAYV5LGgoe84Sgcro01UWOLY1XYSgJYlisfzNhKFLbwz4ytZIAFfrpvqxhXotbL&#10;je9lbCUDMIX8QrM2EoWty+Vq1mEyAA7q+coxfvy9EoWt2/lqxpUMsGwLv9DYShS2rpfFrPlkAGxx&#10;kps1nyhvKxlgwdFY1PdKFLbgebG/tuKNbbtxEzn+XoVizcNRYg634o3tAv0Kr7pQY+t6ETy/JQMs&#10;25UTzIwrUZ/2srGVDICtdVe2EqXXxpYMsGxz6Ik1XyhvKxlg2diVxhHdEsW9iakXbtSWDICt7XoT&#10;HFUobsNz1T/m+S0ZgO+1rMY9LBS24A3BUVsyAM41l3fzvRLlbSUDcOnCcTBzmKiJKFyJFByGF87F&#10;G+uZUIE4vwqFLcISYg7PxRu4G+OYH54phWIdwlHGVjLAwpHC7VrYShS2OB/MHCYD4EdtV3bK8bgS&#10;pffyuXjjRNhzFWujUPAhzo3Yy+dkgIXQ24oHezyuROGLEqgx36t4A1u7iQmdEzW2tpu4f52TN3B6&#10;bxDA8bAShD+0sObF9koCuJ8vd3NzOCeIa/nDzzveybn/78QADPGeEzSRDbyv41FdkjT2nVGJdVEg&#10;IgD33Zwnl+QMG2wokA42XHLzLzi8Z5yhw3VRqPXMMQmBHn6sS27+5czC2O7CVqKwtU9A7thWUQah&#10;8NUEDCdg/ktIbj3fOfLMysjNz/G/n8116JIobHEwCHftkpsfF+p2MlfKQmGLg0FQxiV3P9/rShRA&#10;fK9Ezffa1drI7b+cSS5xATheh4madXg3rvwl9z+n5OnOZf7YVqLW820lBnC8Dq/JGsvltDAhx7YK&#10;hS0OPLEOr0kbhFC5y4vvVSjmkCCFWBvX4g2C17tJMhSKcV1uZn9dkwEW7oYbgYPD71UobJ1O5kp5&#10;TQZYuGBvq7gqF4qQKN6Q2MvXZICFm+HtJlyoQg1HwYhiHSZv3LgpG+/6mqBxk29mK09C8hcS3c/X&#10;ye8cf60EaTa85v63Z3KB9Jl8ze1/hzXIjx2PKkGfPA2xLiav/ssE4j+diMkdmirQw3/icD08Jm9J&#10;GfcbQXlx+hfo4RVejalkDC6gJ3M3uSXoEZDjaD0eVRLGneuCCePdEoQpQlDmWyVfcEmbe/Xxt0oQ&#10;3wpTZlRJFzthK7UsEgQzrde7GVVufG79k3U5HlWC2FfYMqZy4+8n2MKswARpH+OWbHG7kTA0phI0&#10;R9bcqY9XYG7824WZECfxLUErWVruM8em9mQLy+wF0sy+J1twFixX4csUaD2zAM0dcs+Nv+O/myO/&#10;QIyKU1hcV/fc+Pt6w2E9XuwFwhTeuzGVG/9GRGI1phLEBKIBEWyx58bX3ypB/lvlxp9YlVHr7Ala&#10;iTsjZRKLPTf+9bJdTFB3T9C6cQc3wZk9N/6Vb2WYvUDkPoiKCcd9z41/ZdWaEHyBGNUN/c3xBN6T&#10;La540obZC7Qi+8L9EaaSLeyyuCdIL4t7ssXtxE8UzlmBVrJHt4twY+7JFmPqfj1miwJhai5ZYgJz&#10;4xNs5nMJUwlat/NyR+tzeF7dc+Nj6m6SkQXCFKFSswJr45/u4EQU6F6olSN1M8OqnU9O4W5uxPdC&#10;YetiCPeefEFMcZ10zqHT1Kg58U3w/Z6EQU5hsv3CVqKYvyuKn+OlQQw8riPLnbS9iec2bN24Wxgn&#10;F2VQWSMkaeKsDWP/P+Qqh8t+OSVxLDuBIDbm4UdrGNaIz4iVjzoox7Zfz6u5mDRsPZ/Oi0lykaAu&#10;awQljb/bMI6w60SExUwmgyw7mQI+t5jJhOFx7LsSeJ2SDtAKLLCIsZaw9YzK1aTw0KrlTDIwp10r&#10;GNYYm7g6IPkuayQ1zZWoYdr5XU5JCtxDryelKSsY1u4TkzteJSX05PpAdM2skoJxCeMSYZirpJ4s&#10;5PNkNo/XZMG4XRL3Mjug1J7L9YTQRnghyMLic3+KfKmZLC4ZGbUJHhKZTGuoWG5uJotL+AA3xZPU&#10;HPw5kqUDHWSuA4ZGhOySiD80DGuIN9QqSVKgruGMQNqskoShxGaVqO9WXIKnT8LdWEvYWJsLsdhv&#10;xSUTcL8a3fKSMGaSsJaayeKSM+o0xcoUj/w1q6T0n4+ArLm4T51SWrM7oBSg7G5CaeLuvhTM7+7S&#10;gMJcN5VtphArx6aZa01SgJVvp7NZkwXzrLwmKXDiMDSzuwvmT5y1uGTyOW5sCfOn6ZqkQACZ6iw1&#10;toQR+bvhQIndvSYpYA2JlrKWMKwRkTNcsiYpLCM9NQpItkmtSWjZyHCWNUlhIRt8VjxZMHwugmVm&#10;bKUJxRo5K8OTBRtrVyPFwTGIKcF7JWlg/JKCYQ2FsvEnW026k2hUM1kwPHPuOMpaccnO4W00Tazc&#10;mBJuHUSz1HcrLiEpcjKpfG4LZY1aQfJex6dpqUO5LV5UWJ8gW1rb7tyE1diSFBauphcTUCDkWNa4&#10;iZnINLKVgHHL5xMYL6hg3PLPE7sUM5mksFDkRFJfeEElSCU6uO+qdmsrLmEhI3E01hJGvITSHjO2&#10;1omekBCZyDEy+fgA/EJyCspacgkSHaXRWVpful5XtwHO6V+QoLqqNVIo6l4vODRijZyTEnDK79QE&#10;Hl/eCjXG4HJjrBjhNAV+5mLaGlPWP8E4Y60YAWuqcIElkUtkdpsKO7Vg1FsrIsGaSh1zXcsfSRjw&#10;vov47hMMa3d15WjZKGFAQn9mlST/0L7AzmQxwhR0OWsFo57rrtyEFo9SwH+7GEpuGFuAQKNYk60f&#10;JVCgtCDIzPJzr6RP1Q5oBenCYaMouWEUxuGXmLEllWwEa01+aCm96mggEIMbY0klhJzodSBWZEtP&#10;sUZu0xhLSiAQjQDAGEsUBcYb7rYxVoxA3Z/S4S+tPsW1I1dprDWREDxVt5tSrX76aspaMQJjW9St&#10;9NKwqYQ0kZKSoPIjFwrDzHcrIlnuRKqMj9ByUta1i183DLUHF1Px3VpQulAEbKShS8Owxv8Za+mS&#10;+JlsJeqU5Zh+F0uLSvUqeYadVhVRblmp3m9PMLvfSljKWbPt5rQpFI0bNqKF5rMllSB8nQk5du5a&#10;kErMz+XdSpGKMfxWY6z5h4CraepB+CwOxG07o9A1xhJFee7inK1SpW7UpLmt1jRyRvJkNnZJTKlK&#10;PUPjx9+sUOvCdCzmrCmRKX71iDOEsfJGRgOvSKRkpkhpkMUYY0/UM5UEYumX0JTcHnc2YyxdGMRS&#10;59NujrVbOSN8aRWRL9T0HzgZMTHfKJb+megIxenimyUKX/whrT4OIdyKQe5Mo/pmiZrr4RSnCWPJ&#10;Beepn1ffLFG4xkyJWiDJBaSN55YnpjFRc6UhH2ZGllxAjY9SPy4tVdX3p5Kdshj5txhZoZjGdZyl&#10;429WwlP9zQrlv1lJT1FMUBFnRlYMoldjiU+J5rqUfaFG70aq00xjMgh7mtCIGVmiiJ0RzzJLv1Sr&#10;lxttTIxbXCiMETswF7WSoF44qJXyoVAYIwappjG54MI1WYX8n6Sr+pslF1CORMjffLNEIcwg3qmm&#10;sRiEb3YxDk/LV9c7dyAzjSVFZQHzG8XICsVxRhWuYf0So1IxhXtrjJUPog/PkqPSagFpqTHWDHKi&#10;KkSNLL0J4ug3lRJqGSspCfSvgkHo8/jnjDtLmIIcM7JEEaPA4VHG0pugSyDXT2MsUXhXZNLVNKY3&#10;QTeT6e92fFI/aVkncWu4sWSpaNf4mcZY8s5KJvtkZOJL6VJRlpPJNsaKQUgts0TMAikG0dOYqJWr&#10;v5pGygxyNU55nZjGRukFwkJKY7cL1o6nsVF66a8lZmXhU+dtjBWDLHCjOc8IfefI5DW3Ufqay20n&#10;jCHgoNpYzWPCWNInRCrHy3E9FRlgTcULGjbWVEE/mbca2zpRPfPZCkYXAJULQnDc1uxMJoxg5aNk&#10;/tAFp2doWuNirdzihpFnJ6gtCJLecGVtR7avNkDCKJeYmg6xSlqTunErMcKitWBkvulAKPyetTWp&#10;+NPTs+TwqGmY3wGtSUXHSuNmY62o5MRc3tVMJpWQHDvfNmWtYGg4bqY2mAhUrhJKVhAhm7EVDPmf&#10;ynPhMbY1dPHKWsFmc3OfPN5v1fiUmaQXiVolzSVItEyXGk7cHBshSypqzUwWDKca5jRjay5BMmKE&#10;RZye8SPZAXwR4UbCwgGbYMo0MhX7LWHs7I38txhba1IffdaEI4kbEj+S3cbaNjPZmlQK2KYR5/HY&#10;CsZ8sHOUtSIFTin64xlrCePEwVkwZ3drUunuDFMaa8kl3DUe1/Pj/daaVMK/sJCxllyycGVTQUhO&#10;s/jc1CVwY1ZjSxirxKWxiY2WNZrrmvRrw/BlKCVUO6BIAfEfASozkwlb7nQAMxd78v81tstOZ05j&#10;LWEzNnrKmN2dpDCXIhVCg77jR6LI2wnZCWtPmlRWsumJxgseZY0LH0v5eAc8aVJp2qiuUwVbZtso&#10;nmxNKiA2qvhuBWO/XaYMVIwtSYEqCMklJWX1XPKkSaXI0miLCEDmd6MSFP/VjC1JgRsVBe6GuUrK&#10;SjXVVfXO5aiOHznWHJcUDGukC9R3S1KYSgFa/JlVkjAESaRC1H5LUpgqCESYxlrCoC3KOoVOkatJ&#10;zSQJG+VPFmwUOJCXWCVPmtQ5hc1+Kxhn951QhLGWwRLchClrFjNZWlZ2N0p1s0palTrWTCgZIXx8&#10;AKyRfDH7rWWp5JdVxTZbJa0RTUO8ZmYySWFSPSrHTElBWSNaZQro2GEBG+Uyi9l8t4ThmeMrqzVZ&#10;XMILCKpAnF2ZP/KELMkUPrKfE4ZSTj258AybDkrquyUpcN5cmUszkw1D3+Jmsrhk4WUmkwWgiK2m&#10;hJIqk2jG7SzYmUJzEVJ+hlEIRGXO8dndslRqIKZR/vEd5wmGY2JypPgGNTZqnkwLnCcY12DVbZzq&#10;z7R2utIXxKyShuHg0aHCzGSSAr8RgjXxySc9KyeA8vC6Kyr66rk+iO+WXMIdhLJ2c5q2MvXEvoHM&#10;hbXiEqonICEzk8UldB2eXJ2wVrCVcj3lvZYylavRdMA01opLHnlZw8olaF3u8+KGmsniElv0groi&#10;dgDWNvdgTME4qK5TxX7MJaVM5QK9q8JHFmH8SA7hjWJQYy25BGs8KST04yzCtsbXVmNLLiGjO8IE&#10;sUpa0LpxvhkZFW3w4kfiPFEcaHZAwbg60CTHrMmSpuKG0jjaeK8F4+rCywzGey1tKpcV3uQ0EYyC&#10;4d4TkDaeQklap5EGaTvz3YpLeMMRQaBZk0kKCyGdOTqOmauksHhgU/hirCUpEFWmHF1ZSxi+rGu3&#10;Qkf7XJNUkG6mZLthWKPfh1klJWvFKSS5aHZAwbgVUEKqrCUpPK59RiRJiiKmhBsPgWbz3UrYikSQ&#10;FkDmuxUMt4TWTWpszSUUv6vTtKWtj152ZgeUtBUlPh6+Glv5JTTBohut2AGlbYUnr6PlPN5vBZv8&#10;iMt13JIUCOwTjzZcUjBYmZph43NVF1ZOHNjceAoFI+p13420hGaZsZTnNHU3qoJhjWCQ8fBKqUrI&#10;lvui+W4Fw1PgLTtzdpdU1ftcBYOAHi+cHHtBpXDlun51d5yCEWWmnZXJZJZYFe8Vf9LwZME4bnjB&#10;wezuPbkEj4vNrb5bway+m7RZrMm59U0q+Xh3N4wHiIhFCC5pvepEbJUsqGHQHThjLbkE+QHP7qix&#10;FWzeZDWtLegWlzOJxFi9hvEMo0WC6ZG5tmQVh3LoVXy3pCCCOhT/Gg/vSbN639VjTrxWlFOCloWr&#10;sPhuJXWdGB4RMjG2grFNIQWz30rr6iOGBZsrrYvOtGx1o/uv2t0Fg15py6vGVqQAlRB8MjOZMJQD&#10;k9wy3624hLjy9IQ5XpPVupWDigoCE1Vr5eqUgKnoTMF8BroEr9PTkxuEGVtyyeg2+AJmJotL0JKq&#10;th0kG2K/zbWP5IqxVqRArw/IxIwtYXN9UK0JiY7Ej+QixqPcYpU0bPqCkVs5HttWotd55G2S8odr&#10;smHoUO88sWOs1WWFp0NVUfpWYlmutNQbizsOIYScSW8tYZ9hLUmB8DxvxIrY61ZyWUpyt9XEzPHN&#10;amz7AM13SxjWkB0LX5loWFvDnVSrJGFY26eXw6H3yj4pa2ieTASjYeSM6DSr1mSSAtFK4jpid/Po&#10;ZfxIrM1d2IwtSWGsXcy7anB+W5OrpASseKFU95uxFYyxEVUz3611r5CC6m+0FYxVclP3ANpgxJTA&#10;XMj+zH4r2OTRTkanQMurtkZjJFHj3LCxNhvneAe07pUAPU6e2N0Fe1gzzTuIPPTYxjEx1hKGNd4K&#10;MTugda88xkGNv7FWXII3OUe+mMnmEoI6RomKijqmhNwu+h41tiQFGt7Ak2psCaO/4KY0htTmx4+c&#10;9jo8L2ZmMmHsN55PEhEMYg9lDRWS+m4F81xSAlaSr+gnzdgK5s/u7sVKzzP3KHTBxilRLS4II9dM&#10;UrlpYuYN4ydyKpsd0LpXYnE4QmKVFIwOFwQjDHM96V5Jx5gKU+pXY0ooL6Uo2+y3J90rDMRSPvZe&#10;C0ZhJPFJtQOSFDg42G9qJhOGZ06JjLgtUjcVUzLH1AjGxdgSxiohrGPuASVg5ZhilShrxSVXXAwT&#10;6SW9WmMjEKJWScH8raMErDhcjM1wScG8h1cCVliZg9GskoLByvTmMaukBKzzwDQPU4tVUjBOHOqx&#10;zH4rASs+F90dlLW8GnGazn1RnN0lYGVsNLlT1opL8K9VjdhWAla+25W4uZnJ8kvQ7hHrMmNLUuB8&#10;O81bMse7u1q4oolA0qhWSZICu5tJUWsyYTDXQ1J67HOVgBVrm1KiEusLUuDEmQcGxUyWgBWe5LuZ&#10;sRVsmroRfDXWSihC9wqKH8R3a93rvGeo7qYlYCUWxBlgVknBtPKblGB8AK3FbhgtFLkaG7+kBKwk&#10;5am0MCdOwbjycQqr75akQJqcp/nM7i65LMldV41ADjJn0lZtNWwivbTSMmuyuGRDiGoaNBPtjh8J&#10;axGeVN8tSYGUJLlrtSYLxtP1UzJxzCUtYF2JBZk6KuJaMTbqMQkymJls3eu8XGOqEXhOJK3hcXGg&#10;irG1gBXfSTUB4OJb1siQmVoj/ImEoQxW7defYFzzlTp6exKw4s2qmELDmEjVx48rbI2NNvZGp/AE&#10;g0xczLx1r+htXDS0YdMhUvlcrXtFqjOCumNPoWG2IShJqZxJEqDIQ421gqGTUh0OaJtb1pBhqjtO&#10;w1ayfUaxj+qlrCHWNC3NnmAIrmZKjpmrBawsEdX5CzLNH4m1aaslrDUpoGZRrNy6V7xeshbGWnEJ&#10;29TFglr3igxpHmYXYyu/hKvpPD97vANa90oy/6JiCi1gRd6AR2OsFQXxI+8qXtICVkQYUzYnxlbu&#10;DE4X76CYmSy/hPiFevSJUF+uSZQUVNMaa00KZGRMnTANXMoaVxUV6W0BKz+R9h1mJp8oiO+mxlZc&#10;gpxINbzeqgcsXxuVtdndpXvF4WXrGO+1YSdi2JDC8X5rAes8jqpiQQ1DAKDU0TRjyc/N11ePdTWM&#10;q/pNPS9Ccimtze1B7beCEZ3EmprJIgUiQYjcxJos3auuW0QLXWMjYKJ2QMG4B9PBx3ivLWAlqMOi&#10;NGNLLoG4aI1mmKsFrJz3u+mDQaVoTAk3YV4RVfutSAGHC6o0Y0sYjDwv/5n9VlxCC8i7iuGV7pUI&#10;Boe3+W4tYKXvEqeAGFvBiDzxnJLZAS1g1RmxghHBxjE3M9kC1gu3dXXiFOxTBlpZKy7RmczSvRIN&#10;JdunvltxCSFsYrbmuyUMH4j3iE1UrQWsJANcTrhgWCNFZXZ3C1i1CqlgXE2vuzpNu1ErzRt4aNDM&#10;ZHEJPQBo2SR2d+teL/RDPosaMVK5yVzz3dzubi4Za2psCXusEmWtBayPmTTnW8EIaTKTQme+lYAV&#10;V4b2GYa5Crag7nGx1xKwYo1fafzJgjE2in8Ml5SAlVAQT8iZVVKw6XnCwzdiTVaXV68LKhirhFcG&#10;zQ4oASvKOKkLKhjp/xt7x4wtHYzPsJawUadTImOsJSl8xipJ2GfMZJIC1qRWrXWvjzWpxpakMPtN&#10;1S1ynCVzbVP8I2qNcCcCRkyH/KeIPDWM5xtpRyXGhmS+rKFwM01zG8bzjRQpiR3ANaOtoS8RzNUw&#10;mIvTVOxufNy2xp1KMFfD5m22K87T4W0R9m5rpIUFczUMa2RA1UzWHQf/Gl318dlNg6z4kcwk2WTB&#10;yjRSDhiYbTc9dRqmzwD2ZVtz+e6G4QWdVCyIFt1ljTYk5sRp2FjjGT+zSpIUmEmUqGpNJmzyWurZ&#10;FvqVPI1NxcwbxirhOTjhK9MWtq1J5iqYZ64SsE78iDNO7ICCkZLf5/W5493dulcC7TyrZawlBWGN&#10;YiM1k8UlvGGmYng0c48PMKysHmQ6t+7Vj+2JS26oRc1MFpdceXzXeK/nkssuPFvN8/LGWnEJcgNq&#10;7M13SxjltzSXNadpNW6lIy2ry5xvBZsHoOjLbMaWpIA1KEiNLWHkLEhtmu9WAlYyVMgnDXMVjAfz&#10;iGAoa8Ul1sMjK5s7gMqTs+lUTZIuYBzcsLLZ3QVDF0QyX0Qw0CeXNaJxRq/cMCJPHN5qJpMU4Eii&#10;r2aVPOlex1VQY0tS0DcqCgJiSohzIQ1V1ppLaFxsKtIIkLQ1OroYL2hNUph+TdJawhgb1szubt0r&#10;fUg4hwVzFcxzSete6Q41ourD/BtrKWeS7jEUuArmKgErzEWNkuGSgg2T39SaLAEr1oh8mN1dMHwu&#10;4iVqbMUl+sRp3SuKarwuM5PFJbSlmHD08Xdr3StqB8qIjLXiEn12l1yWnick7tRMJil4D6/kst7D&#10;K90rP5K9YyYyqWSaQ5ko17nlq+jdjCioUdiaUsdjz3XL+w3jcpfgQmFLqXnpzZR0QH2qckgKReBu&#10;mj8fj+tJuEpLQbOpC4XyCF41tsqtmJorQ8UldqVHk3odHp18ziGlqaYQuVHjUbhxJXs8Xh4VqRQ8&#10;9viFO1FkE488t2CVGTRNNhqFLbcOW66qv1fyzcyh0cnQRStmgyIauQ4TdaPuQ/kET1JVub8KdUP1&#10;7tZG8QbFAyY5xJkcs4GtaRsv9nLzBgkstQ4ThS13a2qRKoVSKrxaqGkOYJStZKtiNmjrMF0djg/n&#10;QmFKKQOIf6StK7aMI1AoWF69WEHVadpC5Gie3W7UjEqtjdK00g/ubOQVBL/jF2KLe65YhyVN1Xu5&#10;UH4OkwGQOqhnQ9Huxbj82sgrCFITVFpmHSaK5gM3RDvHe7lFqUROTLqQHFqOa9wv4wO0khUKMEJW&#10;yvjLFn6VGVcLUmlVqq4sheKiM2Vpx3PYctRp5GYuY4WiPmCe/xG2ijeIKqj9VRJW7duUFJWiTARF&#10;Yh0WauIX6lwu/Srbf5TYx9xbqOnLb3TAiL5iRfHO9qg9hK1EUdExL0uL75UMsHALdmujUJMwVWHv&#10;0qAuZD6NLp0rRk4HzLYbjRQtfgpG3xq16hs1dzA1jUkCE8pRbnbpVhc0RNMC6fiblQCVa5GKeBeI&#10;95BZimY/l/yU2VDuTYHmcTP1XDnyw/hivFurXI4CLTSGVe96cGSlLfxls50LRMs8ujeo75Xewwhl&#10;zEJstSqVJi6GWbJTJHAqFFAgarpIUZtFX1pVSjFupokj2Y+YeRY9olNzaW7NKeIO06GV224Z49FO&#10;EttihxULTG9jc4OoBq087kAqSrSUo9o1fyNcqlycRtFKf9qDHo+sBaf0BFIBvkYh2po8szBWFxY8&#10;CJJsxwdZqVTRuVCpYGwleXDvoPmFsZWoaeSkFn5rTemir5iqUDz2QvdSM64kD3YLpaFmXIXCRXfe&#10;WwtNya6phGOjuAEruRwBkVz3HEmctGJ1FIoNjabJTOMTEagHH0kJ5E88jX5QGSv6OC34cGZkhdLe&#10;QPVkpTPSVEiJaSzSOVk/pzWmlvKfUNaDa4npZEzMyBqlfdNWmNo9XSjtdLe+9IIcwHBVofRlotWl&#10;03JL2Ur+0Jek1pbuCAjUB8uLi778VUfVlXG5xZHsoS+13YbVBiEKxQtFLghRqlKa3FzMqxb0nwqi&#10;InABmQpSLE3pw5ZaG0kd1hYtdOIXIhoY4cYhTTWK2kN6UR2P69IyVG0rvZWxZWRq9CSIcXF75mZl&#10;xpUoZJpU5Jtx5aXlfOWri1cKaHwXvxBbXP2MrWQAbE07O/G9EkXaebywQz+RHF38QoKSzKKxlSjS&#10;YZPaEraSAQjsEoQwthK18aq1Ka2gy0KNi148am0kCnkB+RwzrmQABG30cDHjKhSvAxneQC0a48Kt&#10;V6/VN2peCeUXHn+vEp3i1lOPJ8ZVqDNrQ81haUdHxmD6p1FDFLPBX51N4Rn5pUBRdznik+P9VagR&#10;/5i7Eb2iwhZFzkoj2SiCMVPVLr5XMcBI5gzPl9aUj0W/WmOrGYDOVmbNl0AV6S1evrGVDDBiIb6y&#10;+F6FmndGlK1kAM1R1V1Vc1SpRTXPF0rzfLVW5Uq6GfUsWd9cvdMwTUh16WYRKFrG8q6b+F6FohXs&#10;9FY4XvOlEz1z+zWdovAw4hdyrT/R1VbYSt6Y/ghGp06OvmxtiEuNreQNSmpVkoqq7rTFq39GjIC6&#10;P1C8jz3e8vH+KhRlDNM/Wsxh8sZ5mtSJBCYVAfELaXCghA909QgUlU6sXzOuRJHzVG0rUV6HLX0u&#10;F4pfqFquX0oZii0m34yr/Q2+l/FFSxe6oac27+ZeCvUochEyQd6dyjlEKq7WYaHmdXdTMk3/8bRF&#10;os/oxBuF/8q+FGu+FKH0QaWiT3yvQvGq9XZWc9gMQFGAuaeUihRbaDTNuJI3NuI2Js2HDi5mnug+&#10;RbfGVjEATYBJHR9zVClIkQeoh0KZsviFU6SofJtC6b1cAlLqI0nZmXEV2wxHmbteSUF5Y4aWQsZW&#10;8obm3pKCjjDDfa/yNzhTmI3jM6WkoPhRJyNww6XOrzxnpZnDkoKyU1SmlPBp2poGJWpc6TlQ8HdX&#10;98qSneJH0UzOzGHyBv4hjU3E2igB6TwprTiqBaR0XJ7Q0vFmbtjcs9UkJnEgi7upl8y46sYXQ+Ci&#10;msVzOCaKJhDTN1OMrGDznK6hxFKDoknEmVLTmNxBsFKVOrEccmT+mxVMf7OkARoB0X/XMFX1SOVS&#10;b+qvif7lwG6z9I2tgvHFlPNbelCaN/FGpLKV7EFyit8odnQJQv0kFkxPYrIHObfhRbHuS30KDajI&#10;QwlCR8SgCkGRjcV3JvLgbBULnBiWaS1FKX7aopGV2c4lCCWZSGJFLY7kjn0EzWZtFAfwLK16QACZ&#10;Q4xrutCrcSUF0C7uavobcLVOU4/nuY4dgdKD3glKq4RAodDS0JhITGHpQe8oChT5Fmq2sgqOlh50&#10;nxdDzeFcKPLgLjjaelCq0ExbcRqRxuf69NiDmcOkjQmbGzUzOdu0Na+IGD+g9KB0/8JLFAxVKHJ7&#10;NEo048r9f0UmaBTGiCliXFwEmA5jK/f/lUuzcty6Aeq2qgQpTXHjF1JaelMBlUJRfKy6VV1KQ0on&#10;D4T15nslbdBIfIQtx7xRYtB5P0r5o4ViCtWLWpTExRySHrmpAFihoFAe+hTjKjEovdiVwphuN/EL&#10;abWj+jXTtiZQF5RIKqlSKBr9q66IZIfS1qf3mo+97EIRvB0GOF4bJQblIjcyJGErvQ2OBtUXmkRU&#10;jotguxGMNGolQWqqwmhJGLaI3FBoaMaVKHoQTGhfzGHxxhX9qLKVKO7MMKKxlQxA8ZR6/BL3J2aD&#10;1104Yo2tvKegTcEZNXOYKHQ61HoLW6UDve28kWDWYaFwlXmBw9hKBqCHiUtol3gUbeC08zxeG9Wq&#10;dN4jUTxfqIXgjUqqtAyUJLhKJBaKyw2FvGZcyQB0C+LhAbE29kQ97r2Go0oFSrtvHos3tpJtcEVd&#10;ouNJOoqToqKIBbvykc1ebg3oBHxMfxUeQYjNfKbSRVRqXZ7ak96JZZnNXDCOPRXMbt0oeap5svX4&#10;UCkY/TvVXm4B6KTpTA0E+oaYQ1wC5WO3/pMHx+hkJMZVMOKc6gpb8k8ESHJtFMyujZJ/8kzfpNzM&#10;uNJNgWxMlQBB3pj4eYJTiYobRsWg6XBCN+mydbvggJlxJYwn7FSAuUSjyPZRgZv9VbDpWm64t+Sf&#10;n/G9ijfs90rPAXeIwI1RtZVqFBJV8cMSjY5qf554O+aNgp0JEQl/A3rJtXGajg3CVsPgDXMuX0s0&#10;ykl0o7TgeFwNI0Rv7kRckGtcy1U5vg1D8WzOL75P2CLOzk80w0qUDC1fq2npPDRocmCN+tQd79i1&#10;oegxhnWbZzHU10qUdUXp0Zu2cEVXNYWJItCursucwmmLa6Vh+UaRhpn80qHbe61mpVeeuzFZh0ZR&#10;AcntxtjKCwfFjAgtzDJMFE+04NwIW6X+5JkD5A7CVqFoNne6mXGV+pOW6xcUtIdsiHQgvjJFeKrR&#10;GQdjoKZpKIeesJUoXsI6mRbcuE1pixSi6XLWqI0m7abJA++TtS1uzGZciaKx8rReOV7zpf5Ed+tY&#10;vlCseBotG1vJAAQdx6kU3ytRvLuqQg7XUn/y/s6U8ApbyTZ0hp36bjGH6W6sKBfd90oU5z8iCWMr&#10;GYBa0FHdiXElikc26L8kbJX6E7eXYnJhq1A3ZtDUCNKDN9Y8tk4m5NAoUku0hDXjSgagMZfysOll&#10;Fr/QNrAisRYoMpzzDMvx9yoU7cCVRooPVLZ4kdSs+ULRIX0xzZfoqZe2eNcaFhXjStS8hHkStczX&#10;0owushaxUdyH5s27471c6k9C3+hazbiSN4gD4jwYW8kAXB3UK2Gs8Zh5cl9ono2tZABbFktOI23h&#10;Kqv9VerP6XVqlnyBWIOuhwrx3fiFiG2Ui10gssv0kjZzWOpPnkYyASL+6PiByO7p9mjWRqk/CVSq&#10;46tAPMHEs+iGD0v9iaxHub0FIirKK1hmf5X6k31iGo3g8+cc8lCgejzuWurPO10r1DpMd4N1SG2m&#10;WhvJABNaFmoANnyNCzeF1xGOOao0o8NQhqIKNOOiPaexVQzAHIoMPV3JelzrbMvjcZX689FAxUxi&#10;oe7wvOLeUn8i8OVCKni+UGwvynbNuIoCyFXweMzxWVmaUY4URKPGVvkb8Jr6YKUZxdbNhHspgs3P&#10;jBbeSA8aRRdQ1aCIFyjS1nSeN4u+UNqPasUo9xSTTeG2EL9Q+4ctGKWMZBUiPV6RaFtcfc3aSM8B&#10;d4OWPGYdJkr72KX7XCBfI5yjhDvGRWwOTZAYV+k+aUNFWESMq1A8LT3tNI45quSihL4pYTS20kvh&#10;69Hg0NhK3ljRwKgYUYlFuUjRlcTYSt4gfcC/zbgShX6LImFjK3kDVeo8OHXMhyUWJZlCrs3YSt6w&#10;chvyILEOH/Eo4wOUWpTAEmoxM67kjYmzGQk9PRDjF+LpqMatjXpsFDWuZABcm5OK6ZVadOKipl4a&#10;HUqMa3SEbg4TpeO9JfzkwRX1cjhyvviFjzi2mcMSfqJoV3UB10Lp+HwJPycHa94VvhZK5x1K+ElI&#10;n2CgWPOF4ueZkiKiuznxeGw8X2psJWyyROpzJQGMJHh+4jFHlVx0sl/KVhIANylyaMa3KbmoVAPw&#10;i3IOibOR5DDjSpjNVpZalCwskVETPywYGtibcW1K98njXAQd1LiSN9Ae4RAduwCl+5yHZUeIcbw2&#10;CmaOrtJ8zoMsCFONnfQ1ppOGGVJ6GuSHueYpUwkj+qpGlS4DVRhoX5SpJ5g6TEonOk+Xq0pOov6x&#10;SahYMh312OoBQml3RzdnvlbCcNZU8LV0otMo0IW9CvbosWKWRm59COO+qwh2dRolS2H0lIQXcw6J&#10;dKrqyoYhWDavxPDCV9tymp6GTWt+E9hoxafVKlGhED+RzqTq5HpSfKIfMnqva8HsHLbiE3Wpql4m&#10;OB7jQidqyr7oBRAgqll4c9zwRsFWOEp9ryQAEkQn562VUJSGaUYLSJf2HBfqt+lVd3yaNGzUFGIv&#10;l+BzfOt5fFfYKgfF2ireQOTsPKjSiT68azOu4g0yB1znzbgKZsdVvEGftbsp/KKQMj8zBc/mrCzB&#10;JxWcyPPMmVKweSnZrI0SfPJUMrkvsw4LZnm+BJ8kRdH1KlvJG9YLbZ0ofU/mkYjjNV8wtCWmMQsP&#10;wuZHxtZUtApbCZsOXCao3DpRJpCwsrGVdKPnsAgA1phG72JcCSP2ohJETzpRfBt18yoYNTDKjyrB&#10;J74oHdvVuJI3KNY3TQKR1+faICxPRYuZw4RxWJjgENHFsoWayhS0NWzcecFRt9aJIgNQN6+G7URE&#10;xbnMUshxXfGxzaudDbtz5VDjKn+DVhMqWo4nnj8Rn81ke/mzE8VfLia08QQjxLYKpidf+GQMvd3x&#10;SnyCnS53k/vixbYyxsu6SI8OqeMJRkjUcCJvk5QxFFWmwOcJNgozkYW9lVqUFia8xCJSN0+wlZdz&#10;1DdLGsAYkiDh4fBgZk4IroChYHp7JOpGEbhpxPUEoyDW+L+crGmMJtkcmmKBNGzCjoZASjFKP/8z&#10;mWljrHiHew6y+8M4EUXENbJxBwTjP8EI2Rt9D05DGeMsMz0CnmATb1cjKwbhNRt1Z6FgKX8joVjj&#10;mCLrTRSXKlWY1TDy+3e39ItBONlV30U87PiNK0vfhMJu1TV0IWB0MtexhtEqe3RIYjUWFWAMGbhZ&#10;+gnDGPdTYaw0oPgRVECbI6ZhKAXUAinpKIRKwZ8ZWcEIT182c4cmip2fGmsnNDvHB1rBUIGhmBQV&#10;kLcSgk5b9HE2hbWiHp7u5OUj89mSRJA9PDryCGsJ4944h5qxlnSAtYfDKawlDDUo3eLFfQkxQX23&#10;ecRB3M0aNgyuyjtwxMoaUQLj7TcMa9M4wMxkXkiYDmstYVjjwFbWmhLuvPOhdkDCeDn8NNKkY94q&#10;XShj4xppvlvBRjNMcwljLb2RqQFeTEUkD7zH557IyeRPxNiKS6hZUNVNuDp/nbUkBQqpSLuqmUwY&#10;zHWaw16MLUlhyrbGQzve3S0rnTbQ6nQrhSjWiIcaniyY3wElLF3RwsPMZmxJQSQpUQOb/VYqUawh&#10;jVbfLSlooS/Y6HrFd0tSwBqJRzW2hJEUfTyNKKwlKayTujGRQDg4d8B5hSjNmiypKNZIIRi3pGAL&#10;FzZEpmImSyw61ub2dbwDCoY1ZtKcbyUXnZnk0xlrxSU0GVZvOaP0ig/gV0nBFnzrqQ04XiUlNPU7&#10;oGDsAASqapWkg4E1ubtLa8ru3k6rOQNKNuqZq2AwF5ygrCUpeFYuvSlnN9YMl1SDUvpXU3hqzoCC&#10;YY2Xh9R3S1LAGvI7td8S5mey5KNYI0JleLJgC4+PTMr0eAe07BSB/bjYx1xSMJI6U5BrrCUpsErw&#10;S8yJU8pTdjeyRLMmq+Mo1mA8NZNJQZxSj1ItMZPtl6wECswqKfUpb6Rw4qixPXHJo+Gj+G4JIwFN&#10;X09lLR0MvFciLGpsCVu4PtDhxKyS4hIaiKmWiki64+jAGhJqtSbTwZjKi+l0KmYyYTSWIJukrCUp&#10;EDcl8aKsJWxaTLpIYUlKsYZMz+y3gmGNkLwZW4lKuXcTLzH7rWA8U4zY07ByyUrHByWCIr5bwXjm&#10;leubspakMJL5m8kewm+5JulbhFZR7IBSpDK2h+DzeE0W7DPGlqTgozOlSf2M75akwEw+Wu+IsSWM&#10;LAUP1xguKV0qmsCH6E5YKy4hnj+d6o7PgJKYjgJx2roKa8UlPJNDKNpYS1IYa0j8jbWEIXaGz809&#10;oGSmWEP+YawVbDIj5FbF2Eqjyioh8mROnIL5VVKdSfHLYS5lLd0ZHkQg0G52d/UmnaXFRUB8t4KR&#10;x8V5VdbKL0Hsy+CMtYSxsugfpqwVl0xXbrdKEoZXwoOkylqSAo0uGJuayYSRwEFppdZkkgIvD6HD&#10;N/mAUqxyfaZHtBpbkgKPOPLGp/puCVtowT4OxjFzlWqV9OV0NjGrJLlk5XSbsOaxtRKgcp3Cpzdj&#10;axjreAKNwloGUbFGuYCJYJRyFUpA7mFWSYlQp/Ja9b6j6j88BYKTpBXV2NLBWDduHcoLavUq10V6&#10;RZqZTFJYCX4Toxer5Em/OrpXZS1J4TPGVjACJiTxzdiSFD7juxUMQYnLGpUcdeXF2vkAx55Cwwg9&#10;bab3Ix2Ec3FxmPLqjLFWMO6zvD9nZrJIYVpnqPhkKVlXHEqu7MJai1IJjk2t6PFMNgxnmU53xlpx&#10;CSlJbozGWsFGZGP6F/L2aX43aAsPw1grGI4JGmkztuIS6lPIIxhrDaOQQ53dpWlF1H6f92HFdysK&#10;Wvlu6h5QqtZ535wyFWOtuIRc/pS1HZ841ch0OozzsJyxVlxC+EJ1aUZcmquE3LpSWD/B6GRKdzwz&#10;tiYFyuiUTqEksexRmFLU391K3UrQA6m6Ya6GYe1OKvnwu9Hb7q+ZyScYvTF4y85Y+wtSMKuEPGn+&#10;SILYeNnGWpPCXDvEfmMvpzUcjLu5LaI4Shit9TbEFIe7+wlG5495q0h8tyIFsj/qZXvEn/kjySGg&#10;dDXWihSwRjLNjK1gWFNVvGyT/JHkP1Uj+ycYVU1ybMUluKG86W7GVjAkSKQEzEwWlzCRu8njUHme&#10;U4Ivc+LhU7FKyi85nc/KL6F8p6zByiZmTqVAwk5oa00+4AnG8zmq5RsB+bJG2ywj9H6CoSQdocjx&#10;TLbc9c7Z7cZWXEIAT7XO4/SMseEocHIZLikYDxHtMJ4ZW5HCaVrGirObHuzxI7HGQwSGS0q6Ot2i&#10;LkZ/vTfMf7fkEoShc88Xu7uUstOtc9KtYpUkKYxuYDM9AfbWvCIcvnFZEdaSFGgMdMLrNWNLGCEk&#10;NpyI9NI4Mz43ASsSoIYnC4Y1ojPGLyn9KtaYSbMmC4Y1ptKMrQWsZCTvJtdBg6mYEiYEc2aVtIB1&#10;p5me6eawFwxr02dJrJLSvWqhPknBHNu0FjBKVKLdASPUflVPSjZsQu1cBMzY0sFYcNQQ0IsdUB1X&#10;J7Wl9FzoC3JsN44Ak11vGKH2aWtsxlZccsMcB9WxP/kkl8V7VedbtUJFPUneyHBJwZjJdRpsHzNX&#10;NUMlEjGvKZmxJQWNNFrlFnGW6rsRxFPfrWCMjVZDZmwtYKWeQfWVJgUWP3Kk9+TExEy2gJW6w83k&#10;u0mBtTW8LmUtSYFOeRzdZk1WM1WSu5RZmB3QAlZSD1CeWCUFw9rc881MFpewjud19uP9VrpXvhsn&#10;jogpQIzxAXglkfphNZMJwxpnt7LWXELyR906Wi574YZj8jjchGps1LGah0EaxtjYAOZG1QJWBKXT&#10;tER8t+YSikiMNpTAYo1tCvrMTbhgnAHUDJn91gJWqFwpPvhM8SOxxkya07R0r1xVuAmrsTWXzMVb&#10;ja24BGXuNPk4/m6lex0RzCSbjk+cFrDSSp/T21hLd2asTcsDYa24BOEMj0gYawmbMh71oAYOZHxu&#10;MlSSuQqGVApWVqukuARWdjGF0r2SQuDAMbu7Bazs0ZNpPc2ujCnBGp9NWUtS4DGDO5px890ShjX+&#10;bU6cFrASClJttfmze2wsZfPdWsBKid7Z5N+4nae1eZPLZFaIagWMfhA0CzG7u2DkFaEyc76V7pUe&#10;cjStU9aSgj7DWpIC+irkFMpawrhzk0pW3y1JgSALhaPmfKu+qyNg3ZVnXo1XSaws007imJULNvIq&#10;7tCCJ1vASh2hen6YRnyxuGZsN3UTrjaqI1RDe2zGVlxCuISuY2ZsSQq6CxDK0x4bu9swVwtYqUdT&#10;ryrRILOtyTXZAlZeLZyGaserpGB8N/LkamzFJeNfmF4l9JPLsV0Q2RoN/d4CVtspqmFwydz7xCpp&#10;AStrUvVU4g2WHtukLYy15pK50przrXSvLH92t/G5qq0q8QTOAMMlBWMm7diSFBD648AqawljbPI0&#10;Ld0rPSp5M1VZKy6hB9nFVFwjfIzPjSrFdals2PiT89jqsffaAlYithgUu7tg3nttASvlMegujbXy&#10;S3hXYFlMNLR0r8wk2lzjmRfs09hMZqUFrNM+zllrvwTiUjeqarbKDqBpjxpbcwmrhh8pVklzCZ6a&#10;yohVc1fPJdVwlRIl16ON1+dj48zBTeTDjC1JAU/h7uLKpXv9jLElKaCT2qdVwfFpWi1ehye55Zix&#10;FZfwkuKm/MmWy17sKikBK14QmjMztoJxN2ULmO9WAlbCvNyMlLXmEhudKQHrsvPdFHMVDFE1kSfz&#10;3UrAOj145nWe41VSMGTOtEQ3Z0AJWMlkuu49e8HICfNihrJWXAL/OFauzq1UsZGBVqukSGEqHxRP&#10;VstXOhMhjlbWkkt4jJESUMPKrXvVCqvWvXLeqIo0eDF5EuqaNMLxGdAC1nmbSt2En2Bk11djrQWs&#10;iGVVRxGWUo2NrWNq+2gRXzB2gOmS/AQbVlC3/CfdKwFKlVlp2BRlmq6WOKs1tinHMfeAhhGLQNAl&#10;VknrXtk1yJAEczVszny1u1v3ioD1qu44DaNulwucGVtxCUtSVcrzYFx+AKIezjNv3etK7YNSRTzB&#10;JpVvTpwWsFIPMu0+j0+cJxiXTFMBSrahp4QmoWpNFgzX/GxyHffWvZ4oQTcqpCcYoW/Cf8er5N4C&#10;Vk4cqpSOZ/IJhnJmRNWHrEyRXMwk6jECy8pawqYmfIrQhbXkEjyFUdSZsSWMDC0JMREvodytxkY0&#10;2vBkw/CCziP0F2Mrv2RiA0YVQelg/Eg8vFE4GGtJClPyzl3YzGTCyPZxy1djS78Ez9zF8IjG5Ngm&#10;gmHUY3h0AWOJuBhew7gHWGtJClgjGiqYC513/EiohO9tdkDpXhcqm1S2j/LetuaiM/fSvU7TPmhZ&#10;rJKC+Zls3Su4uYgdngEkjmtsoycya7IErPQOnrVsrBWXzG808RJ03vEjp5ZcRWcaxoy4vOm9BKw0&#10;wZ+2oWZsxSXjzBh/ksYjNTZejDAZ6IaR7yZoK3TmBLvLGjEFc8dpmM7lc56VtY2OtOIm3DD0JVRJ&#10;qjWZpMCxQYma2gEJG2vq8WN0pzk2utjydI9YJQXjDCBCb5irBKxUtqomAPdCYcwJGtHwxtCwRRsM&#10;M7JEoQzl5DBnaclXp7peuUCFQmLLLBr3rkSvxBwdRxZqZepH4nzsk5R4dTq2KhopFMLokyq2xgeM&#10;b7bzLobpztgoHeG6l3SVACPvSJkFktzzGSNLEuGBMSQ6xliiqBcldmc4pPSuRIDckV0oFgj/MsZK&#10;t8qDi5SimaEVTEuwKceOFTJ1aPMI9bGDUDA4hMVvtnXpVheubZOLF9aaRKADE966l24V6kdYoqy1&#10;OzI6RjW2dkcIsZtyRaow4gMgU+aOKuQJqMIDhjuCr2UO0YJhzUlC8QfKGgyhyL9gnyShaiaTEnDs&#10;2KUigcm+jB+JNc56Q8gtd+XiPL36xJosKnnIXdXY0q9gaz9uDcJawhjbDE4cNqVb5bJBXNKskoJ9&#10;hrXiEmoqlSSUJ3n6u3G4GZ5suSvio119t4L5VVK61ekGr4r/Kfrosck12XJXmy4lvNHWuGyYHdD9&#10;WtHIquakkHdbs2MrLplKCcWTT3JXy8qlW0XowWNTZncXjPONK5HZ3aVbJb3BWzjmNC0Y1sa9M7s7&#10;SYH0PXkBNbaE4SlwBhhrpVuloyleshlbwbD2ODqO3eTSrVKqQjDNMFfB5sBXrYdJoMRSnmZ2FIKI&#10;M6BgU9KHjEx8t5a7Erl2weuCYW3k7MZakgIzSV2xCVxUm9e5gKkW7fyonMkrDobyJwvGKnnEcsQq&#10;KS7BCYKWzXdLGNbkpbR0qwsaeFUeTNeKmBJ2NzNpuKTlrkQzTyqUUDDPJaVbpR08ciA1k80lNnBR&#10;ulWkhTQlMvutYHiv7AAzk6Vb1eIjUiH13cYxVNaKS9AC3VTA6Unuqq2lgzFMMm90H/uTpZL1Hl7p&#10;Vuflks00yiJYVDMpCz+5iQYMX5l4jhpbwhibKzOlzWFb+7+knc/OLLmR3V+l0S8wN/9XCdOz8HqW&#10;XtjLnrYwM4AsCaO2Lfvp/YvKJItxsr5742AEAbe/qCQZJA+DZJwgSbJSaWOy+noyXfNad5WnZIxu&#10;fAqVfUAOd4Xlq61LUrLYmxZHwGgU2L/hUCsE6nO3/dABUVpEbPx4Dkhxqzxr//Kd/ngEpGSUxoxT&#10;2XXkcNfXbrFiJ1MyUBLL10rdki157YRLpY3JXpisHDPleO7QAfRbvOhVsCUpWZRWutyGeP5UGuuS&#10;yoHdnIx+A8ollIxGAV8Q46ZUtzFZfbyluFX8XDD/pdKyLal65lPcKksnvGMVy5WSsQrCzVVqydHx&#10;gX8SU1Kq25isvg9Icau4CriIrQLJZEpWwlZLS64Uthr+2tJqMqXCqcz1L5V1Qgp25TE19m+FmqVU&#10;+ObptMomIAWtclQ7DPmPbWRKRWHUrGIjU8wqjcG+qFLYaH3qMR4pZPWg8UtEQEpFYewUS302mgPe&#10;yyi9CAVzOFg6poyDi7wKxj8FrPIOcOlSG7xgqTCuw6scHCR+bUjG07wwU5U+G1NxBS3e7FIzjrYA&#10;NgVvQqWwMZXRjKMtwDLi36oUNqZiywaXXhlnKVgV6Ifd+fE4S6niWsto/R+vfFKIK4agdL8G8WRD&#10;T8/BAJQm0BSqisOixtykVARdU7NSM462gNdUIlWhGcdUM3cxTpUT8VyXNjQIj1WVHsrIqQgkhG2q&#10;zJ4pTnXDXJXiFlMqrpuKJ6UrABltAU+8PSpXkRJHMLQHQapMMqXCRlvAJTGEd1f6bExFYXNcpFKA&#10;/mgLiCtbSyseCW3FXJWYhhTaii84rgcooDFZEDqtdMvw9C2Ftm7fpqkS+SPJ4rHI0lEp0o3mgMdG&#10;MHU/rpwk48LgWgQ06catycpbVRVnpCRjvsCtW8Ak6UaTsHBivzLTSDIu8WUFUxjcpBtNyYIHaS7c&#10;UiLJ2ME+o1V+OAhINy4sOJxVumxbklEca6Za7UbDgPOtFE1LcWOyeOy2tK8n3WgaFry0lZWdJMND&#10;xVGrwmqLdKNJIQq05JKUZOUHJUg3mgfmDp5aKo27MVk85v6o3C8wfUvRqnHnSyVcQJLxfDlvKxb8&#10;FqQbrQpvnpfYUkmG4+jB3ZqVgZDjVdmlVMITKG40RszgzMa14karwiOopcvSKW5M5hQ3WhUcLKVX&#10;3SluTMZF/FiHWu1Gq8JLD3gZK8jMAbLwPqUbS1AzmQdCWSprPUnGQTnuxCvNCDnWlYjZykMuFDca&#10;I1wlHCaoFTdalbleuzFZXIVQivdAzWQeuCqxclRLksUlo9CtlXGX41a5toRG+eHKiFV5ipKtQyVH&#10;rrK8r1wCRnGjMWKpwiHOQogV6UbzwO523wpubEkG2QpHUprNc/QqHkrura80ZrIqGEycGaW+G81D&#10;PG7NBQyV4sZkIJORUJoRUgQrz1nE0rtS3GiM4kpydsel2o1WJZ6Tr9yrSd+lZHGdTuWCD9Il87Bx&#10;qKMGlZSMuu3FxkzmgeOflRuI0TIlwzbwVGmpMUerwpq2tI+kuJSMS8R4RqlSXAplnSCjK85zWIdk&#10;VXjimt11qbhkHiiuEiFEcSlZrHAq5xFIN1oVJoSFnUxhIORkXMRdun6M4pJ5oA9q4y4nixu1KwFQ&#10;FJfMA1CphG5qMpj9tRIBRbpkHjioV7kwQpMRPM4d/SWoJPMQj7aXNsspDpZ7Xcp9l8wDAK+QH9Qu&#10;JTOKG80DnrpKxBWljal4WISrrmttOVoH1mGVSDlKG1NxWptr7EulpZBWbnisLVRSKg5Z0gOluTWF&#10;tBJSX7lWIUL9B8dbHLLkXEMFlSmklTs2ayhJqZzSRoMS15GU5vEUCMvb8jioSrvyFNIab8QXIhxp&#10;yWSFFuaQCrkfZObQA2xEaouGlCqmx6OIktGaYBQqF8LEmnfQkVCyhUtVSygZrcIej9VVpp0UCBuv&#10;IhV3BimkdWfZVlrLplRExUB51eo2WgWeDK8cKKQlx1T4WXnTsGRLUkgrLGDlWrzpW0rF9Xa8QlZa&#10;OKeQ1nppyZbEpmCu1W1cnZQxmQJhaUnqVrJcKaR1O0rxlLTkaIFoSV5gL6EkhbTieq6thFIq1mv4&#10;VWp1G20JFzfVlnkpEJbnuDlEVLKT6QbXsK6lhUlKRWm8flwrbbQlbPsr0QT025gKlHBEqlbauMJg&#10;aciyvrBgToGwBC/jjq+VNloF7hqqkD3UbUxlWOUU0louLaUiDDmIlMockEJa8ezVLFdKxdzNuqTU&#10;kimktdxvKRURrViFkp3MIa086FYaASkV60k2LLW6jSsMQlMrcbDsF8ZUTmmjLWFWrHF0OX6WdQIh&#10;JCWUpBVGubSUCpPMzrZU2mgVIqyjNLpTICzrkpXbCEqlJVuCM720CkqBsK/RXVuZ55DWMkqyLeH5&#10;sgonHoF/w8oQiqcSeyKpIn629Moj6cYVRnkEpFSsy3nWttRvcoNrWKDCHJBSMb8tsOsVlOSQVjyc&#10;JRdNSsV9tlxZUavbaBV4W762Usjxs7xqW7oXj34bbQm2vDZ3p1QsnQmCKNzXS2mjVQDJNZYzpaI0&#10;HIcly5VCWhdmjhpKRguEyvRbrbTRlsTttLXSxlREInMxW2k9mSJh66M72ZJ45LG2x8lBra/demG8&#10;pVTGWjlHtUIJluaAlCrOUPBWVGV057DWct3GnVGc3ObUUqm0tFsBkyVbkmJoJ55t5xxLqbTRluAP&#10;LZaWUhFrQSxhqbTRlpQxmeJhWQVhX2uljbakPOOkgFintNEqlG1JiqMNV29cTlsI5Uk3uJbtZErF&#10;wykEkdRacrQKZa9auveViFgiA0qlpfBWNKzNbykVRzRf1yAWWjLFt+LErjxzSoTXuJrB/rARKFnl&#10;FOCK36NyTxGlJVtilJZsCS1ZY8bSxa/4grDMtY5LZiGYsVIkSAqoJVaCMJ5aW47WhKAEHpyoLPJS&#10;cCy14xx2rXajOSlTAik6lte6AEqttNGccNV4LZgtXf3KwpBYhtI0kCJdj9rr8nFOadhAgBFuWCtt&#10;vVOALEOn5jJJqSiNwKZKSxI6N2hZdVHmVJiT8EcUDDMwHEqLe0cri7ycKnyGvKFVKm00DDAJJScG&#10;TPugYxxViIvgfmwqYdOGdNUFbE7FOxWsTGr9lqxJ0a3A4n/QkQn1WWP18cildHFZ4I8XsJoKd0Rp&#10;dOPZGUrDh1HxPeVEE0GEMXAq3TaaknAq1aqWUvGiW1wtXyktGYXiipIN29AgMd/EufRKaePKJHi7&#10;WkvmVNV9PgEpg5bV9WtOxX6R41ylfstBscX9In6EQUcAyrajNNxScGvV14t9S6URw1PaCzNXD+kw&#10;riU2P6fCP1+buXHkDIVFAFppAKRUWOi4+bUCyRTYGlUrHFaj15L9IZidY/Cl0kZLwn1FpThtBtjQ&#10;Ihw4PFipFUZbimqt8m8wbmNhOyOgNLele18juKGyyYcmGgubn0z4pZqNFgE+uDZtp/DZOHVWoh5w&#10;mo46skwuGa2UijBRLhWr1CxFs3JrRSk6G+/IoGLEStf6LIXARvRN5b7GWCQNpcWp0JJjhsPdQzJG&#10;eenuIEobkzHPROBsAfzpAtcI26ic9qa00fhgep4l6g3n1Fg3TrNUDv5R2piMWxdLTy6SbLQHvE9e&#10;OownyXZW/yXKlNj0oW6EbHAXd2WxlZLhcYqr2Sr9NlqEmc1s5VYY6jYmw9YRO1YqbTQkHJethbjj&#10;sRuahK1GvGhbqFuKYSVmY6scnY+N8lgaxENplwhxPCQjQuFR2t/nZDzct5ZoRQJPx9LAZM1ypWSs&#10;K0pPUtEko1GY8cxU7rOSZJwqLZ2eJ9loFDh2QShRZQSkZHFeueS+4/D10JJcJcMjIaXSxmTcBc0h&#10;txImR1tCiE7wFYWtVAp6Xc93RSojYLQlxBowdZdKG5NhlIFJqW6jUVh21lG10sZkcRM6G75K3Uaj&#10;sDwordaSKRnPk1RuB2BYjkYBw8VtoJWWzMmeUOulVXIKXqU0Fm6l0kYTtPA4Q63fUvBqRG2UjhET&#10;nTwOnH0/anYyBa9ydxMX7ZfqNpog1kC8ql5BSQpehbDjjZBSadkE4ZsvjYAUvMqlksU1V0oGhx9n&#10;owojIAWvhg+uxAXg9hn6DUdV7TQcYBqS8VTvUhwBYzLu/qiOgNEoVO8kYJiOyYjK3Z+1lhyNAq/b&#10;EV9aQsmYjGAPDtdU+i0Fr3L3K/elVUpLyeKKjBL5jE9x6DeOffM8cKm0MRmLoLnmukjBqwzt0i26&#10;4dAdlJweeM9L/ZaCV3HMs6Et1W20JdzNWQtoxzc7KMkOh0jsUmljMpxwxdVrCl7FU1u7jwCH9aAk&#10;dzR/49BqwZak4NWgRmou3pSMBoKhLZU2GoUntqQUPUyA01A3zCsH9SpVG20Cx+C5a7vUbWOy9YBG&#10;LhU2moQnN/jOJcdMinjlyazKC/aseMZFCU44bq0o4T+l42qf0klCtr1D60OTcO6kci4zpwvvRWkq&#10;zZGrnCXl3d1Kt6V0HBeu+YFy5CrLtBpdyt5kaBMufCmtSXLg6oIXmlFT2ASkdEU6kVXxoGH5TttY&#10;TQ/pcIGWxnW+9pVbxktvO1LYuCTZd4i6wrjOUavM2bjUSs04WpG5FsLFJDE0B7GPEYxSKmxMd+xT&#10;yYikSFfWa/hAS6vWnA7slzotRbqyzHtyXUulajkdDwSWxnWOWaUZucSmVFqyPuE7qmAkx6yuPCHG&#10;Qr4w1FK6nb1NqbDRGLBjpNtKGMmhrmxJS4WlVYVR2JhONqP/8Osf/vV//PPffv+nf/z1D7/+G//x&#10;D/Ffv/39z5eM//rp1z//6y8/f/s5fvjrX/72099/+fm3v/z5z3/799//+N+Yjf7v+8///u1nkpMl&#10;qa5svpeY7h0TT1ZiVo9j4tlKTK+NiRcrMa05Jl6txJjYMfFmJcZkjol3KzEmcEx8WIkxaWPih5WY&#10;9dGY+GklDop5TM3fFsYUZB7Kgs5NpXs4C1Y3JfeQFoxrSu5hLSjUlNxDW3CiKbmHt2A5U3IPccFb&#10;puQe5oKJTMk91AW3OCbnbwd1wRam5B7qgv5LyT3UBZ+XknuoC4IuJfdQF4xbSu6hLpi3lNxDXXBi&#10;KbmHuiC5UnIPdcFapeQe6oKGGpPzt4O6oKNScg91QRSl5B7qgjBKyT3UBZWTknuoC0onJfdQF2RL&#10;Su6hLm4MSck91MUVICm5h7q40yMl91AXhMWYnL8d1AVxkZJ7qAtKISX3UBfUQkruoS64gpTcQ114&#10;8VNyD3Xhlk/JPdSFez4l91AXjvOU3ENd3P6QknuoC9f2mJy/HdSFizsl91AXzueU3ENdOKFTcg91&#10;4VVOyT3Uhb83JfdQFw7clNxDXXhkU3IPdXGtQEruoS68pim5h7pwg47J+dtBXfhDU3IPdeGoTMk9&#10;1IXnMSX3UBe+xJTcQ114B1NyD3Xh70vJPdSF5y8l91AXvryU3ENdeNlScg914TYbk/O3g7rwn6Xk&#10;HurCsZWSe6gLV1VK7qEujlmn5B7q4tx0Su6hLg5Cp+Qe6uI8dEruoe4Q1PG31e+COk4wO8njMPGo&#10;PH9byQV1nBa2kgvqODRsJRfUcZ7XSi6o470aK7mgjhO3VnJBHUdoreSCOs7EWskFdRxytZIL6ji1&#10;6iSPY6cj6vjbSi6o41yplVxQx0FRK7mgjoOfVnJBHQc5reSCOg5mWskFdZy0tJIL6jg6aSUX1HEW&#10;0kouqONwo5P8dTxxhF0IvAwEeHEE0ctAoBenCr0MBHxxUNDLQOAXZ/+8DASAcZzPy0AgGEf0vAwE&#10;hJyNMTMQGMZBOk8DASJxSV4GN8LCZiwUiZxgs6pwIy0QeBkoEuExvAwUiTAZXgaKRLgMLwNFImyG&#10;l4EiET7Dy0CRCKPhZaBIhNOwMlASI85ZeRkoEuE1vAzUJsJseBkoEuE2vAwUibAbXgaKRPgNLwNF&#10;IgyHl4EiEY7Dy0CRCMvhZaBIhOewMlBiIw7ceBkoEuE6vAwUibAdXgaKRPgOLwNFIoyHl4EiEc7D&#10;y0CRCOvhZaBIhPfwMlAkwnx4GSgS4T6sDJTsiFMeXgaKRPgPLwNFIgyIl4EiEQ7Ey0CRCAviZaBI&#10;hAfxMlAkwoR4GSgS4UK8DBSJsCFeBopE+BArAyVAiBwzM1Akwol4GigSYUW8DBSJ8CJeBopEmBEv&#10;A0Ui3IiXgSIRdsTLQJEIP+JloEiEIfEyUCTCkVgZKCkSQeZeBopEeBIvA0UiTImXgSIRrsTLQJEI&#10;W+JloEiEL/EyUCTCmHgZKBLhTLwMFImwJl4GikR4EysDJUq4scvMQJEId+JpoEiEPfEyUCTCn3gZ&#10;KBJhULwMFIlwKF4GikRYFC8DRSI8ipeBItFkTnjPMHuhQ2BpoOQJrwibGSgSTf6EO3SlCiaDwnsc&#10;moGJREiT5MrnBkmzDRSJJo/CQxiqgYnEuE40uYVNLoVnPzUD0ybGpZ9ZAxOJSqhwOYjXC3E1Z9LA&#10;5FS4L18zMG1i3J+ZNTCRGDdi5gxMJMYdlzkD0ybGtZU5AxOJcRNlzsC0iXG5ZM7ARGLcF5kz8JDI&#10;xTQ5gxA4RpXroDQDb3bmeWjNwEMiz1lrBh4SuWxcM/CQyNEnzcBD4hxXJY7dGAKvFwSJ3GVlZiBI&#10;nE2OhWPzWgUTicqx8MS8V4W4FDA1osmxcI2sZmAiUY+GcKGkWQVFosmx8AiKVsFEoh4QmU2Ohfuq&#10;VAMTiXpIZDY5Fl5IUw1MJCrHwnMEXjfejoqYHAs380kVTI6Fl500AxOJtwMjJscy346MmBwLt35o&#10;FUybeDs2YnIs8+3giMmxzLejIybHwu2r0gYmxzLr8ZEQWBOLHiCZTY5l1iMkIfA0UJtociw80quN&#10;aNpEPUgymxwLz6SrBqZN1MMknJs2G1FtosmxzMqxhMDqRj1Swh1CZgZqE02OhXc6pRdMjoXrJDQD&#10;c52oR0tmk2Ph7knVwLSJerxkNjmWWQ+YhMDDgSLR5Fhm5VhCYGmgx0xmk2PhTh3pBZNj4U0ezcC0&#10;iXrYhJdwzDZQm2hyLLMeOAmB1wtqE02OhRvPtBFNJOqxk9nkWGblWEJgtYEePZlNjmXWwych8DRQ&#10;JJocy6wHUELgaaBINDkWLocTHJgcC3e8agbm7KwHUbg22WwDtYkmx8Kl7VIFk2OZ9ThKCKxu1AMp&#10;s8mx8CaRVsG0iXooZTY5llmPpYTAawNFosmxcDultoGJRD2cMpscy6wcSwisNlCOZTY5ljkesEte&#10;HJNj4YJDzcC0icqxzOY5lVk5lhB4jag20eRYuNpZ28CcnZVj4TZTswo6O5snVmblWEJgNaJyLFxS&#10;bmagSDQ5Fh4olF4wT67MyrGEwGsD3bGYp1e4M1qrYNpE5Vh4rMKsgtpE8wwLj7VoFczZWTkWbsOz&#10;qsADu1mDEDjduCjHEgIvA0Ei7yCbGcjsvJjnWLhQVNvAs4lcr6gZeEhclGMJgdeIgsTF5FiWeP9p&#10;nNpC4Gkg68TFPMfCy6eigcmxLMqxhMCqgnIsPEdsZqBINDmWRS/gCoFXBUWieY6Fu9K1F0wkKsfC&#10;cwdmFRSJJseyKMcSAqsRlWPh/kgzA5mdF5NjWZRjCYFXBUWieY6FZ2sEBybHwuPmmoFpE5VjWcxz&#10;LFwCrBqYSFSOZTE5lkU5lhBY3agcy2JyLItyLCHwNNDZ2eRYuCFWesHkWLhhVjMwbaJyLNxqb7aB&#10;2kSTY+GCaK2CiUTlWBaTY+HlGNXARKJyLDzH5DWiciyLybFwFbhUweRYuBZcM/B2LNxirhmYSFSO&#10;hXcZzEZUJJrnWBblWEJg2QPlWHiV1MxAkWhyLLznKL1gciyLciwhsNpAORbeVTczUCSa51h4h0Xb&#10;wESiXum1mBzLohxLCLxGVJtociyLciwh8DRQJJocy6IcSwgsDZRj4UErMwO1iSbHsugVXyHwqqBI&#10;NDmWRa/5CoGngdpEk2PhvnYZTOY5lkU5lhB4VVAkmhzLohxLCCwNlGNZTI6FdxikEU2OZVGOJQRe&#10;FRSJJseyKMcSAk8DRaLJsSzKsYTA00D3zibHsijHEgJLA+VYeGjGzED3zibHwqsNgkTzHMuiHEsI&#10;vDZQJJocCw9oaRVMJCrHwqs9ZhXUJpocy6LnWELgNaLaRJNjWZRjCYGlgZ5j4bVDMwNFosmxLMqx&#10;hMCrgiLR5Fh4FlWQaN4RtijHEgKvCopEk2PhCWytgolE5VgWk2PhMeGsQQicNliVYwmBl4EgcTU5&#10;llXPsYTA00CQyGsyZgaCRB5jMjOQ2ZlXSM0MBImrybHwBpriwEMiD9dqBt7szIPFkoHJsazKsYTA&#10;woFyLKvJsfBqmlbBRKJyLLwXalZBkWhyLKtyLCHwGlGRaHIsq55jCYGngSLR5FhW5VhCYGmg51hW&#10;k2NZlWMJgaeBItHkWHjbUKBsciyrciwh8KqgNtHkWFblWELgaaA20eRYeDpcG9G0icqx8MCoVwXl&#10;WHhw2sxAZ2eTY+HNOWkDk2PhrUHNwLSJyrGsJsey6jmWEFhAUo5lNe8K47lvbQPTJirHwnOuXhWU&#10;Y+HVVDMD2TvzxqiZgSLR5FhW5VhCYHWjciyreVfYqhxLCDwN1CaaHMuqHEsIPA0UiSbHst6eSjE5&#10;llU5lhBYVVCOZTU5Fp6eldFociy8eK4ZmEhUjmU1z7GsyrGEwGtERaLJsaz6dEoIPA0UiSbHsuo5&#10;lhBYGijHspocy6ocSwg8DRSJJsfC+7OCRJNj4XFezcCcnZVj4Vl5sw0UiSbHsirHEgKvFxSJJsey&#10;6pMqIbA0UI5lNTmWVTmWEHgaKBJNjmVVjiUEngaKRJNjWZVjCYGngSLR5FhW5VhC4GmgSDQ5Fl6/&#10;luFsciyrciwhsKqg51hWk2NZlWMJgaeB2kSTY1n1HEsIPA3Ui2OeY1mVYwmBp4F6cUyOZVWOJQSe&#10;BopEk2NZlWMJgaWBciyrybGseo4lBJ4GikSTY1n1rrAQeBooEk2OZVWOJQSeBopEk2NZlWMJgaeB&#10;ItHkWDblWELgaLApxxICLwOZnTeTY9mUYwmBp4HMzpvJsWx6jiUEngYyO28mx7JBqaRjKCHwNJDZ&#10;eTPPsWzKsYTA0kA5ls3kWDblWELgaaBINDmWTTmWEHgaKBJNjmXTu8JC4GmgSDQ5lk3PsYTA00CR&#10;aHIsm55jCYGlgXIsm8mxbMqxhMDTQJFociyb3hUWAk8DRaLJsWzKsYTA00CRaHIsm3IsIfA0UCSa&#10;HMumHEsILA2UY9lMjmVTjiUEngaKRJNj2ZRjCYGngSLRvCtsU44lBJ4GikSTY9mUYwmBp4Ei0TzH&#10;sinHEgJLA+VYNpNj2fQcSwg8DRSJJseyKccSAk8DRaLJsWzKsYTA00CRaHIsm3IsIfA0UCSaHMum&#10;HEsILA2UY9lMjmVTjiUEngaKRJNj2ZRjCYGngSLR5Fg25VhC4GmgSDQ5lk05lhB4GigSTY5lU44l&#10;BJYGyrFsJseyKccSAk8DRaLJsWzKsYTA00CRaJ5j2ZRjCYGngSLR5Fg25VhC4GmgSDQ5lk05lhBY&#10;GijHspkcy6YcSwg8DRSJJseyKccSAk8DRaLJsWzKsYTA00CRaHIsm3IsIfA0UCSaHMumHEsILA2U&#10;Y9lMjmVTjiUEngaKRJNj2fQcSwg8DRSJJsey6TmWEHgaKBJNjmXTu8JC4GmgSDQ5lk3vCguBpYFy&#10;LJvJsWzKsYTA00CRaHIsm55jCYGngSLR5Fg2PccSAk8DRaLJsWz6HksIPA0UiSbHsuk5lhA4GuzK&#10;sYTAy0DiE3eTY9n1PZYQeBoI27ebHMuud4WFwNNA2L7d5Fh2vSssBJ4GwrHsJsey6zmWEHgaCNu3&#10;mxzLrhxLCCwNlGPZTY5l13MsIfA0UCSaHMuu51hC4GmgSDQ5ll3PsYTA00CRaHIsu55jCYGngSLR&#10;5Fh25VhCYGmgHMtuciy7nmMJgaeBItHkWHY9xxICTwNFosmx7HpXWAg8DRSJJsey611hIfA0UCSa&#10;HMuuHEsILA2UY9lNjmWHUknkfQg8DRSJJsey6zmWEHgaKBJNjmXXcywh8DRQJJocy67nWELgaaBI&#10;NDmWXTmWEFgaKMeymxzLrneFhcDTQJFociy7nmMJgaeBItHkWHZ9jyUEngaKRJNj2fWusBB4GigS&#10;TY5lV44lBJYGyrHsJsey6zmWEHgaKBJNjmXXcywh8DRQJJocy653hYXA00CRaHIsu94VFgJPA0Wi&#10;ybHsyrGEwNJAOZbd5Fh2KJU8O5scy64cSwi8KogXZzc5ll05lhB4GogXZzc5ll05lhB4GogXZzc5&#10;ll05lhBYGijHspscy64cSwg8DRSJJseyK8cSAk8DRaLJsezKsYTA00CRaHIsu3IsIfA0UCSaHMuu&#10;HEsILA2UY9lNjmVXjiUEngaKRJNj2ZVjCYGngSLR5Fh25VhC4GmgSDQ5ll05lhB4GigSTY5lV44l&#10;BJYGyrHsJseyK8cSAk8DRaLJsezKsYTA00CRaHIsu3IsIfA0UCSaHMuuHEsIPA0UiSbHsivHEgJH&#10;g0M5lhB4GQjHcpgcy6EcSwg8DWTHcpgcy6EcSwg8DWTHcpgcy6EcSwg8DWTHcpgcy6EcSwg8DWTH&#10;cpgcy6EcSwgsDZRjOUyO5VCOJQSeBopEk2M5lGMJgaeBItHkWA7lWELgaaBINDmWQzmWEHgaKBJN&#10;juVQjiUElgbKsRwmx3IoxxICTwNFosmxHMqxhMDTQJFociyHciwh8DRQJJocy6EcSwg8DRSJJsdy&#10;KMcSAksD5VgOk2M5lGMJgaeBItHkWA7lWELgaaBINDmWQzmWEHgaKBJNjuVQjiUEngaKRJNjOZRj&#10;CYGlgXIsh8mxHMqxhMDTQJFociyHciwh8DRQJJocy6EcSwg8DRSJJsdyKMcSAk8DRaLJsRzKsYTA&#10;0kA5lsPkWA7lWELgaaBINDmWQzmWEHgaKBJNjuVQjiUEngaKRJNjOZRjCYGngSLR5FgO5VhCYGmg&#10;HMthciyHciwh8DRQJJocy6F3hYXA00CRaHIsB5RK4plC4GmgSDQ5lgNKRTQwkagcy2FyLIdyLCGw&#10;2kA5lsPkWA4oldwGJsdyKMcSAq8K4k88TI7lUI4lBJ4GikSTYzmUYwmBp4Ei0eRYDuVYQmBpoBzL&#10;YXIsh3IsIfA0UCSaHMuhHEsIPA0UiSbHcijHEgJPA0WiybEcyrGEwNNAkWhyLIdyLCGwNFCO5TA5&#10;lkM5lhB4GigSTY7lUI4lBJ4GikSTYzmUYwmBp4Ei0eRYDuVYQuBpoEg0OZZDOZYQOBo8lGMJgZeB&#10;cCwPk2N5KMcSAk8DWSc+TI7loRxLCDwNZJ34MDmWh3IsIfA0kHXiw+RYHsqxhMDTQHYsD5NjeSjH&#10;EgJLA+VYHibH8lCOJQSeBopEk2N5KMcSAk8DRaLJsTyUYwmBp4Ei0eRYHsqxhMDTQJFociwP5VhC&#10;YGmgHMvD5FgeyrGEwNNAkWhyLA/lWELgaaBINDmWh3IsIfA0UCSaHMtDOZYQeBooEk2O5aEcSwgs&#10;DZRjeZgcy0M5lhB4GigSTY7loRxLCDwNFIkmx/JQjiUEngaKRJNjeSjHEgJPA0WiybE8lGMJgaWB&#10;ciwPk2N5KMcSAk8DRaLJsTyUYwmBp4Ei0eRYHsqxhMDTQJFociwP5VhC4GmgSDQ5lodyLCGwNFCO&#10;5WFyLA/lWELgaaBINDmWh3IsIfA0UCSaHMtDOZYQeBooEk2O5aEcSwg8DRSJJsfyUI4lBJYGyrE8&#10;TI7loRxLCDwNFIkmx/JQjiUEngaKRJNjeSjHEgJPA0WiybE8lGMJgaeBItHkWB7KsYTA0kA5lofJ&#10;sTyUYwmBp4Ei0eRYHlAqieUJgaeBItHkWB5QKqKBiUTlWB4mx/KAUhENTCQqx/IwOZaHciwhsHpB&#10;OZaHybE8oFRyG5gcy0M5lhB4VVAkmhzLQzmWEHgaKBJNjuWhHEsIPA0UiSbH8lCOJQSWBsqxPEyO&#10;5aEcSwg8DRSJJsfyUI4lBJ4GikSTY3koxxICTwNFosmxPJRjCYGngSLR5FgeyrGEwNHgqRxLCLwM&#10;hGN5mhzLUzmWEHgayOz8NDmWp3IsIfA0kNn5aXIsT+VYQuBpIOvEp8mxPJVjCYGngawTnybH8lSO&#10;JQSWBsqxPE2O5akcSwg8DRSJJsfyVI4lBJ4GikSTY3kqxxICTwNFosmxPJVjCYGngSLR5FieyrGE&#10;wNJAOZanybE8lWMJgaeBItHkWJ7KsYTA00CRaHIsT+VYQuBpoEg0OZanciwh8DRQJJocy1M5lhBY&#10;GijH8jQ5lqdyLCHwNFAkmhzLUzmWEHgaKBJNjuWpHEsIPA0UiSbH8lSOJQSeBopEk2N5KscSAksD&#10;5VieJsfyVI4lBJ4GikSTY3kqxxICTwNFosmxPJVjCYGngSLR5FieyrGEwNNAkWhyLE/lWEJgaaAc&#10;y9PkWJ7KsYTA00CRaHIsT+VYQuBpoEg0OZanciwh8DRQJJocy1M5lhB4GigSTY7lqRxLCCwNlGN5&#10;mhzLUzmWEHgaKBJNjuWpHEsIPA0UiSbH8lSOJQSeBopEk2N5KscSAk8DRaLJsTyVYwmBpYFyLE+T&#10;Y3kqxxICTwNFosmxPJVjCYGngSLR5FieyrGEwNNAkWhyLE/lWELgaaBINDmWp3IsIbA0UI7laXIs&#10;T+VYQuBpoEg0OZYnlEpieULgaaBINDmWJ5SKaGAiUTmWp8mxPKFURAMTicqxPE2O5akcSwisXlCO&#10;5WlyLE8oldwGJsfyVI4lBF4VFIkmx/JUjiUEngaKRJNjeSrHEgJPA0WiybE8lWMJgaPB9E1JlpfE&#10;zEJoFrLwGD8SCBxfElMLMY1k4SGSBALJl8TUQswjWXioJIHA8iUxtZDJmiw8ZJJAoPmSmFrIhE0W&#10;LjqVeJm+mcwLCW7oNLkXsrih02RfyOKGTpN/IYsbOk0Ghixu6DQ5GLK4odNkYcjihk6ThyGLGzpN&#10;JoYsbug0uZjpm5IxL4k3RpSOIQvXdiohQxbeqpIEN3SanAxZ3NBpsjJkcUOnycuQxQ2dJjNDFjd0&#10;mtwMWdzQabIzZHFDp8nPTN+UoHlJPHQqRUMWLjqVpCELF52wMmmtShbuzK5EDVl4+x4S3NBpcjVk&#10;cUOnydaQxQ2dJl9DFjd0mowNWdzQaXI20zclbV4SD51K25CFi04lbsjCRSdMjaDT5G4o82Y7TfaG&#10;LG7oNPkbsrih02RwyOKGTpPDIYsbOk0Whyxu6DR5nOmbEjkviYdOpXLIwkWnkjlk4aIT9kbQafI5&#10;lHlDp8nokMUNnSanQxY3dJqsDlnc0GnyOmRxQ6fJ7JDFDZ0mtzN9U3LnJfHQqfQOWbjoVIKHLFx0&#10;wugIOk2OhzJv6DRZHrK4odPkecjihk6T6SGLGzpNrocsbug02R6yuKHT5Humb0r4vCQeOpXyIQsX&#10;nUr6kIWLTr2+jCzcdacSP2Thrjv1CjOycD1KSv6QhedzJ8ENnSb/QxY3dJoMEFnc0GlyQNM3JYFe&#10;Eg+dSgORhYtOJYLIwkWnHrchCxedSgaRhYtOPXJDFi46lRAiCxedSgmRhevvVFKILDxWiAQ3dJq8&#10;0PRNiaGXxEOnUkNk4aJTySGycNGp9BBZuOiED5LFgckQUeZtZjc5IrK4zewmS0QWN9tp8kRkcbOd&#10;JlNEFjd0ulwR/nvpkZBY6MTtesvCRCe+sVsWJjpxYNyyMNHJLvOWhWk72QrcsjBtJ+u1Wxam7WRS&#10;vWVh2k4s3y0L03YCz1sWJlc03biikHjovHFFk8sVTTeuKCSmFjd0ulzRdOOKQmJqcUOnyxVNN64o&#10;JKYWN3S6XNF044pCYmpxQ6fLFU03rigknhY3rmhyuaLpxhWFxNTihk6XK5puXFFITC1u6HS5ounG&#10;FYXE1OKGTpcrmm5cUUhMLW7odLmi6cYVhcTT4sYVTS5XNN24opCYWtzQ6XJF040rCompxQ2dLlc0&#10;3biikJha3NDpckXTjSsKianFDZ0uVzTduKKQeFrcuKLJ5YqmG1cUElOLGzpdrmi6cUUhMbW4odPl&#10;iqYbVxQSU4sbOl2uaLpxRSExtbih0+WKphtXFBJPixtXNLlc0XTjikJianFDp8sVTTeuKCSmFjd0&#10;ulzRdOOKQmJqcUOnyxVNN64oJKYWN3S6XNF044pC4mlx44omlyuablxRSEwtbuh0uaLpxhWFxNTi&#10;hk6XK5puXFFITC1u6HS5ounGFYXE1OKGTpcrmm5cUUg8LW5c0eRyRdONKwqJqcUNnS5XNN24opAM&#10;WvzDr3/47e9//ue//f5P//jrH/7jj7/9/tOffvn5Tz//9PsvP//+80//8cvP//HzT//yy8//Eml+&#10;/cNff/39365v4z9/+j+//DzvK++i0Wn/Fv89zRv+1Pj0f/7lf//xv/7llej3n/7+y8/TunCI+6wQ&#10;H3FhbHNLvb/8059zipk3ok/v4LwTPdHd7+279u9frxJmXuI5XYHx/dqDpNt3v/3pL3/746si7zKv&#10;tNs6zxdxPG8LnFDrq/eXv/2vf/n33/7LH/9f0nFDxyvQkXTrft7lQ0udKm3Tvl1RNPzMNbuvbN8/&#10;E1V5WfQZfZe3GyKV9bHklevgLqSTduZ/Vx9djcHDzFfsIz9vwXKdXXj9TIprjcHPvBfS3XOFklPa&#10;D1kTB3daNLKmTi/A9ToHDi5HPj+bdaa5r73tkPad9b41h92n1l4fbEAbApcdxdtIKNT5SUf2tB/6&#10;edt6pZZlP9d7XbEv0ZV79jv43Nd9uTwc8zbTtc3B/cZnQ/kFvX1d2gWApGDt11K079q//fttuoIi&#10;4/u5G//23dfacQlXvDQSxAqgomGb3/utXK7oWSRXLmEwWjIwmBDMFTDTRQTOKH+94tmalMsQpoug&#10;49djfS+kftiXT+B+uftJyt3ZaWRwsnzrw+r+KwP8rVRLG0b0x8XyztjlEaF99+uUXq8Pd2xcfjSg&#10;u/G/NFyxg8cVy3GOqWY8f1xuhMavV5wpaTFBL9i3gmE+9jjIcXYewM69AKuBYv3nLw1FA8kFJgJb&#10;W2QUZWL32qTTvmv/tu9XgpNHm9Hq177L9eyp9nYinFKYIF7T/Ltm27L3Fl9pcWlT+vJi0ULH4UrC&#10;H/YlFAklN33DAkrWvPx7+Z3mLeApTc6rOBftxc9YojbZ5Fq2ul+1nSYOKTcTtM/vpzjad+3f9v1M&#10;KU1HwNUn3PZdLq2lwnZfVO287evlsuttyja0vTrGz7RprhmrzhZxz8/M8q0fc1n5r1YyD3f3kg/a&#10;VLKm0bq1OKbrNde3YkyHvclp/vf+7se9OT0Zb80Q8VTuOTH0rGnHtpqbt2Pbzr3O8DP1vJYp759L&#10;NgFHOVm3PvqQ9YI2XTFmt2QhWWy9dD2HLublvWv4cZ3naMKedUv7rtSTn7tiDODcGctEMzSrcDTF&#10;bnVuSLt6eJmYtxqCx1Ttu/Zv+37GcPSWpaXaZqJ99xFHSwyNkzyku25AWRbUODcZ/Iy5e82LveIL&#10;Td57ZMcqfB6bn0tmYXQ5N0F/S/vOej3aycj4mQVFsvHL1gOVh59vbfq55G1rQQVD2nfJ2+M993xQ&#10;DKvfZ4gYtc1a57Jaq7fewQb1VJXejGngE2Zavrm0VgrP7VxOUrqLdWq28QuiPiHzoIpMAQuj4grO&#10;YqFNNV8wLrYpdeoz32O/jlO/25Tx0YGC8Tn9tsPPy97XEax03kENPx6bVLK9f8VWiR1Gnl0WjGxf&#10;u3Mj0slIv0tmUdWXRsxSb4a1UDI1vs7zUXJL+856RPCHn9nh9BbrPxdbe2YCbvYIe3y6ct4lsxTr&#10;25kPPxMn1WfU3iS1kufo214yM0c2dTOtDWxOI8sqTX+OdUdP3fqqWPIc++CW9csej3s0bCVr6fZz&#10;g1BvEpYDsew9FXtgbZy5NraireQ7eCeMQB/avOkhKyeMP3vGVnIbdLU6Q5Gw4GxpWYxmbCN49n6+&#10;D/eJJumdMdqcbDvyX5clId5s7z11xL49mV+ilNtTXzEv6PKDAyDtLTIsLN8aloR15mNq7dVXYr0j&#10;OU18XEw+y8HXjD/CgDljvkL4+LmtNW+t3axoqy2HrbtDgx1Zj2lt37V/z+9ZWr4HfuwRmsesffap&#10;Sbn7qEXDsWkBjbKTYlHVMMYu4iQwWq2ffN1X3zEOWoG5oPzXpSv7o95e950UhqtvJVhAnMveXize&#10;2W6WY2FXHzRccvy2E/h1slV+0Bh9RQRK85KfS+Pb/RzskBlcdfQ8ME/d88Apjbx9w+zFNR2nEWBW&#10;yMPpy415btavd/YwcAD/6sSVCbRHFL+39g0hF/BWOvY6yjezqwqPC2gGru279u/1PfuNublO1ucS&#10;s/n3vz9YyzSNwgS2xUrLN9etlcLuoRmOlalJBj+eSTYBZzN+/JmVW/8Z49fDyH48pa6cXWj7a5oy&#10;tjjj6F7DVXnZhpVbrGVDtdIBzVzSmvGgwtk6uZb5r94TWKxruU3a9bxju42EaWVjegVT0VEv12lS&#10;DFN0Rdfz82uK/Fjyd3yqIP2Kk5rXY2ZZfun+JXY27iNoS3e8NOHAPMtsfdv+vWoY7ps2Q7LOW/pV&#10;EO27j+2ysdRoXsQo5Qzm6O3Chvy4wsdRm+notet4/7ziAbq2F+wUhie3Mxa+bpdjmbBgF9gCHG1b&#10;83W7HLgT2sYp5kDFfKvv1S5sLdob8TNj6v1oRvvu6xF/YMfbSircxh1wb+U+NSq4bY99zCs7jOxu&#10;BofhT3xZqZX1xMmEtCbl4bTwP5+/jiM6F5T/OmuKWV36VIAzfUprN969CT/AZRxvpvM/YZO/a+xv&#10;E0Xa5z1ZPaHmqVTMQK0vc/3yX2dtWRnFUeIrKVNbzhhL2hr5g4ORzuxeeebbd7xMhm366yp2dIne&#10;nNvPnSo0pe6LAFZS3YMRS7+65eRWwUezjHeCg1sP272kuEFixTKa1bDwfYWKCT2dmrc108dGBid9&#10;RxkjQBY1g3v4XiyLxGbr39RHrVjcG43s+rCWYsx351fvvT6A2BD1XVt4lD5PEm3wX0OH5u2AiI5p&#10;OGyffWocVgAwMG1EMR0lBMbI7q0ei5H8Ky77vmHm+ptuxHJB+a9LVxy1fRXSLUSv/sQjoH1FoDMs&#10;z3d3x6A5gx4M82Y/wol9xue2YrH8z+sEGxNkm3z6rwdpm1K4Cs71YAkKB9Bu2+iVdfm5WOwZY/Ia&#10;xla+zI2MT49F+dlBUEZDLEIa2J8aOdbvrW9XHEZ5iXQwxBo+WXOFj3hYLXw5a+SCvjPt4Bm8ogdw&#10;91Crth34/rSDWwUTf1U3aLe0m3xgavuyjaGMdRx05u3aoFnOaYdJ39iB8PBubGeupNoYrHlpy/Yr&#10;XZ+Vmpkp2/qB3d65LSoBA9vSnqOaV1YueWvDoqXdnz+vGOK8A3mBqhUbm+zPNiL31zn6DqbRtgPB&#10;v3Ml7XgMoLdV5v3Xr/o1F/Q1MDYaq+EuKLLuR/s+MHZWHG1WWhh+eDOGrt/p7ebfWFirTAkYO183&#10;p+ESM2VbhYrOaUSdTYV3aGl79eC2s7MoRmsfYRjAc23VGnLn52bF4V32U+USMFjlsKy6EMeMdZ4C&#10;6BmDsW4x7kqNbYE1odXONXehtkC5Gd4lvCvJN5u64N7IrIHbbBC7L0ZiuVgcJm02iAVHbkbM49Ya&#10;mZV8NOnQ81/CSWr75eo9wj2ad5Ud5dFj5954bBPoNXpIcJ33m9ndMk9cFW2ftX/b59veOJJlpZ46&#10;Ld8+f7ZF3xIkauu99tnXI2vm9GSQ3y8rhh9u7hHpX1WFuANcK5fdI0W4d85O66V9GBMzJ9zZJ13l&#10;MJzzoJi5f+TRPL94C9iXjh3GCpmfrzJjPjtBVhoWM6uM8OO9ariEEy5lPeE56f7Xd+O1YYN/NdjM&#10;KzV7lHeMY6plRs7ZixMrB2zVlZYZIA8NfA2cBL4G7NuqvUvGW9b1ZgUNnquDA8TwKlurc/DQaVDy&#10;MwvEphjsyDnrvUvG49MMGGANgrxeMp6O5lt7D+meNdiJye7sDBaSQmbyoh8TZ/v55Ystl4yPbGqm&#10;c6GU04f0Lhmfam9t7pTNM+PEM7lg9Cx55bonmqdeMmv1pvVKn5499S4Zc9pXIDeLD/oWYkGuksF2&#10;H70ZU/mvC2G4LXBiX2kZJXm5BtNK1ldzwpzEfSRU6q0YI6NZSRwaj9NvWBpVE7DowRor+8G8Pp0w&#10;ud3bvd7WZJC4HH1pijFHnm7UWsl4Y/q8TcvGgnSsFNZ4b+RBOM7yNDhR4R5Es7IVeF828ePxfDC5&#10;9Y5kZ5PnnIk10Nt/yPY+LzfY9qB362dvqUnwSCxyr34mIuMckb0jI9Shd2RfTr5/xr3YHZsxNb5g&#10;UGxtzuD2BTIVnNIqCY5o7/6GcPmIidtZJPc6R2iHMapYCbW3JnHBsdTO/Uy5wQ+ey29mVIHBzr4c&#10;Za6f6SzDemIu+654fbD4y8Nmx+/fprIPzlyMGrvvq+TYpxqtHfR0s9u4p8WVxWEDHhy96sxovq6Z&#10;7/0cMZw9ddxpYrQ2TovYLLzaixhAoS7wyEY0V/s54tTSoMOz2y0ga4ivnA8fbVjsbrvWN66GaIHx&#10;ZzoyAxAi5x3iCs77yiqX1dYml91cidK9ThpFpN374pv2Xfu3f79tPW65R+Yxgtp37d/2PWud63AD&#10;th3HTOuJ9l37t3+Pt7Y179h+7btcm5YKd0TjBcILLkMAwq/v1j90aXgg2x4UBS20REhNWyF8AiJE&#10;dNtafYAxZEc7nYpn2hshbCiW7iO4Myk7HdvN1Yehywhper990DVLuLMk7xMLoRkyBHYWuNd1BcEY&#10;hN9nnJZ2XoDv+2fTEkIPLJ2FuRtZAgJ7TCCwVhN9zFS57Qtd688etHUkPs/LT9ENDvsFDPNl6j5M&#10;SxGu3LwCX894DeMXqqEe9rYphE1lHREN+fVYwyn11jF2183etnw/jh1mVByml+q4FGQheuD76tPH&#10;p5pt7YzgTE/TuZeOuaz8V6sfNBoj9ZyZPqwiwFHbNKxYZVm6Q8etzRK93T83BLe6tzIjiuJiiEnF&#10;jvgHbfrAl9x0xOl37taGPvhcM97D6pzazfnEdEyUUmvy+5LxwbTaa8Y+7XTm32r2sWQ+fjOkHxa6&#10;7D1bTB4OaAxyGpsPJpEWJkGQI+R1vTcDJm3X8XbY9BHCPrcbdvbZF5n5/pkVZWdHcZafNqVYZ5DQ&#10;V3VYCFkfYYJ7EA3eK7Youc70VZtx8Faxaq7Xmbeme/jO3XM2ge5+6AAmPzpmtITsDGIt98L/gh0F&#10;Z+f4zj0rCGbDxgL7SkUXnWuyAZH6/co0etkeJozH6fYdvs+lXeMkgsqus7/zwt4hu5LZ0LNxvBC8&#10;MOzPRuu9SfcSB3XpiK10Vn7EwbDEuNJyNiZvyXFisK1pjYY/I0/1zIkxYK/UOE++6s0vPVpslPoA&#10;YmZ7A/ErNxC8wt76Az/4m2No/dD+PVuWeSlepn51Op9jjq5Ob59910XFQvda9c6Yse6O+Eo3nFqc&#10;77iagxRsEqW0VuqpnH5/p8Hk+3hvooUPk//70e72Xfv3yp/jF/hRrtp/0uc7tec2l3da9tzddH9Z&#10;e27kASxXacxNnWNrWrV/m3asH9pOasab29u3fdf+7d+ztr2gyoGCtd8J0r77ujYL0XXNcQqiY097&#10;jv2vKsMmjgOFV11iS93CJFpZ7d9TtwXlWxQBnqTJUC2OEvXgPiaBi1PDYnylW6SITf4L1K/afN9N&#10;G9/3CZD1cwQt5JXNJ5vEHpDnRlspEQeWzCk/7/1sDqZXIhr5GddWSx0RC3U7H2Rcu2AZPyaxomkK&#10;4WfcqW1cshs9SYNmDTltBqyuHSXfRmDcj+08qahsAxdnufu9Tq2j278NjKl+rAVbKe27L9oUr0Vv&#10;FQxSWhBIkzMi0lo+9yOmyfAtkPYxNyaAjS3/j1Z5NxpseleMGUHs/JcYzbX8egCS+dLimugg9qY/&#10;GoDhMLs6GX4momMzZls7n/3Bzod54RoSMKu4VPPnX6u2LCx3rxkbD8rbCL/HX67lNeTxvbalKrvK&#10;K6qyNSjbwXBrnkOUbcJ5M2H/FQa7gQ2jiTfw0jYXlKvIumCFbz+zRON+YVf7rP176Ucfww+dn7NL&#10;vwE6l9USkaa1RYQDJ3wy2RO3d2UJv5/H5YIJbO4piib+7mOlPhXLCpXd15UxkQ1ne7TWYkUVjpKz&#10;JhFtkkYFvk3WEOevM48wvC98/aFjFS9uROi+Mo5Dp5kbYr/Sj1ZhhnBZR326UulXXB5GbcNz0QwU&#10;yMnndWNb9151YFdzsawTWyzOjENo+oycj40MItu6nc0jS5VUH4jbNt7Yp8Sp+rG2eDwaS0E7Dc/C&#10;/biRmRrbOMERGyFKY8bUvk3McSpM+jaObLW+BYxfBHBl4ONdj4XX2ass207ebViB6+fh2eif/2jN&#10;RrdHmOyZO+fB+7zWcm3/Xnbpqxq0zz72VDRKU+lDo9CP7Vd0zye5wjHc3EFmT3HwmrXLVTW2ZtnR&#10;BCT2tlkNxjwPfnbQ3dUfp9g6nZvrl/86m4hI377QXNiBnCOpjTP4hb7oYytG6MkIn/CQtLZYOO5v&#10;xEYzEXeCgWCceBRiwGWcoGvNGDcrZNTihtzb4gZC73miFojl+uW/rtqytGim7p201xYD25wwCyzR&#10;uYTuvzJRtRH8/rVWLCESbSfwobbMUO/63BqZtXkbwW7f4uBqK1XOPu45aDS4qutKetgaapsMO+fu&#10;ccyccAw68XRslmob7qsWssxuHDfb2LfYh/b2ETMLoEk9j9+fGJw2CrBIr19rxb7Oy11JWZ/lAEVI&#10;wbehuY/bV69caRlN52xTKza8iE1jGPTMMOOXJUbqyrjPGA1ShFuz9L1+pZGNaSy47j7xTuwqUjMS&#10;9x3R6dfcytolzSec1es3lxDYwdozOqhUW7a9WLgrY3rvjK5t9YlFWattnFGb0myDQ+ZoFu69Z6kV&#10;y5TdkMwRXjmhNSoVB7rzNBYuyWaloEve51iygch/XQuyR4yCs7Yfio3qtOXavVh8Rs2p9N5GlWq7&#10;EuXU2A6cMrLF4lRJP6H3Yd2EH6id/GBHAzdd7ttxpceVOE8Zma8InKvn70gGUc10srwZnr1KS5Q2&#10;717T8zrHyZQTpQydEy40Ufus/Xt9/lXV2mefujC3Fgu6NE6+39JpjPWdcKkLcZB+DxusS5ov5QOu&#10;cB43i+8CdhxifRfQhyehMm0RwRR63fzTfyWWvs1vXC0HGVxGDlPpo1EArAKwEaPFZ+HQCUtm3+t6&#10;mV7sVxvA3Jtf7yAhm4jaP23SFD7Dbs7eW8iGkBNIkaLtVyPF/SCZfj9HVNcJVGJB7qvU72mH76tp&#10;B8+PH/xq1i+1YyvXFpEBjvv5zdwyV51iiXHZ3unJyb285yVyEf/9acqwvazq0ozAz0T0tZ/Zbhkz&#10;EWl56+20g8SYRWz82Pt4SlmttZ+ZZ/PSlZ/Ru/0MUvphhFzL/Fer8x43Orz6BbtP1lIyvqhrP03/&#10;EbCaxj5Bj6RudR5xk8vKf7WSgXzXGkufg4JYT7GXuqYGABPgGZa3QfWzzb7wRJu9X05I1vJzybi5&#10;Gy0cQXp5Y8ySio1py5rBlhfWeJJX1vtXyfhpzvn7ZtIE/zj8WNK1VAHKC8Ptu/bv1TozCGvb2Rgu&#10;rOXPBUb7rv3bv4fpvuZZVppXWNkwEXzREliTlgpnQmacaAluFWg/M3lpF2EB21qFVVjE6lUXQRFf&#10;h0vvag+m4/PIQrNoxPqCu2aQwGV2qIA7rE9DPDOBsbSmbxktLeuIKc9uYRbbBIW9FGNAvCLdE+5w&#10;m3bF2LCd5OGt9z+3NsEt14KT5SZZJxsvRgALlnxX/MzxgVZnVsy0fL21YzPY0pLy9F6+WzsZPoLN&#10;pGSOi12UP5XnW6Nk4IX1PpuTZXKcohubMy41aZYNDMQhrvQz8batzuyu4Fs+1/lLei5Qho26ymeO&#10;ZR45W+09d3zsKxyOLcIeHgCLkPuKKIYWwBHkBExC0hvfYbtkBL81M8kXeidbdY1k1p4tLOM1d7Hr&#10;TU1CZ1wr2yCM496B9DPadKvKfqgTRbmW+a+rZBwBxKBd0MfwCS/BxpIJsI0Mjq2IYlz40qdHXGyn&#10;LamNDIjX/f9zdjbIkpy4Ft6S2x7b7f1v7H0H6QhEUnXJFzMRt8tJJiCE0M+RqHMEdwo7rE0KeqYh&#10;gLLBpzu1wR0gMHJg//3654PpuUlMAZ2LkEJJeo3c7kyjf8jX/CweyClz+SSO4ZHg0SZCHDxPLSSA&#10;QMia5yWN5GXKnYSxuvkEUNlw6pgI+CK6Bcdj+NlSD5uh9kGfZf9lviA8n74XGZ3EIvvqgB8vkYie&#10;GvGqEi7k5btwE82gs3dg76v/cs8QKSE/7AXotfW87AViTf/8GuSsnumLaefeh23ezJmDXRJWhhUb&#10;HO/S9ul1/2MThEicPX+SOn2W33ReUhhMcwUqax9PuWU+Na2obJR+hV8ghmbtLbfz39m+9qty4+Ic&#10;XDSGvT0ETPtUodMZ83G7b7P5l7z25L5/iJQgoYLvP88Gb1PqP4opg5bON6q3k+zUCZl3sghnKaxB&#10;237AddL3rXSJ9H3XqhHgs06CzMd4H28/dqdHkHTE0zXpTowy5PVnOqp96lyIClSswdNL+84j1QsK&#10;kfnxyeqsPQpxisDaZHNmyNeMySw7+DGzc89s4IxhSM9+qCUc4d6i4PRTIZo9Y7uUzoN9EYfGZc8Q&#10;J3VmjA8+3Xf/XygHZipybxXMXxcbv6hjchwavG0O6rPsv0xtdr95XcilTeIBGePIGdQmpZK6G31g&#10;oJ8qDQiMG/RL3u199V/Zs/IAHQf+gzjzdhIy5Sp+CT0469qc4epKLuGcegMnpzGWdQWsCb30Mxh/&#10;hhZveJpwgWyxU+QdB6Pj14SyP1B72zs6S8ufSZmOUGaWvfBoT5W/dHeBAEDXScq6nf8mNYVYrDlx&#10;+FRUx+381+0JhCcz44tDExvkXcZzXDOCvz5b0ctBTXXK4S5l0YJy6MKpgtYOoRqq9Np04eF0P3PL&#10;NlLuvf6Nwzrf0hn7nRJgoaSRRXvgpA8c2f59ebwdhPxHHP3T9/GzeRY4xuqs9XfPlENJsnd4pkRO&#10;0pARx9aLQWM8IACXHU4Goirq5WMUk+Ke3lf/FSuNRJALwe8StNs+vQIW8R93nAuGIZ7BHJhyLhG9&#10;cZ71vjx39/n33LxY00r8iLfczn/dHma0/xubIDPwF258tMc/lfAGVMupabmd//r7bGL7DLCoJz7Q&#10;7fps/BZJCF4zIoup53vNUNPQ/U0aAmQ9dMWJB2Q46Y5WJYDWBeUoxgYDx2opu7OgGR6p/+YYf8te&#10;CGUYPxy+l5szFq0GgRKHKOk0QDYGz9fMOGKKXFRZ4P+NG0nZwuMbY6RMO9iLm5nJmEk9DxVJMMXv&#10;PIF2DUYke1nT8EyB45opGyDP/6h90JxpsCJp07lm6F0qZLHuM44kcODukzSts1507pnqnd4pz7oK&#10;7FkGluwgIEyPOMI9uJnrMdrbi57RBAud+Sy8IDFdiMqR4tlJIp2zBkb557IO+yz7r+Q+bFlZdkNs&#10;Kauk+1RJHiLUaHICHo4A7WQzHMBpqWGn4Z98MWcMxKrpPVJ5+6RA0atUwBgY8U103LbOJELhk/Vj&#10;DuMrDiZrt4oCInT+K63ZHOm/3ptrurGO/H1v7u1JsDPwD30Il/P3HULNAvZmzoKw5a8fdhT1Hkpz&#10;QZ4B+/3h+/jLHUjl2Jgarcd95Amq+lU1HES5AJ7rFkNcyXCIlSmsQPFEO2+wBT9olB6BJfXvf0qb&#10;IVNYLpTv542g9Ln+sB24wq39aWYowJzD6ynceI7BsodzOXCBq9rVMnEw2jBPsuSfnxFS556RSriC&#10;Qj14ABLA0ikc68doD1vPVBEoFBt8VZDn3lf/FZRFNaRnjxqrpq8mAWd69sBgwR4x5bEqQeTA8FC8&#10;2OHEAfi038WH3LcwaYvEjb2EBYcwHxEypfqqHxdg8M4ao4KRPD+D2qheWtR1IX/B4OZgoW03ahPT&#10;rBRwsJyUpU7e6vTtv5LaXG5VVUOEJ4zo5JwU8T0LTCIYhN37wJA3PoFmZPVuzsTwVYUm5oyav4Uh&#10;SJ6qVCFytEiHaD3jC6hKv3iQdaNy7L8+y75raUdIPVYYMrODTSm389+kTrNzETJ3u7YZz7KO+65V&#10;UDBVQyXv/LvRFIyba0NFkMRj7DPrvzzeNXZDpKrDbgjtoFjZzYmC009HHmOZmzrC75x73mkECi/X&#10;Eb8rdsQPdiPGT/mrWOHpRfd3zzPD6i9/xSFAvIZ/+GQYl8XGIwYc+wslWg6II7ece+aAsH+HGG1i&#10;R+rTIDh8kytnF9ulb11VXzDHoTmj+tz3TGV8eG7sEBQbgoDtXEPZxGcbGwj/lFAtbYesfn90vTfF&#10;BoQARsJnz9hgYQHPOetqrYCPA4knArP1zHmR+h1xTUb+Yc5fIku4/Yg0SDbgG0Fn9np99GlS3sqJ&#10;Mr/+Jk4RtPpoz8GxP7T/4nFVcCPB9qQrKJiea/p5dPh3zL0IkR8tfhwQ2Eg5fwYasnGZzZFTZbvl&#10;yYl+ScZVs7upPs2XchMMMM3+GP0sjnTephiKad776r9S7gAXUGmbWC8xT+dUvJRy1OVjKd6NUxUC&#10;tP+VgU2J0PuyfMg+eetvcCD50WUV3M5/v47xZ5qSPVIz89hqJ8BqgszkILDe+szgXWcwKvNoan19&#10;Zt94jXQcDLfRgUypiiR85jW8yFiRfkN89E0zZSf8zTE328dmXuiy0xFR61OCNLvM7Vra97mZ+utb&#10;8GF4dSYd18cEBzZNlmQTIpc5Rjy3L7xRbaerJNuGSGEyqPL5aWJBmxqC7Mc97seEjd7sCvA/jhcr&#10;Izv8MXPOGAQOCYPM3xVdgBnccRU9C3tb3otO3/7L1MZj7FgoxJLauuqTwiL5YOFfKlfbHxOTNFMD&#10;Ey1fWu9r5wviJF4jOkgZ8CNfUHnO5yOOElmLbShSKDwUDrnuSgSBQCTRj1ep30faf5lGAsLku6gk&#10;utCx9YyNY3GIorqVI8PYl7coVofDZqag9b76L/eMJ9zBFRSKxPZMvsDQ8MIriXmfM6gPY2xIusj6&#10;WdC599V/uecF/0AIkEXqc8ZaT6uOg5twc+cLrC2OzZwzgq1Opd5X/5U942YoaAXeU5SZ1jM7nhBF&#10;fJodhxq1PYYN/BghGwN7zHnjSKCeFV3jo7LXWeGFI7f2VIXBzZjzE7TR+q/bHWe2YkqoYSFduPHR&#10;ulz4Z7sXThK9YuEEK9Bdcoy9r/7Lq4nVY+yQym91XxgsOnE0YNbkfmoDW1A4FCeb8ObeV//lnnE8&#10;+LzHgEy7aHIwG9OCj2N6N4AAQhIuCjo37a731X+5Z9C0ZhROhf9t0UNGgqc5Py1vatdMyTOlLn4+&#10;vtY02Py+CEL6HnPb+Og8UqwpIjWhGqB/7+RfxTsk3Ex+UiS5JyXfRkSEYvHg+HPPRKSNC8P3Bev3&#10;hQdMZKGJnkfhhv64HYhan5xt76v/8urIKZbaEhrfA7q1HIhwpzJWG0cu40a1e4XyJSuxDlMcV/jN&#10;+qcxjOtII+iMMt56Xs5LlFV8Ay/mrEIFOed/VNlg65mYskkC4f/e9Yv1mMF7fWdzc6b7qloE9UBW&#10;MJ0vkg0T1Wqq0ixjjEv782rilsqIsDIT8Nd0orGv4Z3B4IALs47eFAJ4bQxvRofFDXJPU9QhJ9yP&#10;NDBOy3W5uPWjUFE4C7caY7jMJ9YOQIhyYoM6fZb9V3LwCvUiIrUlIfDpidNTEfZQRGvOKg3ls7nh&#10;hHpf/Zd7XjB+GF/bXY8KYLnelqpYEg3oJFkQRIRf82KsO3mBj9XZm1S2wHbfP437JBlcpcn3OQvM&#10;78doMx+0xfOcAbhYBSbhUrGOts5L6sQBCUp+DppXMCAetRkX7331X6Y2EclEI2hFOUh7zzCvtb//&#10;OKDZ4OvAqJtcqF0Vvf/1Qka2VAc54bZPr54sHLLbucBtC0SSYs6KosXA7tZ58e8Rl+HdrhDgoSDM&#10;Oj5N6OCJSJ+QIGTWQNBd7yoy8aqsn5y5m65NAKUSDRlWFryvXUVtiirzDtQ6a8ndzRnXSeUyAcyA&#10;SdpCKkjveCHijM77Y4Sa88bQzfJypsueUedSUxF+H9DP9mliDbGQPKbn7TEhpdxVPHYFicueKRiV&#10;2hlxBfytfVehnM10KNIPt8XAHqzyX29xTmh9ulZLR4KODujd50xQybnr3PuN73t7zMBCksAOS52O&#10;voOtjedOJuQDwCL7pPJZeRvdzn+rPYeV4w4VTIGybtd7y7fkik+PJAFrCj70meHRr8uyZs5qcfBa&#10;LudL2Zlzz3hYC11EBGOjKRaDlOBBciAO6aCYPSOdHWXhAJm5Yb0vz92z5az3tsAxQSVVLdRCo709&#10;4BgUmxgEdkjYQN/ao5TmSpOKo3z5798nZFI0YMNGTPDL93UJcPIh22xWwvC4++w9aznOUgAewGQ4&#10;2as+D6gFjsrGvZhTugMiaAD1Ptio557Rdyxnnim1MBwRQG8r8JbbMSkB4XQuRvHmBkim0d5VEt56&#10;0PXHzk4u7lKeaHpBRI8sHMS69Fn2X96HyCbzADgOtJ/eM1HytOTYMQ9MpOxPR8YJQSai8rLnJqWU&#10;OdN7bgIQybxJKdSUyqtmWeL8vuwZZ2s6wpk9Em6jNrvOLERtE3ZrHxg0Sp2FdWGdx7gvexb2NXmb&#10;85el6p9GQ3faHn6frA891xn/K5wRch3dNCILlz0TVffePcBqR/Je8jaZPbvnpyUMItzCErjrWVFh&#10;gxQwTzB125x1saIPKyCfmOD9Mdix9Pyj73Dx0Xh82TPc6cMd1OlWYROJVGlyiAynBxS1Sf5lVw5q&#10;I49IdBlrddkzQV04UitFcJmk9W1S+NnslCC2mIK6epb6nvsZLxs9v+AwAk666Td6PqSq4G61mQxc&#10;YY/Q4mEB9xBvN+R+lx39V0qS/0Ftx73w5ctYWWUYfgYwDvlp+W37dofXlRo3xj0DuHfUFgWNZUcx&#10;3YpEdZuNDbvtZ+C5xpsgPAHzvFhn6oUIZxyj5rTZ1hl+rWQogGtbRQrMWOzrXCsQNCn1L+eMSW1f&#10;AvnLQjU1asOAZl75M0JITQ7jlPRiENJBy9Pblz2vXgGiQNuGlaZjDsPbmcp69UzJGPCSQTE8c0oy&#10;uO6ZRa5gwMF7vSY0KnlnEzT49uDQ6Jn6pBLx9z0v/k4OuT1NGDeQMwfw1uuC2LYYLYYELJv9ed/z&#10;6vXEl7dpvKx7ORmpAoss7T2zM5w3OCKfb3pmX9hBSY34h2uUFfCGFUp3Y8AWK/yHuNl5na0JpgzB&#10;LSyI0dhP7KaJJ3I7/632SxSUdXlovEdJBc1sReD+xFTqe6c91vUlXVK1x8LzfqDpF1wFaCPjEECy&#10;pHeL3fc5mkwi1/8C9y4p8xOiFP8m7RNkcNVeI0o5Nka04yi/xMa5gFixs7Fm7IPp55uzOa4C0T4n&#10;+qCCcrD3M3KFIyg6t0mwFcwg5fDDntr5RVc6mY4gmO9yOHQ3d6Iw4Rfu1+0j7Y/x5DfUvDTEQmXM&#10;yPdD1u4jXTAL1AZgQVNmuJ3/eies7UGgPKJmW/tGv4rHMyq3+7Bm2jC5P4Uf6KGD9tECJZTs70uq&#10;y3qOctAjyJnBX846gE/kdN0o8YU3UUg4ZZM3CSAV3nvy5tbb31gGWW6IqmQgp60NuJ3/mu6Cmxb3&#10;I4F8qrid/1Z79MrUc3DoatfFWeB2/lvtCWUmx0LwjF8t6/RoPyMwBG/mye52x3WV07dGRcj11yYR&#10;l8eHvYiS/du6yJe9+KHnOV58YKyX6FEsgwehyItGvXv61+OPpLRPlq/nbpqSu1dSANUfT+4Pa8AO&#10;zjXD7TvLpvq7H2bG2WsZLAnV9wqMtjzmENomjni0tgLXJ+T3ITXOPROkMNCLmhopCyZNFf/LgcHi&#10;pAF3kn/aM72vL7sOw9S1c5GV5JZ7D81d17+V6wLW25Y17+F36DG8Hx9TpSJl03z7jmL41ua7COlN&#10;dWw9k/v1q2+P9rgIetvzMmfQSZvruw0MLauXW8MFsIy79u1tz2BLUnJNri4uWT+tHNYNU8clWrqa&#10;LTQ1hMebWO3KH6C5iUE3BiTKYJ883mt2xs4GnEFpQQiuUki5zlP9lzkMC8A746C0AvKxUwnQgMFe&#10;kyRi5pwzxgbeg5Qbva/+q3rGlE/uBHlBgLLPGTdIPUaSbT55qOBoAC55dHHvqN5X/+WeMfntbDhg&#10;NcjIQ77EQk7I7pwz2QEFRmLOb3AISsI1DOQAfSG2Cqw4eubCNhIKO0nwTtiTAdAXbNI9tVnkwuAS&#10;hMlbUmtSK14UPBTc23rGCnHONvE3QXpe9NzfxSLbPo3UTxbCdyBjpx13uAEMkJgoprv9zJEmeNzY&#10;kUTqECX90zgMaiFV42+zavAPmg1YCqJTL+a86J4Tw7RQe4J31XGEppfHUz+mJIiOpjiNOzf7rDVX&#10;A8+z9GK10y6GUm7nv5/am5vcrvdWbzE2bw4OtV3fXTbHhEzXzNrWeisvCOIZfiiHw1aiDbCjyyWS&#10;8YOtt4kTsF32xZEmnIXE7/iI9dH16iHZiWxvZemwXEsIkkHCtBqbEQWsqi6Iaa4BO67mmdpgV63z&#10;kEm7518hQv6x0+p0Isn4tG0iVdEr3Pvqv7zOMnp9mpVFPheSj/nIIQkMf2Of8/oYagdJLqm99Kz5&#10;bWBPsC2zZ6izuSrIwnOoAr0Uvf0NtZdjlhOFIh7bpOYpzJruiWHr+Q+8mlJaL9Z50R0A/yaOdKH2&#10;oj6iqm4gslV7aNplX9nP+ikpwIS9B4MrV788B1M7tUwI7qC9oWW0VwbJN2tBrXP70Hpi2PzNL+MC&#10;Op1mFI4J1duIfua4+gxzdFKBQkSRIsGarauIsWzPOJ61vcYDONhUmElmzGpbV1xLaEqpthIROF6y&#10;xpfXD7kkjL0eos+CKWkDkroXb5JyP29H6jMzrXKGgpOGEa/jsSJAbuW/bo2HJ1yIZHsDU/2+Wowm&#10;00Vp/Vyt/dvL6IG/7ZzQZ+HxoNiFWDqQ4yshl/UBqvtCz23Lrivc2hLg8E9FAJUAYd4erjyIm9Ez&#10;7DPbqKIJhj35L6F7tIiv+wPceF6QReupQ/ubn/cHcCi5P8RY8t9WDsgP+wPXIlJzvEUedld7QCYT&#10;icuHukau0QLQLQI13gQBNh7e7Q8hSPOz7KwO7VESISeEPqsCJhv9CZCmVx3Z8akapGllCUCoJ8py&#10;aJQ/0R9VOjVQWqtYwtfVWnhwHY9H0PnC44HiMfvDBKWNhACADbaa84SGBEL5geLuO3ojYkdUPN5B&#10;lSca1+fzhZ+QnGkMgp5PABbrO/lp6wl+TXgNCAH0k62nvTVrG2oUOpFQ5Nu4TtXdZIv4HdWq0DuW&#10;q6rNkqJTWNtwHM6HAJCTcgRimVb01ten/0r6qepO9omdFFHu+iyqYGrZSg3r2gdwKq/zF1l+6lOJ&#10;shkj5NIj3RS2zJOKKa6UyZG11TwjbuxiKzJYSgL3Xvqv5ErB0WOexKnTjvU8gW+5nAHIcQVn1gHh&#10;HUUQiivHDV0v5ACuJKxavckVh4rIrJ8lUp1bnZA0cef+cASzxpsIuxASd7KH+GN69xR42JYMLwNy&#10;TJ9VHQUUlNYpuqatBhnf8e5drzIo/WFUOlZ3naosiqCgFIItTI7Xt4qSs/8T+Pzotm8vNoDi5TET&#10;qXFeFTc78oDiSB6HlrlPnxsVbCEDkRGcus1huJdHhwQmxaI8fYzy1C1GreEJdLDV8CR27zAqlhxr&#10;vXbKaWwnGzhN7dPrPocrPUZL2KBrYcpGia2AykP+bnMFQEyHTHgvK0hezXP5LAfLVuJ2mQqlMShh&#10;0+Y5iYDdm/HzR59e2tjQoGbsxcaFlel7vONW/uvWBcgRkK2cDG51XDddZBosJt2jq1FYefiFksBS&#10;9Nt82GbJnCDcU0F+zOfUJ/eBTibEKRZxvJJT2Kb28aAcpPY0n+LJygGrKNMHO9RTTrlIQDmLDyne&#10;ror0wWNu5r/ZnIIH5K3EvpML2Fn3bua/bs5xn6wGmj1hKh9XCZx02bPIJ0Vdvg6Gkw7rUIMhMAgI&#10;8IfW7MNYlSkZl6Ecl4PE29y7FGlSwRDGU/TG2srTETioCnm2h1O818M7FhCoIJYR8GUiG6tPYKj2&#10;kWBdEVJtnaL551GFBCPrzPTrc+u/zAfLq7VS1e36Yey2jsYEcyYodjIFZuibbvHU+ODgWI4Rz26h&#10;sAU2G2k7VtZDR0Wx7kXyr/Yq9mUTgZLvBmYp8Xw7J9pT3VmdbNfJ2n8lkZej7nTELLublh1B1yTD&#10;uwOIrurcO3W7HKXP2WKmp9ary7vnQdvnt217xTtrVZcj3c36y+bAhepPLQGsLcZb8NhTw5DDzx2+&#10;VF2AT6f5etKJls34VKcWFe6llgYrJ6TkoPwBK8yIDfJYjslVrnAo5F57q40ujpmnkovbN4/Tg3qM&#10;Bpp6yFut+6syL9dVLBqwDtVCWOepUg358LOn6MRHxJClRolTnkYLiXFfzB2ZWPEmQcg30pP4vHLE&#10;1Cdz2rFMECG1bh3oG0j0gxXaZ/bFikWBzKKcmKcKCkBEzpmPVqzah6xu7b0z/Tf2JDEhmUqaF6h3&#10;xQXi627lv8fWz/zWj5g47A4U3NEPextI/g+z0KXx6fOQAxkF5tu4aI2qkl8fAOivrcGcpH+Yk06u&#10;x++t2a1RuIXQgGpZfG9NYbGcJwpsnc+mY1/1oCoAvr8zARhRvGUqArAllXhMTcUzCBnRvY/P5X5c&#10;0MVvcOR4lHw7DZb6VsuRBBTnEdLDBkll21DUKQbEno6sjiu9Z7lxUBd2dnUbHzco5vis0sua2oMv&#10;xvmDWBYqchRr0KnZfwVtUfD5bnwWFbKDWMF+cgqPh5T12tIHFG7J5AIAmaRKH/v0uub+0I0rISUU&#10;s/xBXyWZyxALTETl2XTOOs9H+KwcMiUFO5lwL6X5q6B2Vy/GDYix0yEgYOHjfI59EsdOJY1YozKR&#10;FhYU4CJln6pZhbvR/ImJ6DLyAFnyCqQrXlmuox7XKLR54hiyaXhgXrphsSTRINWsj9Nn1tcN3OCb&#10;Pf6DtPksy1HYuTR2jE2ZvyU/pyzvo0z5gNMw4zi8RbbJSn9uUnXtWrL3MEb7w18qZydagD8R9OW0&#10;bzZaoN1n6jOmRgoc1syt/DfHpuSCnBHw+6q751bH+XCWmgo4Pbsc4KCggFoMWTXbW9xbaKH0uVJV&#10;6A0ySDCk1PgR0JRNbWTCQs4jk1Cn/I8Lg/+PEqXpwAFmk5dyP3jY802qqBBD+KxBl88oi1v5b7ae&#10;N30ytLu6J+Om9yQTZW7DEzC33aglOJYdF2rHV63yWwfKjVzjHUOMMN85yZOPPA//jfkgyn2eDdyZ&#10;I8dudeIJ1pIrF2LXkuXbo+SAGGGzeKjDahzBNdlR+iYe6nbjs7HmvnOEkvuxPmx8mOr7fDh8Mtqj&#10;+/4CovdxR+AzsL5GaxB8P3wbZ1VOjRr95dHxeI+0IpCZlhKMq0owC7sq0s/5OMTf8+wWPCdlI9ey&#10;o/id5MGxz+UMUApM2yKgg11PXzccYL2sA1rOgM/8duwTvEeeprgMVY2rfXbUpwoe3zcAgt+Xn4wd&#10;dcMTlBBV8YDxwYs9i0qSlJRU4EgOSn5bNw4yOeRHD4A++rpxBFGkKh/iGmsERr91WdYh987zOdGQ&#10;eA8WXXxWzrzmfRa41AR+CmJKWVvuKbHKM+y99F8pz1QMJimJt7dfMkA9JlJXYkCjeMG6qCCi7f5U&#10;2mjtnd6LaZy9kQ7p04Qajo/d+fk0Bhkgj/YYC5ERwZpiEb8fxypty4kcr41CVesUFOJU6QytMrtU&#10;ytrCtbq6CKx9PiUWcr8DYU9Gm6+ieG+OQQS08oVHt+hhjKB1qwUMNuBo0jWeMdNO2P4ryEu3ZC76&#10;w1hZ24fhVDvwRtJd6/Y3zrPUvqHFG5wlrgGF7pPI8kP3D5NInYoNaqUE3jrbT+va5/eFMQjRO3ET&#10;fZ5hBLV+4AsEqiuX11s+pXCvInCDjCxPLyLMTQ4wcTxkdSLU8FAx+uhzdVSF1L5kTJi+OJg+VYAS&#10;JEL3S/xCoitTcXAMAwqV6LJXCs/nCcSU4xiZM1WCbuyqmszy8EjZPrcvK0NQBLE0Bs3mLSPmh5VR&#10;eZZMr8PzFvu8hoSGjOSPT6J+NQUaN7Kq342HGDDV3zbeQ6gfF7MyyeJNnEJNnsvRCtIsHprBakBU&#10;JHBCGWVpQxu9WxcV/UnHIlFWpPe6K1QPPAU667LJJY4X5+H8xrlmjr+Yp6rVJy8QPumKKL5o/JvB&#10;Y5S63tiTMpguE0h0/oOB3UeQXE+oTtAyse6T/8ToiRNFa+hikuR39OF4kV14nmY/X0jlV+34sU0A&#10;tEdc86P2xyUZBl+JA8pT4W+epoOE9QU6sNvmo1ASv6tv6bqXxkc4i/hvMTbcuy9IqGp2/qzUt/5Z&#10;LsHzZ+tcNHtyZxe1FKLPOv2u2FOF2VM1fZ6MKvPmkAzyA5144V10GEpWRJ9swxe6CLEqlVWPY1Gq&#10;efsstqbDWo8zE9cySle8iUjmtIlDoK9g/xXsqax4A5URKJGHbvJRJMGIc/LZVDhjmSeFJIiljD61&#10;cT7w56lPKkISws43xRXtsypwFruQsPVW74RCDU4DJ8o+UVK9l/4r5qliqCno2b5bARflGLiYDts8&#10;zDITQfAcl0lB/AX3XfEQAFq5YLWe3BAu1XYhn7ILfGcW8q/zEOkT6GbxJgbmC9oSd1TRO/WpKpNx&#10;CHgqqp9lNZkl62IVp0M5ZyDyla2Ng9O34CKrsuj/R3mj3ABbLehfFSH9Jm9YNpcfUTHpjkKDXVHf&#10;Y7Kgz7u8wUtq/yYV8j7VOXDfwSXEd5W2P6gH0Coc2B/nQ5TP4GLk6F1FKXJIjTaTC6wjKkiuNeRw&#10;RIaaPwn0Cxs0eALffuyaOz5UMcOYFTU+8r4J8wRHDI6V+Kwu3mtaGeZ+VRKDJ1/IFQSkT1pVHe5J&#10;CsSznU8a96OtGwMKCEo3dg3S/gWWXzp9AlJ0rcs2FTTvZD4gP2DMW59wWaqXFK1KiXRFW/Ro8g1i&#10;tGLGtmQU0qscUubU0+xwk5bt9Zs3h3S46xM28dlUBpLXk7PBhRN1J293wBIp8WVa6IppH131SQBU&#10;maZaFcQ+bvSVfHKl2+wSiLvxkMqH5qqAisgks7s+tUzBmqpb3WUZmp/NbypkkTjcBsQI/SZOiPL0&#10;9pOh/woJoDPQo+X46fWzgac5Ls0Jtt0khwnoKzzRpUFxaECPeXZ5Q0aiMkoGVWVr2OftVv6bY0Mo&#10;J1odde3pe+2tiQPBkCEwKP1TVYTd6ovhIvdCZprhssdlHjP5wXChKRi1MRnASaF7miuJSaHCxVpy&#10;DHRNgocKDIw3R2zrSLnTapE6IwR7vInjpzEe1ggljvMh1YH3hxyrMSA8Hy9OWD7LaR10xZjvWhoD&#10;kv8rBoTS3rYJabwqlxIP0Z2HOvXgkOM8oZk9pVyJsE1FEUgPCMZrWhrDAcKXhEf4n7ny3CdiOsPa&#10;KkzeKj2zHwWqHFM5PTzyT+/lC/+hdDrGMXy0d/yHbsgNYTEktKcmEIC/oXoELyhBoa8LgAjDigip&#10;vMjVI/fof7/M1qZu8TwHmfF6z0XDgkUrGaNFZH7wHnaKhRSQG9SKTXHu7JNyGXnWUwyrH0cQgSXN&#10;febdcsd/WOO+v5eTuwt48Opck5eElxtfy1UD+rCWfWZfeIElRdOPVUV7HavKmH+QRSQB/ZMB8eKg&#10;GpKuWMuSG09ewNpTXXKJZG6nDJXyjkYYSxX4J5epaQJCs9oJqGpnnUaQjwajT1TAF6cVXgGwSrmi&#10;yKLeJ3dQYt11FisiqFB7yiLCtG/yuf7AP5WoT0rA98srkHjwZAwI261X80CG8GbwfPkV72g7/CTx&#10;JsZS39tsXUXOtWLYvl3Jwo3L5OLZK2elKnzn4cmwObxWpka7KBA9i9mXWqX0DeErreVqlhRXdHFK&#10;FCq0j7VPjvKy/+VzaEv9r4pRxkq/1OtWFRWm7b6V4RwIqh90SRWxDNL+GtfYpZTedvbB3Ujujpw4&#10;Q+t56q94n1OAEfNQdt4iTUiBcwRSlSU/6Fh9BCE1SfmQs2r0SU3AfgCsrgyYq4s36usJKaI3Qakw&#10;uOt5ktCqgOd4kzhk5yFKmjhJ6uDnYN9mLAKMIDrRfZ94f+w5ePo5hryIAZEx2rUTSoMpYXeMFon+&#10;4u5nwAoqBz3eZD37oYNZrAsQ9fBp8FIOyDha9JZPlQGsscZKKhBYRj8eDtPGrfw3WxNKSv/WX6QH&#10;PzLyHq0J38dgkTPFX2514iwuEQFDMN4hW2RT+VDH5OnU7KnhsnlEMcYtgrWhX6yyCi6U2OfNJimQ&#10;wNIQ1Scq7qOiEnIlHyLWXljXKBOqDTs+C0/2swb/n8o9xkM+2wdE/BnjbTwkxltU7dTsv2L1UOAV&#10;oR9vYh31vBZui3Vgh5221wQCDmQiEIB8oV8hA7H7ok+O1C4plrTffwkrdbcGrgDBZzRaXJh5DfFD&#10;8puXYobCJ6Qe/S+UKfi+W/lvtXbe4EyXpge3OtGQsjb22OOaFsUWgYpkczrhIXke8EzKaeW6ByUe&#10;8zn2SfgkZSaWw64vAi1w4Icw1aYLQY3cMCSYfkJ9eL5JFbRsviK6EyrKHbhQZWuNaojQGK3RRsKu&#10;WVof58Nx7x7gw+4gRjN27iTU/XtTiNaHUOWFzbe8iXTo3mOSBAzZR/vZwjA4O33Jt26dL5xOn1n/&#10;lZRc8jVBA/xq2xgHkHMT0I6UGrUyEtCgNL4IP2RI5I5XZi7Ff3j0g0JTTa3cDbwGWaB3PqxsEOUq&#10;BiNd9akKnyFWAG4rzrPMBLUi9eJDBgYOtbQiYbNXSal4xRzAxoe0+fuJRdpdhdKOOrUOCFSC9UnE&#10;eaYdXU0Tp51DRirC2UlLIDmFFYFjPHNtrXGq5GqiqZFQeO+cVHwu9qK+qpSKhbbLVKDfltSq4oD5&#10;pu75DuZ7zLNvZnxmKWcIU9uvxDtu5b/B3uwFtpF2PnzG2DwrtzptiSWPlL2dhRfMgUseKV5D5Uou&#10;k8UhiMiM3nQNxxkI5b5jhHIIZrxS9dCxUvngx/lomwcbQ01cg9+hjhpPxghpLZ7q3z7Nfm4UoS9Z&#10;snWCS9rzIeVQWVcxFaKlWcTwsZqnPuGbfxJdr4uyQ10wxeEpPC6Dqrq7uNsrOGW1d0RyGIhkkZxh&#10;76VTXK7axHghK3+6hnnI3SAirf8N7l7Wp/eUQpUgCqG2ceD8i2LQfU9I9owuss0S6V6TXR4SXquA&#10;We+l/3Kf87PEd7u7HkdFDYh/4HlYuBbJ7hvGvxzAxz6/n+tTI8Bbv+VOYuymsf1F0djWTVcWZeEk&#10;0Cv/fOd9FXpLM+BeceIUy3Xjig5K2DcyIcrStyI/R/hya90EB4uNif8hq5Ff8b7wa+mtlX7ZlbWh&#10;mQbzKRS4aabDUBxcxj03WT3mrk8wGwn+Ifa23wuATZjwCsoibiFW+T7y3MKcVRp/SJTOHf1X8Cdx&#10;dN/Sq+L3/cADhWPEjDKON+uGOHWaxgSTMpB/N0+wjql3Il8Y8LqezMxldfHackFWe8jB4dwbwmbh&#10;mLnqE+oZjv20/1Z0u6DqDe8Bckz1myU1cFyJKW5pi9vS2gQZRRlmN2vi9fsz0SkMTfCfZe+vAXqZ&#10;4+cT67SepBoY+TOs/DYVfM6uCqbr5Lr2LNhpOo8FBg9OuKIttonxUcpL7eTD3WKD9IT3IKMy9ufY&#10;NffzXGEkmIldJkBqg9Yo67D7e3CRJ/RMbqSI0tzNE7MyHQww/OadwgNL7tZgE+a7+bUEP0ravnWX&#10;cdZbtVCktbEJW4VzNvp8+u+IKmeJMc5iuSxv+RaQuuGLBPUUG19YE1Ijw6PPp58S/SJlwlv3J2ZD&#10;agz4phVKXPtcouUPf6wiXAnumcHpq/WU480AMUnQtlfQKI3CefqdAdiwlQYR6DvgO1dd/vebgEe+&#10;iNen9YhsASwRy3kAYgqCHQ/lsr9fTTRSDNPoc5yQK2XRHClDEdJNMYRtQMSD8+BVaOJNn8gEi3iC&#10;attnYbDkTARNFxdYD3jNQiQQgonj/Iq0Mp7M8M/IDrcMGZhHLKAvtdJbDNV4G2oi9Tb9Echw2HDh&#10;WoqmIAtjySjY2UtzYZth9WXcFiPIWlOX6ZumxWnoChSY/ahRsaPd6kvwjtY+cn1+/RC4Q7kXcnmo&#10;8JumTDaTsp/0iPBuX1sEh2I0eiaIU46wz6r/Sj1Zud6GxMHfjZCA4JxJJp7oz/5jMNEh6+rJ9S76&#10;r+yQgv1OyGCgTd4AHuBwzBmycn00KkLxK+1jIrtvuiR0mweICLd9lkApqtCgHFtme4gWkjsRzNQb&#10;+wMONES23rQOouCWDsCxkjqjGmX/Jjg7j7sPMMQzaTHPM9hHeYCuNupOTOtTHNwQct0ygoKkj0Xs&#10;MwZ0t/sXXAEGQddjtb+lMWueIxWq94lLID2dqNihSVz2eXizaIudWJ8FKdJpC9LAoCkwkS/0O6Yy&#10;PwsPdb5dPvuMtq/gCiMvLue5YDY4tTprrmgP5fE12jbQge5aD4nVuab/8vYkFO8le8wTC6ES6aST&#10;9z4BdKTp9pK2ZKCoNN5gE3NCrSeOOU7SeIihufUJh6XhXAx2R1vlfZr7EDV9PYEx1LZHqdxouwgM&#10;RN9487JPNII0i59bEAtCaWJDDgn22WnL+Zyiv3b2ZZ+4ujJqRUBoO/RxOBKKGH0+BSPIBvxQ8VCK&#10;7JGHfAb6NAHgvCq/+Y5bHTkOR40Ng6Ewt4lzFqLb9kEUa3BCWE+qN++owsxIh/j0WVBqlUyQE68+&#10;8Xn7Gt3PfXq+SRWiouQDRm9kFA4WZpxu5b9uTeRo55Kl9ZGGjAkzcvQwEM6NhqoQlscCIrpfr4B+&#10;RrQkVvmlFMbfq2KhY9c+JIUSDdPd/4QYEfMyTvmz3rdRheR0lW1VbwTAf0hq133w1qJoXYAif/NI&#10;w//9CRVD0Aia0Gq3SI1UdtLoHsm3YQFRcdMX9nk+5z5ZjpRfT/UY/cF27xNzxj5TzZAxoMXv33vp&#10;v7xH577GDbp5Rkk3wJUwPvuE7OGJqnomEOGN5GO/JYWekD1ixrrDVlM5PSyZSVJqqGd3exx4pnNh&#10;iY7/2oQ44ZWUK2Vi1R6nqBco+BiQMxAv+5xn4NOs4zpwEhHGZ58GIXhtlRgWEaRPW0b0Fey/cj2J&#10;vWIyxJvswz5PHESO9AkbtmlDGBTp5KDGYUWDei/eM+4N7dRhDTRyj9Ot/NetmXKOTS68CqO5mf9m&#10;cxpTT2JMRVHzOHgX2fdsjrrl5uB+tuNmb/4LKRmBb0hGBt7WvM/bQ8JVYaOLMcVLxSmgobiAKkYg&#10;SHDPRwWVVuh2YU0czOod7aOkhtQ/+UnugfiRBqoblicZB33YTAvJel+eFBhPn/uI6TiR5qRAy6dJ&#10;SHBIFuBqKnD5BIWFYsoog2Fl3O0OpGodrHg/NvcE1cIBxsWHVd+ha0CEchHp+ZR5vhA+eKoopJiv&#10;Mtvtw4gmz0dmZZ8t2EYihfEu7v/Qwe9mK9SJVwZ/S48vKzOOmrDxYSyRzTOCiHbtIYb3Ck2A2Tkv&#10;ciKtZpsPfoL05JNDI5m8ri3VdFjeGJTsUu/uzkT9V7KUrpv21mXHbIomC29PAhF5SfvWrerNpaZZ&#10;js9LIv+WAztG/PDT4vMllJcffjiHZSELbSGRSxAwszvvuqU2uz1XXFq/RUtUWcAVhXTNMabNOlsO&#10;MdcoQuMgEK2nl90S2HDOJFuk50yCFQJWFKtH/uKGbuTWdIy34GQ820I3nLrdhJHcbPMluDJfcjP/&#10;DSbg2ALxHAKZWjozBudmJ87hgMKf7kwKKsw2GYoExKsQw6ZQEdmDKy3Xp3j2OPFvrBS99YevnCQg&#10;gw30fVokdzmXT3dkpGhiyb7OS6BQY0iUE9YVb9aAcz7UTT4q3EOf2bjVIBgbJS2l1hWbCBll5zJa&#10;81/w9vZpBWzj02yeLV2Nt4f+oW0Bsgv3vM/Jvnr9VzIAjiUjOkEKMKmtZzg08e/sGk7Obc6qZ5ok&#10;Qfx9ghqb6u4T68rRGDLd0pZfVudrew4wHyVu57/1fcBVeSBL5w7L4Nv30cc9CxWMsvfF3z1Sju3q&#10;DEwBjrK+jc9kJCbGbkoycOd5/i2P8c+amThrQuTccQtnMsXsk9PEiO1M+BM+FMxjsMPg0/0xkKxk&#10;JgzJdz2TpWLxjGdMaPpFUBLLG7UOsuc/N30BIDwhoBoYqRVniXamNmAwh70QWUq+az0vj0f1sXZe&#10;CYKvBYgdggD/IEs/9DxHPS/Mmgu5XOim2Hl389Mz/ohkA8qUTN7tffVfycd4MEXCGDW7q2sGUBv1&#10;1Z9GdnX3MY/R9v02QIIXfi/ehXlNL/WykXNhA0X1OmSOt9kZuc7IjIxzP3jbu6tmC5Anx6sSqbHC&#10;y679QKNRmGPQSJe9bRATBKPR7LgYBoaysQ0eZagabwtJeubIfaSCeKUVg7oPVky8uIz02b4uAVVl&#10;2Icd82iv1GuPiqsydnm0t0csF+VUXf0H+djXR968bfwfKD33vmKhPfK8sQxSYpM6jRthrvO5/6Hn&#10;ldF9Td/cges2wRbrKvK2A2HMNz23zU3P2z5YpQ5ipxsqm9ShZ69jn2X/5d2AuZdePiH4FPJvjIuS&#10;VRqBTICN2ni/4IKUdyQPeoV7X/2Xe17fBc7XIydoicunpRHsPQ+LLGXWS2prA1tuHOTd+hhMVbiz&#10;JhusJEFpCWP1IXXOc9bll6YXPsUetGAhl8Xg9NyFzPq2MMH/33UW3nVb56Vnza9bJgxsFBlI6Tfu&#10;WwlJ1GfZf3mdlzORQpobyIlPzwMX968uqGgMuOwM8JdC77/oeZ6JJHtjaG6fxu+UbECWlnCWrefl&#10;2CPiQQGpFz0vUojbgjasdzu4cJ3+fpyo8zARfOydzgYN83QDYLfFddDZhidoLCSBri2ChTKJYpXn&#10;FEhDmSH31F4UURXi7ZEzPs2k6tMA7Mana1dRgsQ1kwhIA558sc7U3FD6yJgUy5yFYOenBR9OkvwD&#10;A4ZStjxGi8g9iVNEvvPrOROOgXGyZwHrmgdpZDolGEWZeVLQVg4bF1i7Z1VmfSE9yRwqyIfyMDfx&#10;iAnpkMVyN/acc3sM/V7NWSjlmPO/qnnctw3bCFhDPgaytZ3PRIKdIk00mZjCmzkT9LBuzhm5H8Cr&#10;3YwWTlJwpzbPndYx/FBvelat9Vxnwo673EamK1lrMCBq2q6ysM8o456PVa/RelOXl/1XSk8hUa05&#10;nj5NoSekR/R8GBgme0YMBcXCXfGCt3+iNsas2eCwGIuX4v06j6hMTIqbLfeFFHbLi0EGxc76WEK2&#10;eKlSO31Nnb79l6mN3Pb5jL2x5bQAMxox/zEwuRc3bUg1PG1H4R7OS5IemsGmVYNdkkkVHwWPFIfB&#10;Zy2f9oCB3R65ai+Mv3ueGb4DG3EABhTuaKJI4d70ZnMG62Kr/hj/jftkZuG9eczs3DOmkXftINrW&#10;M2eSNcwTyUlt9Yn0ejXRHezeR08D4NMnpcX2nBH8PYWHh8u4gRq8iGrCKAs5ORf2w44Kn1lVjwq5&#10;uOW7MwzOwaTOFVZtsxfyghNfgLzgJk7hXv2JpQMF4IUkQrX5FokBMOl4G4nHMO7lBWIdKZjvAkDf&#10;J0X1GIc1VE+4l2ngyPjXt2or5iHMwvUpTIH2f83bTGmDyPBp5pwkoawnCPPGBhSIcL4Ki8L73k+d&#10;m/uvlBeqnGNRxFXbWSCnjlmUTpe0g8epath3FXU0fLM3hVcotXCes/e1++REKEKywpXE6nbnkVIj&#10;MGmEMx4DcxsKKYeu80hsakvVRSaihGaIgI2SWbV3+x/57Jxb5YhvhcOw4ojCxeooxQd/dl8daoml&#10;5NF+TE/go2fP3TTSbg7PBm+BTfCaup3/ZnvddVBYKMKNDxl8pKnidHla4Jv6ayv99iepRhXOoRzi&#10;FgtSdEO+Mu1UBMQoE3fi+H2kBOfyHkiWgWi1NTe381/PrPWCyjTWfTldzjNbh845GEUCiq/7xAl9&#10;d2Zq1ERuvokTcGmaLz1FH6bnsSdmzxwl6XNWzheVaBu3EDpwuT1oyk2Tg5ke3HKeMyENMyKofxDx&#10;/dNwJjGmWC5WK24FmgNDdjgAhx+TBCa9/eh5Xx2wtYXeQzv9KYKAPwv5lYMAtF+2ir/rv7n6xIcw&#10;QrI9B3wVM3I7/6320CA0VXAubE1LJLc7Ug6/kHg/SIMYCf22SMOsHIkdN5lv+hryWXbTeFvJwG8k&#10;P9FUVQ6Jdwnobo4xEmMA7ORj4iibK/EXQeBU29H0gKZ6b/RZeu5JI6KpnCf5UULWMZ1lR+3toXsa&#10;vkyPAKt50u16b+5F2zxXAo9fnodFU7LSlTMxJj4KenapKdyq+6RGGAlrN9yorIeMfsJmyGXnQHik&#10;/usxkiqepcTU/j9iYcHzbue/bt9GxUa94i5sdxUby6kqQN32pQp+pvrMVnoSqlFfuZhHSpzXgOS8&#10;9CvwafKEuizC0WCYo/gQ6GIfmNS43KvI+iy795AI557hmAQkEQIhW6jBChFt2AwpizhlKN7Te0at&#10;zbg5hxAi33GD3te+OqCLsiY/q6lMvKSU2/mvVxMl1qcf7Wc2ktv13vItlTIyhlWq2KYZU4zBqhwQ&#10;CIrw9MUmXONKojyGgzzG3pdH4D7/BbYU8C7e8kJ93rFMzLfXC6QBsn2jRO/NvfytJJXkU1X57IAE&#10;vF++kVn+JtSStmZ/UMbEJwGHWKa733ELGNPSsACcpnZWsoIYSGlYWJrUqe89g7uxpKEq75uiKALH&#10;oALHnJEyW8YejxlYqo2kNScGbQ4M+FUig8h65sC1LtPp21cToU2fKRkx7tOd93E1aQ9ONKEnqJIz&#10;d9ff9V+vo1i0vk+NV/OY2/XR+S3WO40MVUJPKs6proRCzm6RTJJGMRmTjp8p8aFn5UbluwgiaIMU&#10;ds9Mn097OrgXulsW8I90+3wbjalkcu+r/4o5cxBiUvhdLhvouppqSfK9/DS8H3CKOTDV1/ZjecGd&#10;Pdf76r/cM9kE6TQgJZ6k+CaZoTVelPo0BvZGEiIcBYdSrvTZK+b1dp8Yz1kdiapZmEjfTzsFgV0u&#10;k/ZCSF9IEfiTUEOeGvIm9Yi4vAXOywgkV3O+wgjY9F5s8OMfdKltZlQnlvNjnLB0zomyjXRvP6GP&#10;I/MutK5lBx7XDJ++0Ti8xXUj29A5I71m7IWtCIHMJ0PeeZtQv3WH3lf/lSsHvtlZBX9SIQEJ2HaI&#10;gPZWesn9gGrbY5UzC+rgyf2EMjj2zMlNqRC/SwZ2n/MCbMXdBH56Hxg14dwzXuM3gEDqgzvHWG4u&#10;bKU+KYRCAmzUs9Dnq9AgMmkXK48Z5nj76jTiznlGnVLhb/T58PDXtqfsnh16x8XQTUhFMWhi6dvp&#10;23/lOqONVtmDuVKzZxxtFpR/o611dQ7JyNu5d3Dof/LSb3tBcYhaI6Ukebxu578eo1Cuqc0CCVHp&#10;4K4zn2eG/8BKLlV+EqM5Z4beawOMgIFKW7XV1G0XKVOICaoKVfTZ++q/crzcdafI55ANErrhb6ie&#10;qaKhuGk8RsZtm1oapY+AAS21DOx9bTTCaEMK+aOyXzYa7e1BPMyV0yi29r03r4Rsbw9dRGsKGX54&#10;qmY92KEmDgha9UOSLhJn9zQlGPRXCZzigflpBJwV6xOf4qFE+kXPxcaXexMZjM8gR23umz1jxlhX&#10;mFtgeawkJr9til32vG6+w5zhLZta6L7brRhkqcnK8Zw5HN5QG8e/7TAKZXIRmFZqTkpFWL3Oh8NB&#10;SQ2mNr7l2t+dp/ovc9i8uO0o3nG11KbG5d11QsoKM7DqmYG/OPFUyqbIeTpY1iPtSRKdHe5Z5+EL&#10;eYEb31VUcZiZRya1sZmLt3HndhgwI4E/zWE6as89b/sf9z8mQXIHrjl0uy5T9/br/pMKOzjiJ/0F&#10;LxWe6uxFYnE7rGeGEtk2yKAx9Jo4B9mUUeQvfdDMjnyEyYoXIHuGvtvBhXfEJUXpmXNt6xmS27Ic&#10;N9V4tr2v/svSH+hKrQdpcVEkeE6Kpc4Kcer58ZioeSIFBIUgGe0oI7fVIXDkQBFv8b+fpD9a7+wF&#10;TvA+8XePMwOhIt0iJCH/Dk6rmeFeKwsCOArSpwmNJYNQyhNY+OPMzj0TN7ZTUqn6PexIobsqScGn&#10;OaO6uMLfqOhEjtsDu5PBqptVCtBhUljoJeoOj1EySvrX47uel2tMmBQKSGdRBAHWUkxKOTA9NogT&#10;gbhczpkxYOLcUxtL0HgoetZtpG0hl2RZHjOMbWCIIPt65+PLOc8M3uOnOQS9GGhvWG59YLCBvZ7z&#10;8aNn83juV7IkfO+W+qSEfVLK7fzX7bmk0j4rFQjCG9Ml55GDSW0ER5XLJWW0E21klaegFB483I+1&#10;tYiMl296rshjZueej+8un+YCqxSUk1F+eHzbMyExT4pKMaEHLJ/GyZJaxBQIy2OCWqm/zE192TPc&#10;bx4kFxiloDEK99FyJOwCYfbM8Z1ZuQqXoWXlCnf69l/JHWS9Cz+YskbG1dYzsUUfiE8RSiRvViug&#10;0MAbi/0vsCqOLIBDzHfnpLDY60h7PsbJ6YoAzJlN/0Jb5PQ0Po3twLbsvA0MvwrZnR7PohTL2491&#10;3nchMQr0gaTzMl63899cF1U7KkGtG5YtD93uuJrrwUJ8XwWrVz0YvckXoHGW63Tsj9GifWqxrNy5&#10;dM9HiFD5H2J+T9VIt88Vmz0Vq7UCEceyriMKGdVn2X8lpQjplfNTR/p2sIBvVbnpGNjhsa5g8Flb&#10;j39aTVQmgDP+KGv1gwyWdHesbozRvpbvq4mTunT0okrtkKWiAMBm2Lh7BFTmqfpEKIQEf8zsSNOl&#10;Ps5J3aQWufITgqa/UY26ZwnTVpnH+Ziz3Npd76v/Mt/PS8LYXeb7mrPAzjUpmRZ9zkvVmm9789jz&#10;qkWctv2iJpweL0c9R2wO7I7aSyUbRu1355wxZSa1n+IK3qrDoaTZXc+c8ga1SoqivzeBQO3D6cc7&#10;PMYQKXlRjy97xoVY/pHnnIGXzE8/2YBw6TwvQc+94bBVNznISHlbyhmGKrL52capZdaXG9Q7ufNU&#10;/5W8veq4IMUUS2rSeRWhcNtmrnBQ+7IKPA2Q7IWMhNbzlNeN5r1nMG1GkhNxwBfQjw1ueHGCEJEY&#10;PDMv9jMnigoYDFlAmHovhEDUuwwlvNFKnFlJAkpLtdPjbbTdXy/mTIDPmFvcERxOfc44/goKREEo&#10;Zfa1npc8fd3LENbMHW+3oBh65KZTAX8psU4uujJ7W8/sJIs4itjINuHxVc+qZu7yd4pqZ7afJQkg&#10;L06UJKd0yh4wEPYOkgW1wR29ys9Q2RLi/GOlCFUnznH2LGCSH8NBYUzPxyskADfZCz2SlVUGafbM&#10;+Lt5B3Tnj5JhpPvL67pQmzLF4IPybYRvZvHcUZtInWrCjjnjz9Xl0u3TlNP3nFXUu59VRHqAliRJ&#10;QAsQGrtfZ2BzqMTZ819c8tZ7BtflJHR8D/Tc5wwGTfiBGDeYtmCDuznDVs5yZQbcbTtGXQtJ/NT5&#10;VpSqO8DEwEBkz1Av/WuXPYPDteNajtOIlM2ehRrJxWApBDBcF4OSmyWHlLESKsujZ+tjIbGF5YIp&#10;glLElVRfM/ai2/nvbA/Ew+3pxXvX7fzX7YFlGB1BaD2DOozK7U7nCDg20S57wcO1MxZbMSHxfBH/&#10;QBN8WnzVuRmrD5+80bWxvEFa+F0szZDHcw2QV0YYk7GfRst8zMC9goxMtzAENfss+y9TCo+hpSLD&#10;2GxzMIeQJAeGJ1S+0rb6oAYd6AHlrHP0umfBtm2IcguYbqBaP000v6xFyPM74Jo151+I1ETMsxOJ&#10;eL/pGbCRF5JyQkIktp451kpck1m27fI/iOkZb4J3WErN9Zzxp7nuFf8AXdZ3+RD2yYCYAlmYrebM&#10;OcLWDw4DQyFk5H3PnPi2rLBPVeFxnTO5aAWEIQlSVfmWx0gcHrvn/0Do3PcMSgZEgs8R3ejSqA0Q&#10;hk8nhym2tWlnACOFJh67Cu7Mu+4e8uXE20S9hCzMdxEzm99JpeEmGIo4fSMJ8pu3c9wwROYnXvYs&#10;z53f1c1gbZ1hbZAoHtgT/CO93P4yQn+Sr7frTAySUiomJwvZhVQEibJnFKhM8TeHke5ItDvHPUEV&#10;d3PmVmeASEFt2bmha9Sn0YFE4bGQMqE3amMulZdPPpIPuKLjOjerpd6tngnDwILu2Z+ej1cvX719&#10;N2c0rgmLqMjU8mmJVPf8iGupTlU9lhnyYlcpzcTrPD0fs2dlI3khny4OsP4zil6PL+eMJJmxvId7&#10;hJyzupZDxQY3ScKmcloPHhAvxl3P1JRBGpicj1ieInkWFeTw7qE+uiu85Xx82TOSqQLdNeqitipt&#10;ziCjXULzsSAO3hkvPUZgieeuetq2wiD66D9QW9XYfLrPx3dzRvqh7Znajw3Lf8Dt6ccP3kaUUOQs&#10;H5dj8tGz9bHQRjiE0H390b+5An5HD+/t5Wyt9jbt6cXt/NffV9kuexlwppU95Hb+6/bgt6z8TgTP&#10;8v2jPEKVccE/4vgK8rTDVGK32KFAccUtcBI1mpJyhQF7UO7cs0xRU/2JXQAyUTbbE9hGZGq6joTh&#10;uhdHQJt0A0AIdwRAt8xRaHHL+Kl+rPSgV5KO/RRhfH/accCXKoavekstR8RNSaRt1BQPJUpapVGI&#10;9YUbF+cKR0qMGL18y6UnDioNPDQWjnKk9KJK/QaOY21IR2LYtleri01RQgija6tkg1iVmRPdItL7&#10;bFVwztsR+aQw+K1KoYxnB1tVPLm7w/EysWTZ7QNN/Bsd1+GJlx4ugAksoD+sAhCNjKi/WXETFwCr&#10;1/RVPJe+JRD48LvZItZ8xkzksTenMpknkZFwfW3ZBTXkWqC7tWV1vEWe0GW8PnJFJEvtSh3nbR2p&#10;ggWFD+iqW7jE2dJshyHvF14lKgvS2KIId/imxsrdZj31La6YlA7ZICkxdpmA+wdDoUTGOOPawGBw&#10;7yKgQcLC37IzYgLt1JPCyxW+B6+wskJ99RXuYEjSOAv/EOxWbyNU7jcSNjpWhCf1lM7kJc0YTDmi&#10;a2B4Wv8wyw8s3nnO+wmGWm6fFMibH/Fdupu5EEErQtLfPZ47cgyVJisrrm1WjnU+ahH/PBA5kisj&#10;YUJwrxiYeg4IwvR8HWCXrx77pL7rWV46LMrg4MI813LhlZiqzOEx7F2IoIIdX/aszxU5IXY72NiT&#10;iLx6LHKvklOP5ZvKcfvxZc8y3Ep/GhNct+VQ0OuxP10kYaTy0/y/elYBltJGiXd0yQtQGh9Yzfn5&#10;mAh8RaNFnntvEdUoiAPWqB+fRv1WGfxPbACqiBtd/fgdhxGpc4Wkkx7JfZIg9fdPF7XHJR//757r&#10;Lgl6fiwk3rrCX6EWJzlnz+0xsc57RZKAGc5rnwtPzLwqME9J8hgY+FVlYeVivKN2i65rd/ZdxTmJ&#10;2pef5mFoUDVn5SNMOQujn6XzUXqqUqUDGoccGzQo1WOKSZVBMHsGo1oDe5lvQiAFz6o/LbdgExUy&#10;GR3Xmu6g2TMI1nIyyAR+sc4copXgdjhmhRu1xkN4Yj+kweeh9eS48Si80KI54BZcC6jO7lgmWsDH&#10;zUKwY493EABAK/SmY1zhzbyTnpRlVFWkWMiHucJQfv0fZefWY8eVXOm/QuhxAFp1PVUlWAaa6pZh&#10;wBgY43nwPLIp6oKhSIKkWz0w/N/nW5m5M9fKc6RcNQaGqj4nTuxr7LisiBBQYP4YY2YHMhKIZpWe&#10;q+vujPN4pxcLFsjQiltFh146sEA1vjf+Hd8nnjh0FIFCZjedff/iCZa5MW7tZkytByXcikBYd1eL&#10;8m44G8bEudTPkM5sBqWWB+25Q1NJtENd04Odl5qikas1thmQZ2t6ec5cxU1FHSdhmzNg47EkEi37&#10;c4Rw2nTncQpLzlSZWcGDZ9Y2JQD56XFEz+8OOPY1d3RzAnSc5TdbsYUoOBm/wHdv0KgLH6vp2NiM&#10;58oLOu0Nm/uSKNo6z1jS3boZesNW3XkVoeWc5TQfo8baTUOUNkg8levHehhChBKRHxWeSdmTKO8t&#10;FaX1rEoNRt7sE18nRfLuaAvGT589WPFIrx93c7ZeUhd/momsF3b96W1grresH5ecickMC/uC74zs&#10;/y3j6FwxCUDv+nHHWZszTPDNClknRV30LbViVdi3j7FCV3/8qu53nFXKcdNt5XmLI8Rt3kTcOWcF&#10;R9fr/lzOaB6b3XbOWYr2EMxStvJsEyc1O2R8XM5ZxsB6bc7ONoERiu4tYv08r1hSbb2Tq6lcctbT&#10;OsTj+X0G60N8c3AeF3bdZ6LWm87z+2d796pChbd5/CjRveE1GN8b/y6vME0F16DophEyv/G9iy8S&#10;jiFt0axA6DhnvgaoizWIO8mL3ceazZi4jtn0cbmmvl0r7bpoVPjalnw9ouvHk5G+ctbWXpSRY+7D&#10;N8/JXV8ENMCzSiP776NlrA/yqsAfrSl1wqg9N9b0TLwD+SAcNj4eav82M87mGhN95jlVRH5VB9fX&#10;cvtp1nRAYrZnfP1Y3rrthnBPn6GbT46Nce1X79r202zmenXP1Q8SCKwYwfDsdecISB/8luVcKxVs&#10;nAkrr0L2XKeiFCF+w0E9NLKSM/r4evpxe6Z/AXfyioWTjZlZhEKTD4kytQjq33hrzI4rlR8OCUv1&#10;ylUxplCjoPHmbpGrd+wD78dSX76aLqE5WsXMK0Ve8j5YQD2RIUdU3iJnS5sULKSFlpjqaiGkTMq/&#10;5juLH4Xsi0F6FkpAn1zns8Jhx+aD5OD2DVpm2xsJKo069pZSQUut6PWHBWcdP3yG1WBVsZoWts9D&#10;gVCbXEXpJnG8AUgGW5J9iYiMT3Htxt6SgbyKHUGs5k+rvcW63cAl3KEZVbCyxXGzhr045+n9pofD&#10;6FKh9iAs1kVJfGlvsRpXx7iy2NLrCIhwDYkK6p1HSnWKh2gGlyD4ZuvOv0y6zpZzMnS67Ye3T4mV&#10;LDsvDMkzfDZ0ZKK21bx7F+ZDyGxcrwtrQaRunIvnLjImxLA5eXl2YClOlCrlzAduxUqtsyXuMd4T&#10;sIvLueiOFIszjOyt2NT6w5RQX68XPrIMeHKBqGI5BoWHqReOlEiipOwgJf4RejHTWe2yS4vMvV03&#10;CPXgGUeKiMKQQ1RUW8qSrLPlXRnv7jnWO26B/Gn9s3siajmsepBSqkFgwv6ETB5a/oVPufHrBcLu&#10;mcOh1d5i0K9AbTnZc/dwWY3mkiq6KvSAD4pzvrLlRszxwY4tVRmH5UEC3w5kyQOzQrbwoijn1diq&#10;RMDwUQF3UOWZVlwIHDcuEI0PhJHyHwZIOs4qBS9Bz8SnNNsYElselnmDqtmqzOvQTDbScaSIOI9a&#10;xlZLc/tUsPL5FmD8qnJKP1uUyOUCCR2VhiXO31HbGbY4eiNOBDhrLTYor/IzQia4q8kIWEZMPBHd&#10;6PcWmWd+jt2usxVwcpFhMliecZKF9lx3j1c+ndmkK9DKcBkUkdaEqNwLADvY8mg8w61LhsuqD6lX&#10;Y0bjyJxbg3HSlTNsQKhfMPJJYj8TMy6Nb4hzhs7J8EUGdrH6z2WVJOSG1mwrGoSad4tdX51k9cYa&#10;iDIqpSo31faWycBrmQ+CMl3Yaus7Hj4C6TzNF09y2m23IIBHwjzVBTXu+fiPr41/ZxWTx3itwisc&#10;1iqSxtcu6S6S8uM1J7LIfvqkUDtXEBgRePAw8SkrPV4L2hhupn0yyr+WsfKaD10MPMSuO6FaOY61&#10;5KnfVUVUS89hl15huT/jnhDBeBwKL06rHSyafsBrhI2V2FW8jEFxx+ZzdXZyxmIv8yT7Z1wu8Hf4&#10;S/94C0k0GAHXK+mN+69fXEv1rpnDNqDVebYiBVsvzBL/hT/DjsuiXoVLRBxHDS/P5XN5ia0aLC7h&#10;XeDm4AmDrVotLuFI0izAKoTHBUmnVDBdfmmT+M6XZUlGuZa0shsVkZNofC2J5w3A+hkljegIgWGR&#10;06fQxCJyefHUAcTPt+K/izDnLeFuXR7lRbY8mIt0I4uExYmLw/M/6lKRjoH4TbYczEX3ww9CUPgZ&#10;bKeU23ldp3Yd+cO8C8ubCCwFeH2uBcdo0WgIZfCeTEM+O98XZ8sVXh4YlRjAFefLqGO3ZASoIhd/&#10;5aeEJeeHWm7RBchYseW0r60jVEo8DTrgwwMHDlsBMZ0t2T3bbNchV2wx5IdHRKl+qhRg7wCpgwMP&#10;yttEmmuyVbnT+SlmM5C8z9hbScyVVFHHYIt7aCwy7q9dqRyWaRRP+aMjNS7ScnVQppf6WJxQdMd9&#10;lZfd13lKlqpOaCNEBP74tbrhKNKDZhIBiB0MfU2HDRi/Ov5dBkPvPUoiTF9nUblTf/h1cmukts1f&#10;52mqut0gAkZxPraY3JOQaExqbfhB4g7CwtefIzayUdVqgXu4jC/vS06Kvup4R+ZRMsbT0aQAYiwF&#10;V3WKKICxW4PkNS+cWoks1gbh0al1nZ1WdU1ean7L54hvLCaF9Bz3GigCcJ9mUihCi/tVDU/R1Xaj&#10;3K0BX7+ekQF8ndd5OtZ2Di5OyolQJVKRRqZvP0lgKxU1vZaLqwA/qhSzi5O6zHZqNDidKiwE/Gm5&#10;WtRjnhVpav6wcrtPAUAuJ1LldmfLoBI4mBESFBNbkDhLw4HX3ywbTBRsQarw4uI3D3GkiM4CEqRG&#10;GBJkXLOcX/41fhic3/JIE3d+TEWagMI6W9Z/Z0LJF8LqzENGSXvGGxa7h5N4v7fs9lhG3pp0VnNE&#10;B0Tl2XuL/3zJjzDSdZFVh33s7Xpotk/ZoGWlnnuk6BzIgzgfqfOTjG3Gjs2fotilVc5LuqBiuOTU&#10;3h0XLTcz/5q3lt6SQ3UDsE9Gr59j4lWLx4tGNOjh+SFG05gpa/KM9ws9ZjHaaGxB/dv4WZS0oQ8C&#10;OtwBDajmt9hdIBJZ6f4IPzK3ZbS8TrvcDC7wOEl4s3YoFdzDrOe08BhBC3imuq3qz7ps6EY5Tgrd&#10;KscxuvAh6zlG+0ye06oso2XOIQJUTG38LDd1PibrgPj2GO3z+n+jcA11kacWj4mfITW4HcvH13JA&#10;/iG3/RkC2CgpWSfIuL1lNiDasuyqb6DsLThDScTFUdvt57a2mPBCpRhP/odxP8nq37lpkRPjagMl&#10;Ua75rOHkjcznkKqci8kPWpkfn1bVXsPdt1FtFh1KfsRZ9Nu3k9N893Wylq1hTTAAYz4UDV1+UNnx&#10;2UDETjb6j6rjHs9HF2s5X6hIS6czG2HOJ74tNNPCYXzr4ny2myrjI4tx2H1Tgl0+ybY/mGGy1y7N&#10;5yLP7TRJE9y5UreLgZml+n52YFBH4DPdVFVq/J0zcYknj8OQvOQc4KOMn1W/luVnEejIGOOJy2to&#10;HuyGsnYvzXOs8XxKaLk8lCSeQ9CwC8341vh3fHvEEcnkILy3//al+SitfJyMdVRDLGHBXI/5cJfz&#10;lceYWcKhMp2FUL80n0s8UeqHyJdVmrYZ2tFwlKgx7o6nfUh88Dk82Zplx1X4YPb8rfNkU5dF4Lor&#10;scf2Dak6nBO1/DAa6jOw87t9u7gqGx/qxmI7/s4gsHopgBQfbsMnRPOc9Cs1GFofJdpihDFlO0H/&#10;wV3ulX/4wH4OQzBnln/Np5Sbt77pSIp0F9jCEefD3PV58mSMlxkzDaNtWdXkkn/NPFV9bdngjXLs&#10;/h9/yK0dqt/zePISDBmDT0DS3g6Vf4hA31XSNkoakD/jZfaf1TrHMZEGsCwC4ItdPqNRIg6XehHV&#10;y4ygG0oGkSX+n8/TeOLU3oWLFeEfbyB35Hq8M7mDKeOk48zVa1GnuMdDio5vjX+Xfd92b7vY9u4l&#10;p4UGX+0qKZhOCHFswPXDVQCtB8k+pKHa/DZ0a7hR4pLctxrdlun8aUVSjPPJ6hIb6e+EU/LKh9Cz&#10;O7E9Jes8t9tEBGYxdbt5bjeY260KEHYnMJ6GSiTtcPZYrDzxNS33EDc23tx6niZSlNWZygf+uiXL&#10;QwXWduW28A+P1xdsFr9zkWeeOOTveBXpXUrhv4VmfGv8O581HhvWYNJDSM2UCTq/oeNbl86n7IPl&#10;fFJmV9kDtob2Yl8BHEhPur27YPeW8GS1b7w544FUMa75pq5bM4moWZmifNPOEWtnBWHwO1rPpXn6&#10;yb5ha2KeJjqwRqn85ItglxQ1a/GYVPN0SjBPu3jBJj/x0u1jGPbhqkd1PI3yTFFFBRrm3bmq5JJX&#10;0nCcnlzN/GuRcSazuWq7eW48WdgFC7Vu9jZa8jjJLVhObHLJv855nllwHMYl4kbYArtw+tnBEy/W&#10;cIXQs3EpJdmt7TZPnsNdkr79LI5yQZPsIvmHq7le8XRK+S/i3PqH8rbEPO30qQ7aitHO1cy/zt6s&#10;jXIsn92VCx9ur8D2YTVP3pohkTFTdhEWE7p3Zx4zk0P46VSZcpZ6ObP8a56n2Rznnl8zZc4dvyZp&#10;gTY9J4ioKMeiNp07ds0cBNEuQJGdIfOTIC82Ozpnln/N89xqlMoCUkcu+1nF5xYViPiDUsDsQ2Y2&#10;3iyl8xHdv7S2432ZueHAXHrjocmh5I53bnxr/Lt8m71eAmAXv31pPngahxjDoQfIy4cMvmt0ksSk&#10;BgAal4Kw+SilgY+Mj/uXXx638bojUxZFelwLbOSResetFKY4BqXoxRoQJSY/FiWnl3/NC0TR8IHH&#10;EfJlh0HBNz6yZWArwGSwNVfzAy/g7BOu7iPR/2FvCASYnkBU+hFCwv+7B1Rvnl368eKXu3hmLk2V&#10;92rEyIUPTA+MuZpplr7HjiN3xvKuAzqbZ5484JhLj1tOAdH8YXOOb41/523gJA+7HVV8g8WMb12a&#10;j/nWaJa19KsfB8ZcdiiKvIO+cebFUlL8M2SaiRBQI7uawjLnF2UP6Dpqh/M0gYfKsWBKztbw0jxN&#10;7SUbU+ALEyEmuwGp7TxnZoNPuKNedpspSA1bxe6Np3+IKbrT5zYdcotxVfO0p4/3fbEaxn6abgVI&#10;To3ybEBmD1MEYAuf5mrmX8v137QVkO5Lz47Bk6jn8BDyIikZ23nijRleCkb+jHuIUBlv1HmwCJtr&#10;/Cpu8llLHOPBtBz+H4mIfjdfItoWy4XzsqtD9FLIu9msUepAsrSxkqG8WfC5lvnXEKyjNwMmIIpp&#10;vhNT8GPn0h3TNLUL0aGWKyx7dYKkNS4rhD+FUxEbNmmNM09O5uyeXXny/UH5PCtZjq9h654ZwtzW&#10;8bPnFqtpkKSyqApYO0+7Kegbe1jLpiQin3bxT3MVYF4vR7paWzP4Keeh18suAyYfiz2bxlgHGeR3&#10;e1S17KZdqXhuNj3J87s+tZumh/NGx9uGs0lpvM7PeZY3JRDFR95W+1EMKCTdPEfEU7pgttFcKzo4&#10;B+/O5jhes/mGaJTLxVOpPTI+5/0f3xr/Lt+eYrFiT/k8dQPKL1+6gj6bqSiIzQYkDFiY6edAk2fQ&#10;agu4gKZd2hCczeUSQx62xWlJIGynGm5hP7CNqHe+tNtj/cRJmsGYFcNNbaDtPLF+/1Gu1KJPUpJn&#10;pwBgyy2BFGVCPMMfrjTJWU7gOVoM6iFDNhWKB4pz54PZ9D1wXtTaWXYvFzE3HC/Koq4JWHgQTTK1&#10;XKlJq3dh/GQyWiT0pqzj+6Lolg/Y9GIEDGPOD1dtHPEsTNp8GJNL/jVehRUORNH1m7lP4VjACbQz&#10;65mYTdT5CJ4yW8eHhGCfwRMNbzFoSIh4SHAGMBCyR6aLoDYCO57AppfUEVwDS4PA6mBiCQpno/uF&#10;c3Tpx7jOkwj0MhUU133NWwK6i2lAUWT1W6zXFkTgklnFHTpDlPKz8zypPL+DdRAFV/aKRku4R2HE&#10;lidOwgFj5cFduqCPeaKOEoqafxaZNatI64dodDgYJ57I2jlIVq0tr9ZI90GqqcySyTV1oViuDZlK&#10;iyxZeeKSGPME9fUM61TAgsUmo5oe2xc8N+Qynnks4PhQ/9OyCPjC51vWzZMztGhmFJlE+YufZWUX&#10;37XKSKY2wykfzdABvy2wjo7nhv0G0YSXJHgibhcNFLfMLsWAimpDXhF0f06nFgOpc5jQWIKnLJ75&#10;lUT7XND9634KTz+vLR6m5ySCTs/M8rO43rPpKOh6vNTT0ZRJsNNmsAoWnU6pc7NhWa0t8Fdk+vyz&#10;HKI52jCmAsh5IA5URiNfD5BfALcXSoTxZdk3ZP0saWEwsLeqg00mzXynx7fGv8u3cX0sLyI16JZO&#10;A8xqfOuSLFdgfpFxtNtYMAXrfLCmxjJp9KFKkcbFYZnnQwLBM2JvYPDwXCyU3OW4ExSjV365RIrg&#10;BqkT0nCKmlnLh6BaLlsVY77Lqgj8P6+7/IWrn2B8a/y7fhtwxcJBgbjdil9cQwy5RSJNsinkCrrG&#10;8KVTz2fJqRsLrND4kmlBwB+fzcItueRf8zhVhH5RPAERqJ29yU92ckSswDQujTJWnpzS5eFCx1ii&#10;c9XZx7yRxjxtDf77GbW9/iwHaRF0vLFLEt/6oRDWy6riNVlXNWeWfy3z3HLeEN47K8kz7Tgradtz&#10;coe3Ece5IPrte8jVXauyPZCjE+eTjEqsxWkRkNC7lgfyQy3OYIy05fU+W9s8cTx/uJTnH2RXD85n&#10;5GiSLD1mNX7z0hoSkFPIWPuG14fCFn5WgCzoHk0fsjWpO+EVH0kdEIJvr9cQaSWRMP0sT1uqnrrW&#10;w++CbZvvHuX2RrdS5RdXaDvlgCxygeeZPN5lnGNVxr/zmVKYdliBjyrvu/v2pTXk/HAUpvmA5+PW&#10;+hrSJQgDZPmQucVlxIWKOTR/iKd/vqlnZ+IiT/z2Iw+LZznPIWUcMcOXn0WBm3Iixn1Dyz7dLxEL&#10;pMPv6Ei7VSEbcYTGceLzdv7RWyOf9thCoeubNeRBVjBBZ4JVV1stk1lTAe/5Q6I/qZuRqjGyWibl&#10;YhlZrlnOhqQ+DvbEizIq62M7vjT+nQ8E/cQUK9LAQEis/W/Hl5LPTILSoBdxplEPdp8LH4L4XOQd&#10;dy/iRfgWeGfnA4EPpsstYTtGxowMw/2rNEY6xoY3cDGbkdOroTq+dXk+qv0xLxgTS0wRjy6v2Pzh&#10;A5ONufKkDqw+uc3j5iWP/GsZJfHnB86NVp1yoHGhuMLIxHlHxo+Osw0zrNWZzkISySL/Whiybnpi&#10;xZCc5lBm5ACUfXz5M96AoaazNMXpo6ImKvC8x3hmhpoyNmD8u4wLYbhWXNiwE+NLF6eC605AzWm4&#10;y6Kv60PiE1r/vK7LcLfPgK8sqtfYyEoUCVKpWIgYot7naVeZ/yE5gODEtQZEC+EipziL1epN3T0X&#10;VyRy7uC0MyMQztPQcD6cyf7L6/eHQ+aGLeAbtiOEOVY32ut8ME9obBfPwmWOVBJaBObZiebZ5y5M&#10;M0DDDS8okGbo5p3GvB8nKVnkX+upOiPcjsH2o+xmXGfj9zu+7HcfPr+dn4aPr7/8PHn19R//+vnL&#10;4uH//OWf33749Z/+8fU3P316/cP3v7x7N/335+kb/I+fX3z88Pnbr66+0v/8+c3Pb399+927Ty/+&#10;9vrdt1/99aeB3/rp80w1fxmRKh3mAsXrN2/evv9yM330+t3Hn1/PPySU3JjAymMaoH6YQ//TGI8G&#10;/0L/37dfvfnl05t3b6ef+pFh/+8P/+vtmy8vGNbC/sVf1//crYDP9N37F79N14RD+eb1x2+/+vHd&#10;6y/Tj77/oNWYX71Pn7/8+fXnn+fRfv7w7pcf5n349Zcvbz/Nv/7uPSP97ePnbz5//LdP//SP+q+/&#10;fvjh//3bpxefvrz77gPj4mC8fv/m5w+fGPuXT9Np1Ld++/xx/jr/8eLvv757z//0kSX/+cuXj998&#10;/fW0Hq8//8Ovv7z59OHzhx+//MObD79+/eHHH3958/br3z58+uFr1Jmr6b8+fvrw5u3nz7+8/+nf&#10;f379UUuj33/zP//GIH75QWnsX714//rXt99+9f2nt29//PDp129eTN98gb6v3Xr79y/LvvNfL/7z&#10;0y/ffvVf339/8+r+L9/fvfye/3p5d/Xq7uWrv9w9vfye6/uXm4fvv7u5Pf23qK9P37z59Pb1l18+&#10;vP+XH5aJ8D92E/nh0+vfGLfmcvf1r69/ef/VNOL/wnFGePHVn18+vbq5enn36uG7l39C4XgJyO7u&#10;1Z8QVo9X3/33tJTT6JdJLEP/jryHPz98f3r5imTPl3e3r25f4gZ8RXDu5vHV/c2f/nT6y50Rz5di&#10;XbJ19f592lBO/8d//fDm/35+8f7Ddz+/fv/T2z99/siJY1nXrWSp5y/rR+Zz8Pqbv//4abpfbNmL&#10;v+s1w0+5hCPRKFaEt1b8DZ+Tkkj2GgLmDeIbQwzTbcjh8Utv/nO7ta//xrCnQ/rTD+PO/rDs8psP&#10;799/5oT+Byfvx1/fvf72q//x9Qu57dHxX/z2AvuBYmSLgvDTnuj/OBH4BADl9y9+hkhgheVNOSP6&#10;DxRr44TOcH11zMmJNHnQXceceHKCE1M55uRE4sRrfswJ1WDjpITaU7F6TgT4UNUgjzmh0xinK6q3&#10;Ph7PyYmI8lKLpFg9pN3GSUX37ot9ciLFkzHMjueEZWOcOHtPxeo5UT0n7oxxwmN9VXByIvaJIH8x&#10;J1SkjVN7IpyoPhFI7I0TRWrpaHp8IpwIww/n5vXxPglD6qxuKbRyzCqo4IWTteHlNx4Pl7ztBS+n&#10;Ei9kZzEvv/M0aCXdtmDlRFN9R87SsfDzS0++O4iagpUTCTxOklzBym899iMmUsHKiWBFmu9Twcqv&#10;PQYxgYhmWk7FFUYqFaKWhoJ2CKdWew0vp6oF07VffWw6BVGKNXQqeNHc4q5YQ7/8VCwBldHsl1P1&#10;a+jXn4Cg6nUW83IqzYt09uN5Kcq7CQ1qc6HJH/MKKvL6kLrF43jj159oOZ2JbwpeTkW4lppPj8W8&#10;/P4L8I8fo+DlVOLFs1rwcgGA94YNa3g5FbzQzxpeLgGInfCEN2voVARX2a+Gl0sAlpARNmfDqeCl&#10;FrTFGroEQEEFiFKceSWxr6dXcWQcsQUvlwDq1UGhxuJsOBW81P+24OUSQF1FiGcUvJyq5+USgDIw&#10;CLZmv5wKXsj54n7JrbWuPI8/2RzFmQ8qQS8ohnK8hpQLcl742+4KrTqoxIugQsHLJYDalxMTOd4v&#10;AVDX1ZjvcsPLJQC8cMM2vJyqPhvytq4jxCXO2SjOfFD1vFwC4JwFmVScQ3m81xFiN6kbU7FfLgHg&#10;hb+w4eVUWMO8e4WMUhRrHSH7hd+8WUOnghdyo5BRSh4wXuqN0vByqp6XSwCMLhSHZg2dSh4FgI/H&#10;+0XA1eZFbQRsm+P7FVTwwi1RrOFdyA3UDSnmh16ToBL4lyzTYl4uAcDfkDzQ8HIqePE+NGvoEgA9&#10;CqRKw8up6ruM68r2i8gn4M9iDZ0KeYhyU9xlBcS2M49DGbRKwcupVGOCGk/FfrkEkL+ZIGHBy6nE&#10;i6r2BS+XACi91FUpWDkR+hDwhuZouAAgJEtJtIKVE2GWT3reoa2skkDrbs1tNgpWTiTPBtrX8QIq&#10;IrOyImEIFMMxqyDCA0BMtTiDSsDaWJXOhiCqnQ2KT62siElxuQrHRlAB/SEVr1ChhAc0XsraeyqW&#10;0KngpbJoxW755ScDhgNVXC0V9VxHqNx4QCYFL7/8PP+kbhbPiUKrzouHoVDXBPFYqVChAGUU9zio&#10;mBcPQyEyFD7YeAmWjxF1+HQFlfYLqH6xhn79AbphRhXqtaLM6wh1Dqk2WfDy+88reUWZhmJeTnUD&#10;wg4fwDEvYTLWERLVBSNS8AoqePHgFefw5GIDFyq2fLFfQcUa4qQozoZgoDYvgSuaeTkV8wJh3czL&#10;JYCyzMhtPt4v4W3WEcILyG9hUgKG26jINsNVXtzloMIlijZU3GUBTNYRAnIFR1E8lEElGYVELM6h&#10;yw0ysYHRF0voRFKTgXMVrFxsgEpTfOdQaggktq4Fs+qkoUDkK1X7JgdR/SaT+bSxImUCF3sxKyea&#10;NY3iXAhOus4K/Qk8+DGrIJr0Jx7XQ/1J+MaNFcDbU3Hag2jSCk8NK7/76q/Y2CZAcbbxTQ45ntbj&#10;WfnVJ+WIeg3FAjoRrHBBNXvl8gIjTXb14WEHRu2zuoFVMysXF+RPyFV7zMqJkEzABJtZ+cXH6lfU&#10;5ZiVE3Gv4NWw8otPGY7KlSw41npsax1D6Twr1dSZrTnsTqQnSzb18Qn0iw+EnRIUxQI6ESlkQu0f&#10;sxIMb5tVKdmDqJbsjy4tJmhv8eYHETVLhcQpZuUXX02xmicfIOC2FMxKlT8KVn7xSXNEYT3eK4G0&#10;11WHFe9Vw8ov/tz4rGDlRCygkmCLWfnFr/fKifq98osvX1WD1nl0IsBfpCk0C+gXXzVAGqcuCYy2&#10;V8rOaZwzyi5ddxjgJ29+sVdOROwDr1ih4CoXZGPFqW1c8EGkygLgb46PhZKWNlZTxsbxrIIIwJ6i&#10;VQUrlxbtsXhyovpYqIjBOisSc7GLi1k5Efmn5EsXaowg3sHq6VSwciJYycgqFtAvPs5mEmwKVk5E&#10;CoEKvRSs/OLDitoMBSsnghWu0uYExsWn14rgI4fKhYoerMtO2tc9/Ippxc0npvDUWMTKQgheJIAV&#10;vOLqUwJG4ZzjeQXVlKfXnAwXGMQUFO0veDkV66eMkeN54Ze25VB3O3LNj5klGcWGqFpQrCLIoOCG&#10;S7LxsyYZ93+CqxyqaWqhuW319SOOIC7m4aYlGdzwz1RzczFAHXZVGW24ORm5ZpSkqvbNJYGq1GEV&#10;NtycjCeMogfV3FwYUAyexJuKm5OhcVDCuXhawCP5vqmuQKNgJ5kSgwXIKU6JCwTVsu+wa2Q5b4cL&#10;bsytMB3Uemgjw/J6qtzJSVYrv2TlBTfgzBWmLMjgRjuPZiUD6Em3Q4CozSkJMowwjIjmBqiL1irI&#10;OcgUG2xud5BhXeL3am6A8syMGzl/jYtIlSU2stnzVa2kCwUKaJEz1cgSlUVZB4k/gEBltZIuFJRe&#10;TqnHQpaQOefcSkcHkWsjgxvRpUL3TjKEHeCNam4hS+54FxvHChA7GyRIbE5JtW8uFMiiUCeyZiWd&#10;TNxkEB9LLmXgr9vNSuLQLsJ7UzmElYyVxK1VrWTIEnLeyCNo5uZkcOvcYVPN5nWQk0O2MdyTrL8B&#10;iRsl6QPgTTG3IOtvt2p6bHMjw6aKNk9dRlayXnKpaMpKhlQmR7c5k0HWS2W1Ady4KWu2CWHSI8jI&#10;+hdHhQ6MG/Gcbm5O1r+mgQVV9UYK7zSnJGQJtWtQoIrbrQRSmxvuhsZxoBoVGxl+RjxyjSxReSbj&#10;BoSsQUByTYyMlaQeWKMFqfujcVMjzOpMOhk6F86yZm6BCUXDI2bVyMkgEzdSl4t9C1QoSFeCBo2c&#10;DDK4gVBuVjJwoRwsKr81KxlkaObYOBW3kCU0ZKQ0aXED1O513W6sDlUmaFbShYI6W1F/tuHmZKpM&#10;QsXNhpsLBaxFdVttuDkZnjos4WpuLhTUjoOyEg03J8M25ZQ0b3fiSvHKUACh4RayRFmmjcMT4Ipt&#10;N6U0ePOrU+JkeAcfacvd7JsLBbV4AOLYzM3J8JeQ2tPsW+JEqYRTxQTVyMxuAMXqyFoo5hZIUSA6&#10;FUaHbpfOjLIc3QVQwvF6SwlQUQ2pWMegIu+V6oyF7w7dOJgBTGuOf1CJGbK8WcaQCBSE6RL8AplK&#10;P2zqwzQHMkCm5LRQF7tRE5IMbmTcNnMLidBzCzK4VaFjjAzbNlU2pwZwc0iCDG7a7mMDRyV31hMJ&#10;NyRLdUqCrF/JkAhK6OK9P3YXBkqVdC5S6Ro1IcGjajd431y3JOMK4GgsVjLxo0CYKiyIyiHaBqjG&#10;Z3UDEkFKMVCqnBYrmWQkxqGXNHNzUUK9mCpnYqpfaWfrgfe3uW4BIsXlRKpAM7MQQCAuOodaoEhV&#10;QKkBW2Es+6bh9L7uljEkAnl/FQ7/OtGnqHbEKptNC4kAN5akWcgk065V3EIiwI2CSg23JFMmZCO2&#10;1Ijejxaqa8UtyajV3aQa0ikluFGGrQnv7cgo5IZhWuxbAkpxTVbQUMoc+yDhRhWAhpurJFybciUD&#10;v0pD4Qf03YabCxJl5nenJLGoeKHpZt5wC5lQ37dEo9b3LYClvDWUrCsuQFCxZZRxPjVTc1EC8FUL&#10;cvyQqgyvXRt8p1VNigCXwgy9tWGWggSHa1PUA/eZjZHqZyB0G2ZORXou5fcaqRWoVKrCVqVe+G0b&#10;4g16BZGpYs8CYkpWKlUWi5kFFcyebq+bJztApujVAmccH5CgUhkR3B3NzFyIAKWhBGnDzKmEkSST&#10;oGHmMoTYHjZbw8ypAEtRRbI5IAE1xUFVZc8jMvyAqKxPAyZmBYzsDu9IU1ohqbChJmj1seav9myr&#10;LCBGXeXqo2calcxDJacVzFwW3Cl/vtozp0I1ZkmqA+KygLCxrLzi6DvVZIpW7yelgW0ZaZZSBVGC&#10;Ssw6SzRgpyQUdcyC6hnMXKHg5PN/xTImXJVnSZrZ8QEJ6Gl9QIKqPyABPp2OfmM7BVV/9On1sR0Q&#10;XMcdPiCoBK4jrtoso0sQBAh+mGbPnApHnTo9NMxcFtCbh7LNDTOnghmOikaXCxCqiuxXMIugghkO&#10;z2oZXRZQ5xjXcTMzp3rGnrkEIfeJ+ELDzKlAgeBcbZYxoKh37Nl9o10FFe4XlTsuDkiAUTnAjLGY&#10;WVDxdpLy2zwxgWElPUvmz7HUDypVCupe6kCxUtcByGzDbKeDkIJSzcwlCE57WkE0zJwKC4024dUB&#10;cVmgeEQlQdTyYlUmsOvQripmLgsoSYit28zMqVDlCNtXy+jaBKVT2OqGmVPRyABDt5GNqjO/LogK&#10;jDYVFwitGNUNwV5KlDb3zGUBMHbC5s3MnApmIPSLZSTNwMbYLmNS1cs4tQhYl/FWuXyFIE6q+oBM&#10;Baw3ZlNTleNlTKr66OP6tmXk4JNU3jBzKiTcY5Uoi7XjzEqbOqlqm3oqLL4uI2gRUpurTXMRwk24&#10;AhFzfPYJvNnUxK1yTiSZuFXVA9ROb7vWBPWv6VPRbFuQUXKgUvcpGZrc2pV0Mvx5U37+oQpOGM25&#10;YcVTlaKZm5MR1MeDXghIQk3BjaY6DUYxycjN4OGtuLktg7lFB75m3wLJSpidcoeF3qPO1XZK0KdV&#10;IOVQF0my/gYkJBXwH1WiG24hSmiEB5CsuG8JSaUI+MNtxc0lECLiimbrDTcXCiieVFcrcEUIRt8A&#10;sIZVUA2fuZOh5tLcrVnJINPl5uIc37eofMrcKHxSnZKUJbiLm5I4PEw+N/yjFUp3R6am7A3iH7kY&#10;3MCnVHIyyLgBbGRzSrKSKc5OVU09vm9Bxs2m6VgRe0J5ibmpqFsjS4KM24Yrt3CMYJIENzrpAaIp&#10;5uZkrAc3p+IWQoFXimJ8DTcn48VBWWje7h0kFaBD4xZEVbUlAdZF7Ls6JSEU7ugA19i+PEvBDbWw&#10;iT3hHzIyVBlwFY2cDDK6l/AKV3MLodDPzcmIj7VzC1mChVjum5M9Y99CllBwnPe0OZNOhkU6OXGO&#10;pXJCUolI8FYV3ILsGsO+8osDpItTQjy00kuCDFnSISvwEgU36j03iIAkQ+Mlu7WRkztIKsjlat+C&#10;jPaf9D9rZElWOb2jgd+puW9BprlR5qh4u7POKaZz5WhluW0DSAWlKXbFbSdLEHnVmXQyTolwus3c&#10;XCiQcqGuQM0NcDL1XRJZcd9cKOggc1Ebbk7GfbtXZnLBzYUCqTKlLKEZ3qbQ97IkIakk+dE3tphb&#10;kBFxA13avAGJSaVlD1nNDTcXQUAr6AJYcUtZQgGKSpYElhVuBJWafUtUKitJ1clmbqGXTE0om/uW&#10;qFTee3DBDbfQS05kryDMj89kolLpGkfr5YZbyBJAYQivhpsLBeDt6GrNfbtzMjS8JxxWDTcXCiiT&#10;pLQVMATUpbhvtIXm4hQr6UJh4tYEHMjzSm6E6Kob4EKB04+/pNo3J5NbHjxlMbdEpfJuVLAHBKrP&#10;jX60NEFquLlQQEsBqtLcgACzYr9hUTVncodKJS+kst+S7AqkXJOLS/KnLQmn/7bqArInU1Gvat9c&#10;KPDenFjL4nYHCBZWwIWqlXShADdFzxpuSUbVxia+R03oWEnawjeZv3syKpXiZjm+3VkYlbQc9W44&#10;toR3ZCgmTSSdhYu5kYbXpE/syOToqjS8xLNe0R0ZsmJuLkuwi2lA1NzuxLPSG/bxpkCigRDyJVFB&#10;hspjmMBU8nlkPhzPLcloeEepm+KUJDD1invTFGQmgyfmdkImFMA3fG9ORiFsRXSLuQXZDRmklfYa&#10;wFRMIxVlbbiFCJqi940sCWTq9ZOawDT3Lcj0dFR5WKyBrSTcbm+bDmFJBreTCiscy5JAtGIaqfd0&#10;s5Kul2DO3pKf3HBzWQI3dblquDmZ8CSdRRXoVPV27/zKQQZURqDuYm4BT8UQI1+1uQFBhvJEg/nm&#10;TAY+FTWUWuaNPhlk+KLVLKSZmwsFjBXaljY3IIuu3hJYadLM8CL7DaC2C8Hd4pQEGQFQjMwmRhUQ&#10;1WtcOno6jiVXkGEXKRerWUlXMIg9UCGh4uZkenCqCkCUF8qV5A1ufOZBBrcTQbFmbi4UUAoJQVc3&#10;wMnYN7KaK24uFJSbQDp0s29ORuAaVES1b65gXFMM4KHyPCW8VWCsSlMIoCpPKVWpmrkFGSYt0dbm&#10;BgRSFec3VmdzJoOMrUYqNPsWUFXk5IlyO8W+BZmiaF1ELLCqhH/wRzeyJMiQyqSxNzpXgFV5cZDm&#10;jZwMMl6cp8cKgPToQkGvaWdRBRncTuR1Frc76qzissVerPbNRRBvN+0VG70k8Kq9zhVkCKCp6c6x&#10;FhQlWjHXT52NE2Q3lIDjXWxWMmQJ8RGaVDQ3wMl4bmgq0tzuhKxeIUkqX1CStSkH6NT24sjqE+Dg&#10;+DVNMhJd8UUUK5mgVXlsK/BYkiHuOvstsK43iC2e72Zurs4Q7VYpgWZuYawARK8atIBD8Q1Q/URM&#10;2uMbsMetniRei31zEYSbhXz0xhe0K8L69Kha6AW3kCUgnjCFm7mFgoEhhoes4eZkGJkIhWolQ8Go&#10;PYaBeJVJ23lnnkIo3FKQurvdToZ4pVJ0MTe66frhQpTgfDpeySQDX6Lg1vG+YfcGt/sHlSk6PCVJ&#10;xkMFvKHwqt1GBVcUjKsq1pFkPMLMrbgBmGsxN2CXTcOMJBO6R02HD2/3bcBeKYrEilT75rJEZh9a&#10;dsMthAJuD4RJs29OJvOhqpaJ58FXUqlgjR2QZCpVR2ylmZsLBfUdVFC+OJNOBlr5ia5PDbeQJXSz&#10;reok0PPSlgSTlhT44sXhohgZc2u5OVnPLXGvgik0WcCIfBskWeK3giYe34AAsOKcFmGxb0EGN8Dp&#10;ha5MFQwbJNxQJ5tTEmRwe1R5kWJuIUvwYFC9rJmbk6nwK7pCw82FAq5wcMfN7Q64LNxkCzfcXCiI&#10;233j58I4tA2AW3tKQpYAH+agNCvpZHDDq1btmwsFTslTVXILXHPMDWBi9XYn7pW2ePgVmrmFLCGO&#10;dtXgFEjNt0FKTt7jQjqWk0GmqJ0uzvENCAAr3O4VtjvmFmQTt6aezG0AWMUNxaTh5uoM3Ghf09yA&#10;xL3SH4ayEw03F0HEHm715Bcr6UKBuV1VeR14+my7ie2C76nmFrKEpLfrJhWNyqvOTZmKje+V1FAj&#10;U8UnOt41K+lkqkuCi7JZSRcKiC00hWrfnKyXJVmKlUzdKo6DWLQl6d/uLMVKGb6uT3mQSSmpuh3g&#10;CrBBIoDuie82++ZkDBGVr7kBAWAF9QfGsNm3IKMwCs6IRnIFgFUYwwqLTR6NLQlJyFStaO7bDveK&#10;BOIoH8vJICN9FhBSoysHgJV9k0e64RayBJ/OQ/W+BYBVz5TSCoq5hSwBb8AtKG53AFh5pjglFbeQ&#10;JSccXY2n9/bWhQJoTWE3mrk5WW91RAVXJBdza+RkkPUaXlRwRSrzMFZzC70EdR6p0OybCwX1PKdX&#10;erOSTkaRZXIEm/sWAFZeU2qANNyCjNdU9mIxt8S94lQmlFnMLch43+jz1NyAALCybyf85g230EvA&#10;7uHraubmQoEbcEV/4Yabk4GJoOpIc0oS94rmxKI03FKWzJDSY50rca/31yiYjbUYZLw46nnZrKQL&#10;BeQk+9bct8S9YjxgiTfcXMHA0w5eueLmZJRRnypAFSvpQoGgPG9AdUqcrEZ+4wywR1iNBCosdpJR&#10;1RN3TaOXBICVoDyZFs2LE2SYfLzCzb4FgJUwObl9ze0OsjobAdntK3lb5vYlmTy9VHcrzmTiXm8B&#10;ojY1w2+DDKmFe7LaNxcKhCTlWi5kSeJer4isNIhGwqu+kjesZJNHtSO74nJ3KxmyRM2UmmwEQE4+&#10;SDQuHtRm31wokI4I3qC6AUEGfpU6Og03FwoE0Z6qjgA0Eo25lehoEAZOxjGpOhXtyFjIqrQkJzC4&#10;0VmhwSnsyBAmnc98B2Dlllbe0CRT0dJK50oAK1AdAeqO7YAka2vUgkPxlSQACjy04RZkgGeqOhjU&#10;OAluYIErGyfJgJ1XmbugA4MbYM2m8N2OjMJ3WpLjtztwr5S3wMys9i1kCdxUfK3glkIBNEsllQMu&#10;iwiiEGM1txQK91A1WlBUgOXh6Apa3iaAFdNUHZGLG5AiiKNV+RQSwAq8AY2m4JZkDPKp8pckgBUQ&#10;htLmjueWZChd6JTFKUkAK/6Lqg8ZVVXi4lCZokG148h3Mg4Xnv1mbkF2TfWwytObAFaGyJ1ruO1E&#10;EPvW6JNR0VUFKqsa7MBVfUlocahiHce3OwGsxOgRXc3cQpZc4cNGKBTcQpaoX2/lC3oIMgAAFTqa&#10;4ii+JBR54sY1c3MyTPWHquMNJYycm6yH7r45Gd5JuDUrmQBWPEGA3Iq5BRlWR5e3SEejmBsOk+oG&#10;BBl2MHWeGu01Aaw4dTiUzdxcliC4KKDXSK4EsPLePzbVUnDQ2pJgCdPYtrlvCWBF4UJUNnNzWYJE&#10;5oGruIVQoFCokhiO34DAveIz5/Gu9i2EAtW5eAUabk6G54kOX9UNCKFQR8QC94oHG8W8WkkXCnhD&#10;lW3UzM3JcI7xTlXcXCjgDS0jmY9OhjeUaF+zbwlgxYWNz7aYW5ChA9Eiu/GqJYC1jgkHGdwIUTW3&#10;OwGsNQopyIhAnx6r1zRxrxRvoPdls5IhS6gBQGGv4jVNAOs9VbMrH16QTftW3e7EvU7cikpnQF5c&#10;TuqUdNxcKODAYCWb+xZwWVyarGSBMycBygaJKkP5jEZyBRnq5L2q7x9rQQFghRujbPTJIGNuJP80&#10;siRxrz23lCUlN0S3rySl/nkaj29AkqnCCj2EjlcSeHJy61BIScYNoM1mcd9Q6YJbiUJKMsAGD9yd&#10;Zm4uFGrME2qIDVJYeBJyGm6uYNRnkgsW3OqVdKEAtw4ZRzGi4KYzWc0tZAm3u8qSpCKyc7tVqlGR&#10;2cS9NDI8SERbCz9Xkl2rum+TkUbR7OAGnq6RXEl2jR+kqj95t8O9Kq2jkJNJhpzk7W5udwBY0bmw&#10;4BpZEmRqTqin41AqU6g1VxK1q3jfkgxuxFsbWRIAVuZGxLt433hfbJCspCibublQ0Eo+NhV8CPY4&#10;t/bFocC3kcGti64nGTrXVeV5ugsAK/eN2hTVvqUswfFHaKs4JS4UmBsvTnUmnUxRtKpvEQ3SYiXJ&#10;tGgsqiTjlDwSb2rmlrKklVwBl+0lVwBY5a3ijSs0hSADAPCo9ovH+xYAVrjRxqK5b0EGN1KbmpVM&#10;3CtN/CqPIREw225J5aojGQERI3vG3JyMU/IAXrpZSRcKcAPj2bwBO9wrFm2DZiGcnnO7JqO/OCVB&#10;RrIvBY8bTSFxrxhvKGsNt5AlQNyoFd6spAsF6sIggqq5ORmBTIL71b6FLCHRSGVPDn1BoBlsA+gY&#10;ib+k4haypNbwdrhX9RKpVtKNFR5upHJ1u52MzCagA4X9xoG3JUFqIZWbfQsy/Fw83s1KBoAVbvh6&#10;K24hS3AFAQUrzmQAWLG7S4sqyPCqAUStuKUsoZh2k/+GeWgbADfqxzRaUOJeqQ5VcnMRNHNrzmTi&#10;Xql6wjtc3LcgUzfFTpYk7pVaVIJwH9/uIMM2xWNYzc2FApKLjKhGliTuFUn+0J3JlCXyszS3O+Cy&#10;6Fx4Z6q5uVDgfStfnKz3SngArau4bwFghRuA/WYlgwydi7e74uZCoX+7E/dKgQ8arTRzcwUDbqWG&#10;F3DZXsOLeq+UgeHuFBcgqFSKqvGpUXDVBRCFQZq0pqSClxIrjzXXBK/CqzKCgwpeFXaY+kU+L7Jh&#10;K4UkqHDcqdR0MS+XIaRKkHbS7JdTgXNCrja8XIIoMambl1M9kjvV4HjRWHwNSYRt0p6TShpFNa+E&#10;rDKrJnWQ2ImNkJJJYO2LNUzAKrxORXkg/P3JqzuHgXKt9yuotIYNKod8PxthfQ6D6oEsk8q+CKgq&#10;VY+6+xVUD2Dsu7MRRgmpCk0o6i5QsfBSkfrjuxwwVaVYYSUfKx9BBa9O08nirKRlVe7VoFIpggZH&#10;S2TAzwa5JbyyxbycClYVDgFQvPM6watRBIIKKV91UaFeh/MCUtn0nU8qzao6GwFOpfrcXQPmIEfG&#10;Rggv7NziHAY0tb7LQdWvYcgN9O1K4Q4UbH02EpaqNnfNWxlUlDp4aKrhArexlacuIu764swHFaWI&#10;Kezc7JfrGzeIgAY2Sxk2GyHAXlAVDS/XHG4ojFqZLAFjxdBREtyxPEw4qsrGNcZYUJGNoJZUBa+Q&#10;G3gVuvvlVLVuE1BUEoWBLxVnI6jkv6je5QCicv2F+z6WvUFFkeqnBnUM6MtOFI3mhS0peDkV+SPq&#10;dn68X4Fdvca6rM5GUilgWrm9A7p6TeSzQcFTud+XA8n22CCy7gKCSn0CIeKKVXR5c30lG6xaRhcC&#10;cuVUanbAXa9BLKngUrFnLjtQ2yqPd6BW6dHNUWzuc6BWWY1KvQkiNdyTxCnm5VKAXsqVyhFA12uV&#10;D654BfSURIcmj4bUVT+J+NAEzDmeVwBPBctpDmIQXZPX0vkwA60K4K5yBQQRGWSEqJtDn6BT4R8a&#10;OZVUcCPxoFnEkALAZJp6sHcBcBUk8JrAdrFjIQVUSbmxIBKoSu8c+nY2zEJ2IEsrFSfLulK4n8h2&#10;w8xlxzUViCoHX8JUgYgpql0so5seoBGAhRciOKqzgnMhL6Lh5cIDu4OqMQ0vp1J4oTr4iTWlZn8l&#10;qYKK1jLUSi3mlUhTQD+V4pFUqOid9pZAU7z9VcAxqbCAO7hcwFN5/U5NdiEQSpfBXGgwTc0ypvhA&#10;p2qOR4JTr4QfrJiF+Li6RocrzmJiU2ttIEGm+AUrq2VH1eo5iTFtRf6OqtXgEmKqiEnzviRVrZsG&#10;MPW6vtMhP0qlm+IlfobvgQMUhzGpWmPiPkCpqqTRaItJ1RpJZIP7vB4BEBQbllSt8UfxMON1w7ya&#10;w5FUrVF7H7jS1gmRVK0TgniFzwstuOmhkVTyvDdpW2Qt7HlV59Cpel6ueAAaEHDj0BwjK95GSKYj&#10;la+OhT3Fy42q5+VU4tXA1EDOGS+sZyyrZl5OBUyT/P9iXoElvTtR46wIemBG2QjhhenX8HKXJ7xo&#10;Ll7MK2CrhJ0pMNjwcrlB+rIAucdnI9CnhMMU2jrUSanSY6sBqhn4dcPLqW7ptN6UWroP6CmhHVT7&#10;hperKsALiOc083K5cQcEosm+IXrjq0Frs0puXLsEQK2n4nAzL6dST1JGWOyXSwDUerL/Gl5OdcfZ&#10;6NbQJYBgDE21NiSgrSEZRXdNmhuxLKMiy5M8t2ZeTgXUCGxTsYaBGyWlusJIUn3ARogUUT7X8X4F&#10;ahScIyi2Yl5BxWaRm9jwcrkhIH9jOROvtHkBvQX40/ByCSCwUFNZjHxa56WuJhUvlwC1jAqUaS2j&#10;AmRay/mgquX8TUiAR3KBGrkRVCjm9O5t9iskwCMlCKpz6FQUQ1Ylh+LMuwTA8Szw/vH7FehSzPor&#10;augWvFwCqBpDg1On8qSdQx5lwKUFr8CIksBbBanoE+S86DHYgBGo/GxU9P5WyO54DYOKNAZVqz5e&#10;w8CH3qkkXrNfQUU5hQr4wKPv88IX0FSSTCokW1UkE3SP8arf5aAiG7Eq8A5qKXlRHq/ZL6fC94i6&#10;3OyXyw0KaaC1NbycakpyKWCCPDw+L6Di3Tl0Kk4vVQWbebncUC/OShcNJCn6K/ey4RUSYMroa9bQ&#10;qYjE3d41axh40Kl1WLNfQQUvMJrFvAINSn3lUxPmw5Vku4x3n1TRhpdrDtQfpBR2sYaBIAUeULUl&#10;BVRsI6x1m6Cq73IASMkQJmTXzCukjWRUc+YDCkpHGwoYNbxcbtSyN6CgAmZ0++VyQ28Kq3H8ptyF&#10;BKBqSANwo1SU77LeymoNXW5wU6pIKTVJnJfKoVTzCglAua/KrgzYKXoUpeuKNQwoKCELhlycjaBS&#10;A+tKRgUUFPgoVmxz6JNMdnaziIEFBRb3UPVNo1217RgAl6o0PSlYTkXJCVXpPFalkkzNexuRGGhQ&#10;GluhTFXL6LIDZ2WV6kR2sc+s37Mgq/fMxQBlh6j220iqHYxU6fbHwiPwoKASOfoVL5ce7Fil/O5Q&#10;pNSlauo1Ymb42l+DZ2407QCEPmMRXeiQllMtYsJICQEjF4tzH2SIgcrzEIBQYpf4ORpRFWR4Hjpe&#10;IQWumFaTdk0RSNswugY1yU2EoowI0BSBleYgBhlQ/MoTG4DQa5rgVu0KeElsiKp534ipAIRSnO7U&#10;1DcgsuyspmZgx3c58KBPOKWrgEBQUUSVwkSF3Ag86BOIgkr4BhVx5s45GnhQOqPdNOUL74OKOHjn&#10;HI1KqI9koTVFzO+DijwNUpGLNQw8qNzmDZqZpCI7Ggg20lgaXm520H8KLbGQUIEiVVbNTfOmBIr0&#10;BEywQRhT+MPmhSHAcjTzcrFxwmiupGGgSAHTVShtFs1GSGrpQ+VQCSqSj6vaWJSDM15gnqhY2OyX&#10;U1G2XMCWY7kRYFB1q6r00aBiCav+XTSRs3kRHnmoHGBBhQilrWgzL1ccqPxeIYx5CmyElNqpqkMT&#10;KjMqAvDK6D3WfIMKs76qwUiivfNSd+jGyRFUOG8lAY7PRoBBcV4IhnQ8r6DiabhvKmrgCfF54Wyv&#10;ACNBRTNrwdSKeYXc4MxXQbBAkFKDQK79glfIjRP40eZsBIAUmxmJ2PByCUDyFFHcZr+c6mZqAd7w&#10;cjsF6K46QBRnw6nA6ZDr3fByufHwSMXeal5OhapMv4+Gl0sA6g50Ae0Aj4INVPHQ4my43HjEyVHJ&#10;+SxwivOmCqokDJQgeBVIDCoAhSTyFvMKGCjVgmhzUJyNoJrs3kZGBQqU4uI3TdblfVChinaBjgSB&#10;qvpk5UUMshOb3NzlxIDK4VOh2oIMHDphuuNzmBBQ8D04K5oNc8HBs1c5sxMBSq17NYg9FhxBRv3O&#10;6i4nAFRhuiYHAnCDP0WYsI2OnfhPUjepZNTMy8UNhc0qEzZBo/3ZcHFTng2W2haDpoB4Kgrhm2QI&#10;myZL4LQDjSq3tjiHSUbGYFPhBGPB54W/AQXseL+SjIZ5jYP5FKBRYPugwKt5uZqiGumF7KU6ns+r&#10;3y8nq/fLBQDqEI6boo8yiWM2RIRo4z+kYKkRCbWvhnKHciPJSJptalshkpzXFdUhOl5ORuHM5l0+&#10;BWiUl+iB1IJmXi43cNE3NhH+7pjX9alSfJMMxHPzfpGbYrzwszPEYlpBVbqWCYgaK7U1bGJgSTVX&#10;xzt+KhESxutBTTia3QqqVhXlCXFeqKI31RI6FYWnK3OZBHLnhVlZSfmgIgyj+NKhukG2qfE60Vyn&#10;iTokFRmQWDcNLxcbJDMCE2qOoVPRARHlpuEV959Uq24NnYpic1cP1bz8/pOdRMnXZl5ORRJeVeiM&#10;jp+2XyoayqN3LHmDil5wV00Jbgwn50UIsalyllQ0oblvijxQjzR5YTEX8woqCiur9MrxmQ/0J7jb&#10;TsoHFSeeUuMNL5cAOB2lVB7vV2BG2fPK5QDiyNaQbj9K4S14ORWVYZXfXayhy40bkIvdfjkV7z9g&#10;04aXSwByQYW6K+blVPT7pP5Sw8slAOAekskbXk71wAo25VbRWG2/4HXVuBySitASJWGbebncoBJd&#10;p2EHZrQtYAUYzefFCjbujaSiHHiFkcLXFbyoGt+c+aCiQvp1U3yJ6rvOi87uSNHjcxhU6rt5VeQy&#10;k34fvLr84qTCHlKHveO7HOhPXN/gWpt5udzAD4jy0PByCYDpUPUkQwGy1SD2Bea54eUSgEh2Z8FG&#10;BdK2iArz8BGSW9yIqCDiDHY1VE6B/gRsU6nYQUR0mdNcraHLDRJUGgcRFZpsMYDdU+2xORuB/sRR&#10;WT1fQUR1h5sqxAG23IYIrKdSe4MIryg9t5r7FehP7klTaARnvA2Q/QKVXK2hy40nqlY05zAgo5xD&#10;8iWbsxGYUbmWC/wLWYQxL9SUpo4EtVqNTBKqEVFBpHlRnrOQG4EZ1RoWEXoUJxugeOlaHsveQH+y&#10;zSphd/ymBNUTcr6SvYH+BOBbdULix21iXC/Sdpt5hQggVkHzmGJeTsWTAmi04BXoT+rzAmEqeAUV&#10;vB4ady/JvbYaVJUDfN/wciqqgFYFinhDnJcqzzeHPqhqPSqhn9gpTTTlFFS1fpiA0XuK/xQgPXrJ&#10;2WrAC9O3ORsuN1A3KMnT7JdT1Tp24D6vERwNcA7MgM0L3xyYoGZe/5+ys1mSJDmS86uM9AugIjPj&#10;D7KzB573yAN5HAwhixUBZyDAkAT59Pwsu7LbTAPYVAUO02VV5m7uoWHh7mpm3tcblKHiWMQZV9fi&#10;Iusqp/HeR424T46+SWF0+up+g/tNKHDo9NU9wI0YGOuMaMSYspHCjxp9jbBP6AP+b4xraBGKRJKw&#10;01f3AESlWvnt2wgWhUyBa3P66n7DDbfZRrDo8zzKWQOMsE8OlogWc+awr1LqnM0Joeeoq70pG/mB&#10;1pne0Hq+KNa4ugdgafNhnemNaNE6F3XypWEM2rgqjtCbw65ln/eOwE8uXKns1vff5aH1PMe25rB7&#10;ACLarbwAMhzabNjn8yPwE34evsIZV/c2Nu8wAj850ucw0OhraGGek1LEDeF9Mlix3Z2bXaZasUTO&#10;4xpxnxUSXCa+x8ZQK/bL6qs7AHZS8MbO2maEi8LqOdEAHGj2OeScDZLDGVdXc9nKES0KC8vJqHN+&#10;ONSIgd2dpc2I++RyLq+gGXGUbTqIPWJB9H4JMOI+6xrbmnoDG3294Xy6RsxnXXRCYKrTT/cZVUnD&#10;GdJ890+2eVZXXY3TV2dUI+KTLAxiX5yuVM36mIyIz7oo3crk3IYayTZORT1O/BqUiLQ7iZszntZQ&#10;Y7FmHb6OiM8qFOgdew21QobjnUbEJw7jPKwT7KEGS+HEU1Kxus8hp/lWduVUI2DZuSWGBe7sy4zp&#10;GWpVmt852Jj1Qu3Yl6FGdQDryyURn8QPOfFe21Cz57C//xVdamUvk1TWpp44USfti7jrpkQ2C3tg&#10;x28MNWrVOXHYZIeMvvgmWzuvoUbBNCcWkECN3hfRb1Wr7v3XZKpVNIXh5kfAZ62t6/Jdo6+xQHH7&#10;6ksGUvs+vBXUiBN9rq6dcQ2/AXPAdt4Z11BzxzX8BnXWTifxiyJz/TGT8Ox8K0fAJxmchOc535Sh&#10;VjclW9joywaKE8N9WTjsaq6flzhRyu9Yu7yhZq5COWnpE0/dk7ok4i3mpxqxJU5hln3GidJXZbQa&#10;fXV3UxW4jENlrsgZ4yJxxjkRnWr2HA4HgNeoQu/GuLoaZy8OQbRLnChrG2fnNdXIgXHWUTAnfQ65&#10;qfV03q+pRhSiUySQK9RGX8yhc83ZVGOl4xwOcUfD6ItoKiehbarVct7wUfuMEyUMwColPdUOTkSN&#10;dRT3//VxbayxHYZoqp1sOZxxjYhPskVBmPFNoS5CN5E1m8P24l66Fl0tztGGqHHEdjM8PfyzdEa8&#10;nfE2TzVKLTrcF5mUozMqLhN69N51TDWORC2fOMM+iYK1EnxwuN3GijAzolI4cOlaVLnjhNoZ2VC7&#10;cXOO9cyG96i7mKw3elQmXVgKWC54XGzP1S2Q2Rb0h9chIdZZ/+6jXCgLvvpoOtPY1x1VK8FhmIno&#10;78+MTHqYaaezocY+h7D7t+dE+wgZpQ4PI3NWHlONy46c+J59RH+SD0tckNXZdDxe3j4neWMaq8qz&#10;sVYUNY5inYXpPuI/a1NlJWZNNfj904L+CBul5DWe2BpZ9yA3oO8chRGH2aeRA6MPZzs21SiVXXFI&#10;BhqHB6GzKmj03hGPaqN0BoydzrorYB1BBrTziRnX2dcNyB5AuivAoZLw57zUM+KUqz3uzh56H2Gg&#10;1ZtVBXSqEQVGxKSRAYm/bhCpsui12Hz/1IZaXd3JzUfGYxuhoIQ9PCvyGL0NJ3IjLsY57cNjj7FB&#10;ujonVVONmymoFu/sl0YQKZE73HTn7M2GWnlwK72DaIIxNk4JrNX+UKO3KhzgPLfuSJgOt7euRm98&#10;sK3euiehN+JCnYXPiCUlMumjQpPe+60RF1q9VS1sA5PdA9X9JRSXcHobvoST9cXJiKTge3vcdXJS&#10;/Ikxtr6uuG1105izr54hpXZvIzqURCpoV2cmhxq+5KM+9u/HNuJDK22rVmjvn9tQAyVg0upt+BJC&#10;m6zyhRRV7c/NfgNGjOiN++XxzM7Yxl6oCqZaXnlEidIbodHWc+suaKEuWMX1Gs+tOwV6g3i0xtbV&#10;IEWfVyMavQ1fUtSNcxLIzq4/t8cNR2mhpDsF3jcoBGeRPCJMFzZsxIE6M9mdQvVWuy/jDehq9MZM&#10;Ot+3UWKU3qjn4njloUZvmOmgZASM+igZagtr68oNeI+SEWjqvwFDjTeAAFUHJSNolN7Mt3uoEYJw&#10;/8C9GmPrTgE/aXquEW3KtxufYPXWnYLvlUe8KV6Z3iyUdKfAev5Zgu79GzDrmt6JEIaKMGayOwV6&#10;I/zOed9GzGkwk9OXsOtwihoR0No9F5ePFGVqjK07BZ4bftL5mo5oVUidSsh1epvrkjvrEueLMyJP&#10;ebsJS3QwOYJIGRsez/niDDW+Us9UrfczOcJIebtJG3ZQMtS4I4UvjjW2vsCgt2fBx/dvwIg/JUOR&#10;up5Wb9OXfHDCYo2tqy1sH5gVAyUzmJQCYlZJRT6e/Q1Y6+ozB5MznJT3piqdGjPZXRCFJWCTrN6G&#10;L6H8Hh06vXW1KjHpnRSOkFJOaQkcdN63oUZvHMlbYxu+hPgQyvs4Y+tqXFNMsKfjlUcwaq1BOQZ0&#10;eusuiGte2b45vY3A0gqZ5xTW6G2oLdS0IlbReANGRCpjewZ8vsfkUAvGNnyJfTozYlL95zbCS5nJ&#10;Z6kkY2zDl3DxoneGN+JSiQl8Bt0ZvQ1fwnl+Vap7/w0YIaYVgVhlXY3ehi/hmhyOop3eulOo3gjx&#10;d3rragQ7U5HM2QeM6FR6I/zD6m2sS2omnYLmkAzNmYMSTp6s962rwWW5KOlOgXU5nsvqratBxHDQ&#10;7rzdI+S0oMVGwHhuQw0el8Wr1Vs/RH1eUG2xRSNWFWStWGlgcoadVlVuCyVDjVUJl/BavXWnQKEL&#10;Kg1aM9nVIHCItHLegBF6ys1DxOE7fMBQY/tMFKA1tu4UuMSROz6d922GulKCvRYY7z3XCD+FvqzK&#10;Jg4muy+58XWrY02jt+4U2E6xprfGNtR4Seug0eitOwV6I13AOcEYkau4BAKGLJR0p1CZ11btu33E&#10;rnI4Ca3ojG2God7ZdViroKm21CLIWeHNQFQOv/FdBkqmGtsO7vgwntsIRaVuuTu2sZzhwAQS3+mt&#10;OwX/uY3QVyqjfHis0QhHvXFjbT2A9yuFqcbR092p/Uh9qP415WPKrTNOb0ON/WwlRr1/30ZIKsmA&#10;HLY7JO1UY0HJlt3pbTgFDscqV9SYyaHGYpkqjU5vw5dAScL4Ob0NtQqyceoX7iMwtdwWKwynt+GC&#10;WJgQI/1+bFT26ighPwUe4X1vqkYih/Pthu7pvS3EEjpVhUTtxnNzuHxMmr3tcNfO2IYaXH6ltb19&#10;A4i3GL3xuJ2YZ1Hj+MKq0kwM2+gNatfrbahRyZTqeM7YplMgjc7B5DFCYnlH8ZRG/h1/NMZGiRbn&#10;rmhRo7cTKtl4btMp2DM51KiNwV12Tm8Xp+A9t6HGITarbKe36RRq22H4SZIX+gPgI3w6u0XipLsa&#10;pfXuBFO89cqiRuWPuqvo/XMbYa4cjXGLhbHC4xSzG0mSAZGuTm/DKdAb9JYztqFGb1YWL76jGwn/&#10;aRWyFzWymsyxDafAMvR04kGpQN2NJAQJSsCZyeFLmEjiC52ZHGqsZT7uji8ZQass6B+sTZzehgti&#10;pWZdmn6MYFfiBCthzult+BKuz7FKvlGCpj8AYscIxHN6G2pEklagiPG+dafAp5uiOdbb3dW4Gmi3&#10;SueR39XGRm9kUzhjG2r0dljFX6mT03ojcgwt57lNtQcBr07JyGNEvFa1qNV636aa/dwk5JVYNed+&#10;NiiRPiVQwjgvAyUa83q7OzUBOCIcva1cSmbsA4jWa2oUBvpg1Wu8AUONIyReOOOkF3Z19MYpnlOn&#10;cqrRG6czzrpkxK9yPMZMWpicvoRvgBPzxB0wfWwwkqfDdUw1JoTuLJR0p8BehTgkx5fMcFlIWuos&#10;GZicAaxuoD5fmDYlddROhJfTW/clHLVv1pWSEACzN8gtq7e+wFhYqB1OfTEIgNEbZ0FOpA6Bxk2N&#10;3ihqbJxgTDWO2qussTOT3SmQOkIAq9VbV6M3jtWc79sohUr0JLyR40uGGqTFrQpsv/+azgBW0jKg&#10;8w3PNdQqNNriFo8R98q5B5lT1kwOX8ISqLbrxtiGLyFj2KorzfKxgauC4eHEnN6GLyHX9u7w3ceI&#10;e6U3Vl1ObzOAtfYcFiaHGuQuaRbOGzADWKEecHkGSoYavdU+35jJGcAKjut29vf7t6HGTPLFcc4U&#10;Rtxr3fJZ1xAavXUXRG98u63eulPgnJESs86uY4bLruxwHB6HG6kalHnfKjfaGVtXY2y8AM6Oagaw&#10;EhNTRUuMmezLGTwXh+bWTHan8DWhz5rJroZXJmfIet+6U+CLQ7Feq7euRm/MpPM1nQGs8DNF2xkz&#10;2V0QM1mLLuN9mwGsROZWkY/3vQ21CoIpsum9V54BrJTS5+vt9DbXJZBGLLGN3voCg8mHRnB8yYh7&#10;JWkI+sF5A2YAq+25hhqhUnhlByUzgBWv7J0pDDUoBD441ti6UyC4gXwQB5Mj7pXeeGxWb90pUBz/&#10;JGbcQUlXozf+73xxZgArR0FWWW2KTTX3Sm9A2Xpu3SlQ9Yf9ouMnR9wrO8XKEnPegO4UqE1GsRDr&#10;7e5q8Ip8cRyvPANYyR//sL44Qy3orTsF4qsIp3DGNuJemUmoZGcmZwDrA3/nxBhSTaujhDvIDmtl&#10;PgqvkrTIJ85534ZahVexhzZQMgNYySO0rh/mBgoZ227thEfcawWqEXtsvN1DjawOXjnnGzDKr9pV&#10;gI6hxkzydjueawawko9m3apEefI5ky4mhy/h1sIqqPb+2z1qsDI2eHJrbN0pcGALt+V4ZQmXJcjW&#10;iaFnLG1K7EpRUw1fUvs+4w2YAaxgshYY72dyqNFb0RZOb90pVEoyAUVOb10N+PN2O2uuEffKeQLf&#10;AMeXDLVgbN0pEHHDWbvVW1fzv6Yj7pV6fdyZavXWlzOsufDm1nPrCwyiUrwqldy93aBc68m6qub9&#10;6nXEvVa6Lx06KBm+xF69jrhXetuJu3R66y6o7hVYFuc0dB++pD5UFgM91L6uzJ1TtRnAWuXjrN6G&#10;Gigh2c55bjOAlRM8cjSMmRxqvAF1fbWBkhnA6lZbJIBxYNL1JaPgKilKXo02KnPM3lgFWc+tOwVW&#10;Cqd3rjziXn0/OQNYiZ+sUgXvvwFDrfwkuxznuXWnwPeNyDjnfZvhsj5KulNgFUTMmTW2rsYbwCtg&#10;PbfuFDjmZWdk9dbV/NOZEcC6HDw3y3MNNYKqOXlyntsIYK0aPHU7z3uUDDXCnCmJ7viSEcBqV++h&#10;rnZ/36rkuBWpM+Je4bsh8x3PNdTIYoOBdlAiAaxkPlh+cqoRPWll21F4uU/JB2d4VlTEVLMjrGbc&#10;a5FU1ts91XBdRSO8XynMANa6m8raCYsa7PrN6m04BYJlrYoi7Hv7A6CYsHVFHR+moUZun1MlWdTK&#10;K1i7fIl75YDSYlamWiVlctD49rmdEvda6TjGPkDUCPggoMvpbTgF3hrCkN57rlPCZfnmO283KULj&#10;uRGE5OxxRI28XTZwztjGAgNIWpnyp4bLctJlzeTwJTfyA5yoCHKExpQUlW+hZGxWCB+rcp9vvzgk&#10;To3e2GQ6GaAc7HY1yhc+nLtWRI2l+cPhOtgw994+SEF3opBEjaNvjv8clAxfQhoPWUrOTA41Imcq&#10;qNp4u8ceBxaHBaXTW1ernPAKc37f24h7ZaVQEXVGb0MNhhZCzDgvOUcAK66cEBNj9TrVWAU9KtDf&#10;GFv3JfhyzuIcPznqu7LCgwN1fMmIe62Ud/bCzkwOF4RPpg6AM7buFFiZe2d454x7rRMMJ3qMu9Db&#10;+2af4U2153mJ11v3JfTGaajjuWa47Fr7B+sN6L5kIbPJYvs4IWxTYp/O8DY3tSrah1t2UNLVgpns&#10;TqHK3tZG7P03YFSHRYvjGQeTI4CV2sGFZaO3ofa00TkvOUcAa+WSW6czU43ePN6UEMb+3Hi9OZxw&#10;xtbVQAknGNZMdqewwNlVWMr75zbjXteVQ1sjzvwcAaycvHJthPO+DTWbyydXeszknYq0xk54qhFf&#10;QpakNZPDl0BbV2kQYya7WvVmXX7MJeR9bFSx5eoep7euxgkGJ/SO5xpxr1SftIoAkDvebKQzL6CR&#10;IudNjb4og+GMrGsRhwr743xLR/hqZddbS6ChVYUbqprF+2XCiF7l1N3zkUOLMgVQ684zG8GrVbHV&#10;ciNDizDsDyvZ+hwhrwf3YjjVGaeWfcJFPHkDCMfQ1qXVUysYWXciXDBGiI6Bxhnvyiad2mgOQLoz&#10;4ATI+2TPcFeoOus+bppv08iFi6SiWUPralXtxArBZq0zeoNjshYIQw0fAvit17p7g4VtW3Hx752x&#10;hLviDpzjLVZ/fWysfj6cq3ynWlVy4S5PAyQjbnVZOGJ30hW5kKQZSW+c0hjhCZyMNzXu5GGt5XxE&#10;hxq9eSGhxK6P3thbWs5/qH0NCbVmsjsSFna8pQaByeauGUlvfOsdhzzDXdk4V62+95gcasHYuivh&#10;1X5yukZvXY3eanAOJrtTYLPBuaSFkq4W9DZ8CTmVLMmdmexq9MbHzXHKM9yV4COiYZzeuguiNxMl&#10;I271a+iF09tQC3rrTsGmS88RJUtvbDacN2DErXKF60dly73H5FALxjZ8SWVKWH5Swl1drzziVgn0&#10;4LIp67lNX2Km4ZBp21wQ9AZ34TiL5KHG17SWd8bbPeu1EiPI2sF5btOXcAJhLVxH3CqBHt71VuTs&#10;tylhXfL8dLxfk4+41aVCqS3PNdTqg2+VHj5nvVaK2ZEI4szk8CWk9B1OARgurmhTQvLI3Tu8Hmrs&#10;bljhOSgZcavMJHnFzsHFUKsNmFWinVrbfWwbCwxrPTnUQMnzLOc9Skbcai2CiIgznttQ8zelI26V&#10;BR4fVAclQ423m5l0VkEjbhXPRXi/NbbugnxfMuJWKQdPzWKrt+lL3IOLEbdKaCFFiayZnL7ETPw8&#10;R9yq/zUdarUyJ3TV8MojbpWVAte9W2MbvsTuTcNdK/fTeAOGGt9ucz054lbr5pK7U5DiHGr05iV+&#10;nrNe6/M8xxpbd0FBb2NdUhUFrecm4a7uenKUefWPyocab7eXiEYyZPfKsHzeumSo+W/AiFtl/8aB&#10;mhGofw616q0iNt5/A2a4661yF5zD66FGb3xxnF3HDHd97hYdPznUwGQtX52xdafwdSds9dbV6M1L&#10;M6UM2kRJ3ehl+JKhVr1ZxW3OEbfKCQZWOs9tqPHcvHRFONUxNl4cpyTLVPPftxG3yjkXzL81k90F&#10;0Zt5Mj/iVlk6cTrm+MmhxiqIYy7nfRtxq5xP4kqssXUX5O8DRtwqh2UUYnMgOZYlD8JWrSXX0dcX&#10;dV5rrSaHFkUIKf/irBNGtVYuU2P/5oxsHJbwxJh/w5GMoFWKFdRS5v0Of2hBBDAyx0eOmFUmw6p+&#10;RNRoe0P9GI8Rsroz+RYRMLTojJ2i88xGxCr3ZVg3QpEn2EdGtiGFvIxnNgJWuf7aKmpDZNLojDqS&#10;TuIgNaOaGndSw0wZABlalKCFzbGmsfsC2BROE5zOuhZfXncauy/AM3K+5XTWtdiywaU779kIVgX6&#10;5Xfev2dDq8pa1uy/X/mMEFccgVVf4xxat2IALJJ0hKpyYOExN0OL62AZmTGNC7eFNzhynUqpvZ1H&#10;UbtRjXFxcuLR6+et3Dxl3ZUhagQTwpwaX1D0ukNY8VlO8KKoUXSqLpZ+DxP0ukuom96ciqSiRrAq&#10;Hxuvu+5KYCGJ87aeXVeju1uVVHn7EmBmdwsEtD2cxY+o0R3PznDK6HXHQCmcqhXgILOrsa7zag7T&#10;XV+SrB+EAnnddbW6OtJKnKK7vrzg6hEcnzW6rnYjC9yKh6a7vlF5cHOVczQpanw9OOS1kDmCVu98&#10;l53vzvIx1CjWynrGes1HsOud0NqbUbOE7rozYj+LxzbKCaLXvQqpWlbpbVGjO1ZQ3ui6V+Eozoqt&#10;pbuuVlffWrt89Lp7uBNI5KzzRI3zKhKvrNd8BLwSE2odUNJdd0b29RLodffAV4SLl5z3bqjV1e6H&#10;U22A7rp7qAowTvCAqFWlURL7HBc9Yl65Ad0qnE533atwjHRQotbqrnsVPHQlehkuegS98i3ns2x1&#10;N8NXuSHQSX5jYdKXOEl3wz3Ua2csnumuq1GWH+/gja57Fe594MzRmcwZLgsLZNUvwczhHjgW8hZ+&#10;Q40AVmpEWl+EEcLKlU3W5T9Y2Z0RByekFnjdDffgj66rVWEEK/oDM7tXYX26OYlbokbsMRS9B5Xu&#10;VdhZWFX96a6rVRUlFyrdPbBFs65SoruuxlKFlE4j4Aq94VVIA12NQ21Rg3qFMbF85oxl5bzSOR7i&#10;6HV4FRwmR22Oz5zRrJBkTmYa3Q2vQgo1B1lWd92rLGxcnZR5uhtq5AayV7a6616lLpd3qmzS3VCr&#10;4jpOuQ/0hntYSfGwFn5TjbGRwWKNbrgHkkGdesRYOdTwDVxcanXXvQprWnM7OcJhq6QYlypZ3Q33&#10;ADXtHKUzuqHGhddss63uhnugOydeiO6GWq1wnOwE9LpX4YNwZydjrFWmGmW5rWJkuMjhHngG3ns3&#10;1aq+tpMRV8HL7RinoOIEcqoad5c+nHgo9IZ7IG3PKR+haoSSU7HfgcoIbwXOmxPEQHfDqwTPbngV&#10;PL1DhdDdUAu66+6Bczsn/oreuhbXjFD42pvL7lRYhzlxc/TWtcjdpqi911t3DtR79Fbsj65FyiVP&#10;wFr1PbpvIMDeKbLA2LpWpVyS5WChsnsUKm6aKOlaQW8jwLWKkxiRo8vH0OKmeQ6orF35CHCtG+ON&#10;eEd6G17oTmy+Q/Wj190JGxFv0TC0yuftHkpGgCsO3SkPg43DmcCHU2LVQcmIi93q6jrnszO06o4k&#10;c2cwAlw3lm1GMiNjG76Eyh8cOVhj616BC8Sd9EJ661qcs3JvjuVLRoArnKBTJI/ehi9hScqNRNbY&#10;ulfwe+taJHiyRPTG1r2Cj8muxUwyNstzjQDXlUL/1rHN0GJs3MduoWQEuHL07K2EhhbrNc4lvbF1&#10;X8J+wFvmjbBYLucmpcjykyPAtbyrN5PDl1AaY+dY0GBgRoAr234ntoDV0liXsBGn5q3VW/cKLA2d&#10;HJNam42VKPSx2Vv3ClQe8tieGU3re+URF+v3NnwJNU1AszWT3Stwsud5rhEWy7ebdYn33LpX8J9b&#10;1yJSHq9g+ckZ4Mr1btYbMLRYT7JhscY2A1zxJdYmbmglvXVfwlfR85MzmpZ1AgElDkpGgKvf2/Al&#10;uGR2tlZv3StUkIe1whthsaxLHlTnsHrrXoH3zblUgHCJrkUw/72KtBl+cga42ijpHqjWXJWh6/TW&#10;vQIUjxOJwti6FhGZp3XnI3rdlxCqbb4BXYt1OVebeM+tewWKn3lr5VEFlq/pnTATZyZngOuxO/HF&#10;HG6NoxaCdylAZPXWdyvcNO+tFEZYLI+DRDcLJSMuFl/ufbuHFltVoiCsU+YRFwuSPZZzaNEbc2t5&#10;rhHgeufLYe1NhxYzyXPzeutewcbkjKYlx6pYDOPtHnGx9ts9tHgDKLjpYbJ7hQon8WayawVr5REZ&#10;C6vt7fKHVmVUcHOUNZPDl9hj61qVx00Ok9PbiHKty8yslcLU4hJ3cmis3rov8XsbWsRaEFlo9dbX&#10;JTYmR3QsqyD8q9dbX2HYX5wRHpv01tclti8Z8bFs3+D+rC/OqOdq+8mhRR43QSTeTPYVhn2qNqrA&#10;Eh9LZIDXW/cKWOh930aILFWEnkURDT85ol05xHYuPa2Ejb5bZLMOyWW9Ad0rcO7hVC2it66FtzN7&#10;Iw6uW8lMWsyYqO2QQDjY91NJPE7vrpgxJxJE1ChA551jw5z37oiKs5aUorbjGJxaMbA33Z24lMDU&#10;Wja2OdYij0VMGxyFx61gtqnFwpCgHuczwGlj62337ppnRroWGKHemrP15qyl98bJi/OJm1r0RmCT&#10;h8ruTtwjSpZ1zUbcSZ1HWO9AdwxVhdRZCLFeHb2BZYscxjM0PZgE6xBjalXiQpWFM97vGeZqbqqA&#10;SbORe1tYmVjPbUS5uscKXBLSe6N6jsfq86CGXpUOfM+yqxbHEd7bPWJcOcNwzp7wb91EggjrxXEe&#10;W3cldazqDW1ocb+bd4YBcruV5vpVtHi7K0vdGVt3JbRiBXLyPes22vt8uIOm565fpxaOheQu77l1&#10;p+DuF2FTmo24aLYd3uvWXYl71suhxeiNGDhrL8y5UdPDuVps/tTifN78co/IVgJvvBdgaFVos5dD&#10;gMeXoTnRt1OLFdhOUrzzAoy4VqoXWXHaJMk2GylcurNSM962EdXq8m/sfXtnG2+AtSYZVWAruME5&#10;6GVT3zu7nXzwrZF1jwAf7H22R/hspaBZ1AOxud1GlsmW+x9ahIlyu5s1su4Pzs0qN8t3rWtVrLT5&#10;zKY74HNo7QBG5GzliFoHM6z32zxyWGVVEqptQlPjO3NYIaLU8mlqz1A1a2xDDddzWtQbYXe9N7JZ&#10;rAzAqUYNRusCRqak+wMKTnkZeVNtY/VvUaYsJdrYCNmgMrez2BpqnDhVoTbDaY0o1hubWadyF1PS&#10;HQm+jtgxq7fuSOwQd+Kp2pSw1aj7bZ2xdU9CzMbq1KxgbF1thXjwdokjhJUIhcPb3w81rvF7WLTi&#10;MiJYuQnF9FxDjXWFdUEVRnWncONkxqluJWokllq59Kh1X0LaBaFEzhsw1CoC3zq+I8iygYvCMlzA&#10;ZfXW1agMTZKbg8kRvUqIjpd1wSK8Gfn4esuI8QaM4FViDfh0W2PrLginDEyssXWncN/YSHi9dbWq&#10;i86Gzxlbdwr3g948lAw1ruuxiD6iedoDIEiHBDBrJocaNwV45yQjeJXe2LdYvfV1yZ3LSszn1tcl&#10;FbVhpcThqfqUbNvu+ckRvEolJ8ruO2MbaqyBDu8MaASvQthxY4jV23RBnM1bb8AIXqXEpLnmGmpw&#10;+JUbZbwBI3i1zuAsLmAZauycvWw4Tqba4+bi3vth+cmhRpqZ+QaM4FW7LAHHdc1IonK305vJ7hS4&#10;644IawslXY1gD5JrrOfWnQKVYKmeZvXW1apYhkU+U2izTQlp31wWbPXW1VgE3byji1EKllfbqqlb&#10;R1PNyOXgENZ6biN4lYN5NrTO2IYalTq9gHbW/c1I2Ckisa3euhojNVevI3iVk1qvHgHf3GYkdU9J&#10;CXYwOUJeixrxjniHGi7Cy87E5zcjKR/s5S9ONdwriXqGmxyxq6TBk0BvPbbuSh47NLLVWXcJJ0WG&#10;b9bBzIh45QIt5z77Ih7bNHIIR9UKD/9djzI/ViYh78nojfpAEFoGDTD06vTC+pTOOrDkYlP32eqt&#10;exLShb1zoBm5yjLNpEuHHgVfrLO7Gbh65xSa3bMxkUPPpRMlbpWiDJ7/H3ocgVr+eAa7UnPcuukR&#10;DqBvb7YNos54r2fUKt9s6GRrGrvzuXkhXFyH2sH/oHy799Eeevu2WE5kRLrWRfZ8xK2RdefD+RPR&#10;Gs48dm/AnuGkXIvV29Aj2dp6r0eka8X0UMTG6m14nzo7ssbWvQG7aC4nsfzxiHXd2Ns4nc2QVY7E&#10;2N47Q5t6bEmtzsaqIuis6wnT9ruffv/v/+Pf/vbbv/7LT7//6U/843f1r5///sunjH/98NMv//7j&#10;l48v9Yu//Pq3H/7+45eff/3ll7/9x29//G8cEv3f7z/+948vqNMkWp/N/GfKmNWVl0iZNU9XvkXK&#10;+J6ufI+U8SVd+REp41O68hop86535S1S5tXtynukzJvYlY9ImReyK5+RckVLdG1+jjCmIMtQVlEQ&#10;o/cMZxWhMNQzpFUFr6GeYa0iD4Z6hrYKChjqGd4qNmCoZ4gr2n6oZ5grHn6oZ6grOr6r83OCuqLK&#10;h3qGumLMh3qGuiKzh3qGuqKnh3qGuiKch3qGuqKQh3qGuiKFh3qGuqJ5h3qGuuJth3qGuiJiuzo/&#10;J6grZnWoZ6grhnWoZ6grynSoZ6grMnOoZ6grdnKoZ6grunGoZ6gr/nCoZ6grQnCoZ6grhm+oZ6gr&#10;pq+r83OCuuLghnqGuuLihnqGumLJhnqGumLLhnqGuqrdMtQz1FUxlqGeoa4IqqGeoa4Yp6Geoa64&#10;oKGeoa7Ina7OzwnqiuQZ6hnqin4Z6hnqik8Z6hnqiiAZ6hnqivEY6hnqqmzHUM9QV3U4hnqGuuIm&#10;hnqGumINhnqGuqIBujo/J6grOmCoZ6irg/qhnqGuTt6Heoa6OoEf6hnq6kx9qGeoq+PuoZ6hrs69&#10;h3qGujqQHuoZ6upkeqhnqKsj467Ozwnq6hB4qGeoq2PdoZ6hrg5qh3qGujqyHeoZ6uowdahnqKtj&#10;1aGeoa5y+4d6hro6+BzqGerqRHKoZ6irM8auzs8J6io/fqhnqKuE96Geoa4y2Id6hrpKSR/qGeoq&#10;x3yoZ6irpPGhnqGurkca6hnqKq17qGeoqyuMhnqGukq87ur8nKCurhka6hnqKjV6qGeoq1znoZ6h&#10;rpKXh3qGuspGHuoZ6iq9eKhnqKt84aGeoa4SgId6hrrK6B3qGeqeKbpdvwQJ7p5Jt7OBDHnPNNrZ&#10;QIa9Z2bsbCBD3zPZdTaQ4e+ZvzobyBD4TEmdDWQYfGaZzgYyFD4TR2cDGQ6fuaCzgRCJF8IiZizE&#10;BVYKZwTlC2mBIGtA3CAB8mED4ggJ8A4bEFdY+ZDZEMQZVopj1oC4w8pazBoQh1iJiFkD4hIrtzBq&#10;QEmMShfMGlAkwmtkDcjnuLL6sgYUiXAbWQOKRNiNrAFFIvxG1oAiEYYja0CRCMeRNaBIhOXIGlAk&#10;wnNEDSixUSlnWQOKRLiOrAFFImxH1oAiEb4ja0CRCOORNaBIhPPIGlAkwnpkDSgS4T2yBhSJMB9Z&#10;A4pEuI+oASU7Ks8pa0CRCP+RNaBIhAHJGlAkwoFkDSgSYUGyBhSJ8CBZA4pEmJCsAUUiXEjWgCIR&#10;NiRrQJEIHxI1oAQIkWNhA4pEOJHMAkUirEjWgCIRXiRrQJEIM5I1oEiEG8kaUCTCjmQNKBLhR7IG&#10;FIkwJFkDikQ4kqgBJUWo0R02oEiEJ8ksUCTClGQNKBLhSrIGFImwJVkDikT4kqwBRSKMSdaAIhHO&#10;JGtAkQhrkjWgSIQ3iRpQooSKXWEDikS4k8wCRSLsSdaAIhH+JGtAkQiDkjWgSIRDyRpQJMKiZA0o&#10;EuFRsgYUiTApWQOKRLiUqAElT7hFOGxAkQifklmgSIRRyRpQJMKpZA0oEmFVsgYUifAqWQOKRJiV&#10;rAFFItxK1oAiEXYla0CRCL8SNaCECsVBwgYUiXAsmQWKRFiWrAFFIjxL1oAiEaYla0CRCNeSNaBI&#10;hG3JGlAkwrdkDSgSYVyyBhSJcC5JAxSmmRxNCbIGBInUhwobECRyX3TYgCCR+63DBgSJVB8PGxAk&#10;kgsVNiBIvFE9NHsKgkRqWYUNCBJvVOvMLBAkkkefNaAcC1fMhw0oEkOOhTKy8i6EHAv1I7WBEIma&#10;HHILORYuQVELQiRqgsgt5FioV6UWhEjUJJFbyLFwQ5paECJRORZK/WdIvKSKhBwLlflkCCHHcruk&#10;i4Qcy+2SMBJyLLdLykjIsVD1Q+cg9ImXtJGQY7ldEkdCjuV2SR0JORaqr8ochBwLt51rA+HXWRNI&#10;biHHctMUkhJEHxZNIqFgQdiA+sSQY7lpIkkJsiGoTww5FtKk9TGGX2dNJ6GIczYE5VhuIcdCySAZ&#10;Qsix3DSppATRU9C0Ei6RChvQdWLIsdw0taQE2RDUJ4Ycy03TS0qQWaBIDDkWbiJQHIRIVI7lFnIs&#10;N00zKUE0B5poQpGdsAFdJ4YcCxffyCSGHAs3OGoDIRI14eQWcixU8VQLQiRq0gkl0MKnoEgMOZab&#10;ciwliICkqSe3kGO5afJJCTILFIkhx3LTBJQSZBYoEkOOheJwAqSQY6HGqzYQIlETUbijIpwDRWLI&#10;sVC0XYYQcixUntUGQp+oCSm3kGPhTiK1IPw6a1LKLeRYbpqWUoIIypqYcgs5FqpT6hyESNTklFvI&#10;sdw0PaUE0Rwox3ILOZabpqiUILNA984hx3LTNJUSZBbo1znkWChmJTgIORZKO2sD4Y5F01WoZhrO&#10;ga4TQ47lpikrJYiegnIs3L4bNqA+MeRYuKBQnkLIsdw0daUE2RwoEkOOhZrROoTQJ2oCC5dVhENQ&#10;nxhyLFzWokMIv86axkI1vGgIXLA7LShB8hjvdedcz18oQdaAIJF7kMMG5Ot8DzkWCorqELJ1IuUV&#10;tYEMife6kG1OYobEe92WNhvIfOK9LkCbDWRIvNdNaLOBEInKsXDxaoaDunlsWBByLNw+rA2ESFSO&#10;5R7msdyVYylB9DIpx0L5/7ABRWLIsXC7gU5iiETlWCinHg5BkRjmsVAuUoYQcix35VhKED1G5Vju&#10;IcdyV46lBJkF6hNDjoXLzXUSQyQqx3IP81goAqwWhEhUjuUecix35VhKED0F5VjuIcdyV46lBJkF&#10;6hNDjoUKsfIUQo6FCrPaQOgTL6W6Qo6Fiq5qQfh1vpTrCjmWu3IsJcgeo/rEkGPh9iWZg5BjuSvH&#10;UoJoCMqxUBs8bECRGHIsVDHXOQiRqBwL9zKEQ1AkhhzLXTmWEmRPQdeJIcdyV46lBJEFyrFwd2XY&#10;gK4TQ46Fa9QFByHHctdyXiXI5kCRGHIsd+VYSpBZoEgMORZuFtFJDJGoHMs95FjuWtqrBNEcKMdy&#10;DzkW7q+SOQg5Fi4b1QZCn6glvu4hx3JXjqUE2STqOjHkWO7KsZQgs0CRGOax3JVjKUFmgX6dQ47l&#10;rhxLCSILlGO5h3ks3MMgSAw5lrtyLCXIhqA+MeRY7sqxlCCzQH1iyLHclWMpQWaBfp1DjuWuHEsJ&#10;IguUY+GimbAB9Ykhx8KtDYLEkGO5K8dSgmwOFIkhx8IFWjqEEInKsXBrTzgE9Ykhx3LXomAlyCZR&#10;fWLIsdyVYylBZIGWBuO2w7ABRWLIsdyVYylBNgRFYsixcC2qIDHMY7krx1KCbAiKxJBj4QpsHUKI&#10;ROVY7iHHwmXC04ISJHPwUI6lBFkDgsRHyLE8oFTG2XoJMgsEidwmEzYgSOQyprAB+TpzC2nYgCDx&#10;EeaxcAeaTmKGRC6u1QayrzMXFksDIcfyUI6lBBEOlGN5hHks3JqmQwiRqBwL94WGQ1AkhhzLQ/NY&#10;SpBNoiIxrBX2UI6lBJkFisSQY3kox1KCyALlWB4hx/JQjqUEmQWKxJBj4W5DgXLIsTyUYylBNgT1&#10;iSHH8lCOpQSZBeoTQ46Fq8N1EkOfqBwLF4xmQ1COhQunwwb06xxyLNw5J3MQcizcNagNhD5ROZZH&#10;yLE8lGMpQQQk5VgeIcfCdd86B6FP1DwWrnPNhqAcC7emhg3I3pk7RsMGFIkhx/LQPJYSRI9ROZZH&#10;mMfyUI6lBJkF6hNDjuWhHEsJMgsUiSHH8lCOpQSRBcqxPEKO5aF5LCXILFAkhhwLN57L6xxyLA/N&#10;YylBNgRdJ4Ycy0PzWEqQWaDrxLBW2EM5lhJkFujXOeRYHsqxlCCyQDmWR8ixPJRjKUFmgSIx5Fi4&#10;nFegHHIs3CKvDYQ+UTmWR8ixPDSPpQTZJKpPDDmWh16pUoLIAuVYHiHH8lCOpQSZBeoTQ47loRxL&#10;CTILFIkhx/JQjqUEmQX6dQ45lodyLCXILFAkhhwLt1/L2xhyLA/lWEoQDUHzWB4hx/JQjqUEmQXq&#10;E0OO5aEXrpQgs0B9YpjH8lCOpQSZBfp1DjmWh3IsJcgsUCSGHMtDOZYSRBYox/IIOZaH5rGUILNA&#10;kRhyLA+9hKUEmQWKxJBjeSjHUoLMAkViyLE8lGMpQWaBIjHkWFblWEqQWLAqx1KCrAH5Oq8hx7Iq&#10;x1KCzAL5Oq8hx7JqHksJMgvk67yGHMuqeSwlyCyQr/Ma1gpblWMpQWSBcixryLGsyrGUILNAkRhy&#10;LKtyLCXILFAkhhzLqnksJcgsUCSGHMuqeSwlyCxQJIYcy6q1wkoQWaAcyxpyLKtyLCXILFAkhhzL&#10;qnksJcgsUCSGHMuqHEsJMgsUiSHHsirHUoLMAkViyLGsyrGUILJAOZY15FhW5VhKkFmgSAw5llU5&#10;lhJkFigSw1phq3IsJcgsUCSGHMuqHEsJMgsUiWEey6ocSwkiC5RjWUOOZdU8lhJkFigSQ45lVY6l&#10;BJkFisSQY1mVYylBZoEiMeRYVuVYSpBZoEgMOZZVOZYSRBYox7KGHMuqHEsJMgsUiSHHsirHUoLM&#10;AkViyLGsmsdSgswCRWLIsayax1KCzAJFYsixrJrHUoLIAuVY1pBjWZVjKUFmgSIx5FhWzWMpQWaB&#10;IjHkWFblWEqQWaBIDDmWVTmWEmQWKBJDjmVVjqUEkQXKsawhx7Iqx1KCzAJFYsixrMqxlCCzQJEY&#10;ciyrciwlyCxQJIYcy6ocSwkyCxSJIceyKsdSgsgC5VjWkGNZlWMpQWaBIjHkWFbNYylBZoEiMeRY&#10;Vs1jKUFmgSIx5FhWrRVWgswCRWLIsaxaK6wEkQXKsawhx7Iqx1KCzAJFYsixrJrHUoLMAkViyLGs&#10;msdSgswCRWLIsaxQKiODogSZBYrEkGNZNY+lBIkFm3IsJcgakPjELeRYNiiVMYklyCwQtm8LOZZN&#10;a4WVILNA2L4t5Fg2rRVWgswCQeIWciyb5rGUILNA2L4t5Fg25VhKEFmgHMsWciyb5rGUILNAkRhy&#10;LJvmsZQgs0CRGHIsm+axlCCzQJEYciyb5rGUILNAkRhyLJtyLCWILFCOZQs5lk3zWEqQWaBIDDmW&#10;TfNYSpBZoEgMOZZNa4WVILNAkRhyLJvWCitBZoEiMeRYNuVYShBZoBzLFnIsG5TK/DqHHMumHEsJ&#10;siHIOnELOZZNOZYSZBbIOnELOZZNOZYSZBbIOnELOZZNOZYSRBYox7KFHMumHEsJMgsUiSHHsinH&#10;UoLMAkViyLFsyrGUILNAkRhyLJtyLCXILFAkhhzLphxLCSILlGPZQo5lU46lBJkFisSQY9mUYylB&#10;ZoEiMeRYNuVYSpBZoEgMOZZNOZYSZBYoEkOOZVOOpQSRBcqxbCHHsinHUoLMAkViyLFsyrGUILNA&#10;kRhyLJtyLCXILFAkhhzLphxLCTILFIkhx7Ipx1KCyALlWLaQY9mUYylBZoEiMeRYNuVYSpBZoEgM&#10;OZZNOZYSZBYoEkOOZVOOpQSZBYrEkGPZlGMpQWSBcixbyLFsyrGUILNAkRhyLJtyLCXILFAkhhzL&#10;phxLCTILFIkhx7Ipx1KCzAJFYsixbMqxlCCyQDmWLeRYNuVYSpBZoEgMOZZNOZYSZBYoEkOOZVOO&#10;pQSZBYrEkGPZlGMpQWaBIjHkWDblWEqQWLArx1KCrAHhWPaQY9mVYylBZoGcJ+4hx7Irx1KCzAI5&#10;T9xDjmVXjqUEmQVynriHHMuuHEsJMgvkPHEPOZZdOZYSRBYox7KHHMuuHEsJMgsUiSHHsivHUoLM&#10;AkViyLHsyrGUILNAkRhyLLtyLCXILFAkhhzLrhxLCSILlGPZQ45lV46lBJkFisSQY9mVYylBZoEi&#10;MeRYduVYSpBZoEgMOZZdOZYSZBYoEkOOZVeOpQSRBcqx7CHHsivHUoLMAkViyLHsWiusBJkFisSQ&#10;Y9m1VlgJMgsUiSHHsmutsBJkFigSQ45lV46lBJEFyrHsIceyQ6kMtq8EmQWKxJBj2bVWWAkyCxSJ&#10;IceyQ6nIHIRIVI5lDzmWHUpFLAiRqBzLHnIsu3IsJYiegnIse8ix7FAqcw5CjmVXjqUE2RBk77yH&#10;HMuuHEsJMgsUiSHHsivHUoLMAkViyLHsyrGUILJAOZY95Fh25VhKkFmgSAw5ll05lhJkFigSQ45l&#10;V46lBJkFisSQY9mVYylBZoEiMeRYduVYShBZoBzLHnIsu3IsJcgsUCSGHMuuHEsJMgsUiSHHsivH&#10;UoLMAkViyLHsyrGUILNAkRhyLLtyLCWILFCOZQ85ll05lhJkFigSQ45lV46lBJkFisSQY9mVYylB&#10;ZoEiMeRYduVYSpBZoEgMOZZdOZYSRBYox7KHHMuuHEsJMgsUiSHHsivHUoLMAkViyLHsyrGUILNA&#10;kRhyLLtyLCXILFAkhhzLrhxLCRILDuVYSpA1IBzLEXIsh3IsJcgskL3zEXIsh3IsJcgskL3zEXIs&#10;h3IsJcgskFOcI+RYDuVYSpBZIKc4R8ixHMqxlCCyQDmWI+RYDuVYSpBZoEgMOZZDOZYSZBYoEkOO&#10;5VCOpQSZBYrEkGM5lGMpQWaBIjHkWA7lWEoQWaAcyxFyLIdyLCXILFAkhhzLoRxLCTILFIkhx3Io&#10;x1KCzAJFYsixHMqxlCCzQJEYciyHciwliCxQjuUIOZZDOZYSZBYoEkOO5VCOpQSZBYrEkGM5lGMp&#10;QWaBIjHkWA7lWEqQWaBIDDmWQzmWEkQWKMdyhBzLoRxLCTILFIkhx3Iox1KCzAJFYsixHMqxlCCz&#10;QJEYciyHciwlyCxQJIYcy6EcSwkiC5RjOUKO5VCOpQSZBYrEkGM5oFQGy1OCzAJFYsixHFAqYkGI&#10;ROVYjpBjOaBUxIIQicqxHCHHcijHUoLoKSjHcoQcywGlMucg5FgO5VhKkA1BkRhyLIdyLCXILFAk&#10;hhzLoRxLCTILFIkhx3Iox1KCyALlWI6QYzmUYylBZoEiMeRYDuVYSpBZoEgMOZZDOZYSZBYoEkOO&#10;5VCOpQSZBYrEkGM5lGMpQWSBcixHyLEcyrGUILNAkRhyLIdyLCXILFAkhhzLoRxLCTILFIkhx3Io&#10;x1KCzAJFYsixHMqxlCCyQDmWI+RYDuVYSpBZoEgMOZZDOZYSZBYoEkOO5VCOpQSZBYrEkGM5lGMp&#10;QWaBIjHkWA7lWEqQWHAqx1KCrAHhWM6QYzmVYylBZoHsWM6QYzmVYylBZoHsWM6QYzmVYylBZoHs&#10;nc+QYzmVYylBZoHsnc+QYzmVYylBZIFyLGfIsZzKsZQgs0CRGHIsp3IsJcgsUCSGHMupHEsJMgsU&#10;iSHHcirHUoLMAkViyLGcyrGUILJAOZYz5FhO5VhKkFmgSAw5llM5lhJkFigSQ47lVI6lBJkFisSQ&#10;YzmVYylBZoEiMeRYTuVYShBZoBzLGXIsp3IsJcgsUCSGHMupHEsJMgsUiSHHcirHUoLMAkViyLGc&#10;yrGUILNAkRhyLKdyLCWILFCO5Qw5llM5lhJkFigSQ47lVI6lBJkFisSQYzmVYylBZoEiMeRYTuVY&#10;SpBZoEgMOZZTOZYSRBYox3KGHMupHEsJMgsUiSHHcirHUoLMAkViyLGcyrGUILNAkRhyLKdyLCXI&#10;LFAkhhzLqRxLCSILlGM5Q47lVI6lBJkFisSQYzmhVAbLU4LMAkViyLGcUCpiQYhE5VjOkGM5oVTE&#10;ghCJyrGcIcdyKsdSgugpKMdyhhzLCaUy5yDkWE7lWEqQDUGRGHIsp3IsJcgsUCSGHMupHEsJMgsU&#10;iSHHcirHUoLIAuVYzpBjOZVjKUFmgSIx5FhO5VhKkFmgSAw5llM5lhJkFigSQ47lVI6lBJkFisSQ&#10;YzmVYylBZIFyLGfIsZzKsZQgs0CRGHIsp3IsJcgsUCSGHMupHEsJMgsUiSHHcirHUoLMAkViyLGc&#10;yrGUILFg+VCS5SkJmxCahSYyNKIgcHxKQitkuUgTGSJREEg+JaEVsmSkiQyVKAgsn5LQCtnA0ESG&#10;TBQEmk9JaIVsYmgiRacSL8tHyLygcEFnyL3QxAWdIftCExd0hvwLTVzQGTIwNHFBZ8jB0MQFnSEL&#10;QxMXdIY8DE1c0BkyMTRxQWfIxSwfSsY8Jdk7onQMTaS+UwkZmsh22ihc0BlyMjRxQWfIytDEBZ0h&#10;L0MTF3SGzAxNXNAZcjM0cUFnyM7QxAWdIT+zfChB85Rk6FSKhiZSdCpJQxMpOmFlxv6dJtIvuxI1&#10;NJGdBaFwQWfI1dDEBZ0hW0MTF3SGfA1NXNAZMjY0cUFnyNksH0raPCUZOpW2oYkUnUrc0ESKTpga&#10;QWfI3dDnxXeG7A1NXNAZ8jc0cUFnyODQxAWdIYdDExd0hiwOTVzQGfI4y4cSOU9Jhk6lcmgiRaeS&#10;OTSRolPLktFE6juV0KGJ1HdqaTKaSHdFSurQRHaWjsIFnSGvQxMXdIbMDk1c0BlyO8uHkjtPSYZO&#10;pXdoIkWnEjw0kaJT02hoIkWnkjw0kaJTU2loIkWnEj00kaJTqR6aSPfsSvbQRMb2oHBBZ8j3LB9K&#10;+DwlGTqV8qGJFJ1K+tBEik6lfWgiRSc8jywOQuaHPi9f9pD7oYnLlz1kf2ji4jtD/ocmLr4zZIBo&#10;4oLOkANaPpQEekoydCoNRBMpOuF9BBchE0Sfl3VnyAXRxAWdIRtEExd0hnwQTVzQGTJCNHFBZ8gJ&#10;0cQFnSErRBMXdIa80PKhxNBTkqFTqSGaSNEJFyToDNkh+rygM+SHaOKCzpAhookLOkOOiCYu6AxZ&#10;Ipq4oDPkiWjigs6QKaKJCzpTrojze8FFSSJ0cux6aSJEJ2djlybCLzsHGJcmwi87u8xLE+G6k63A&#10;pYlw3cl67dJEuO7ko3ppIlx34vkuTYTrTuB5aSLkipYLV1SSDJ0XrmhJuaLlwhWVJLTigs6UK1ou&#10;XFFJQisu6Ey5ouXCFZUktOKCzpQrWi5cUUlCKy7oTLmi5cIVlSSz4sIVLSlXtFy4opKEVlzQmXJF&#10;y4UrKkloxQWdKVe0XLiikoRWXNCZckXLhSsqSWjFBZ0pV7RcuKKSZFZcuKIl5YqWC1dUktCKCzpT&#10;rmi5cEUlCa24oDPlipYLV1SS0IoLOlOuaLlwRSUJrbigM+WKlgtXVJLMigtXtKRc0XLhikoSWnFB&#10;Z8oVLReuqCShFRd0plzRcuGKShJacUFnyhUtF66oJKEVF3SmXNFy4YpKkllx4YqWlCtaLlxRSUIr&#10;LuhMuaLlwhWVJLTigs6UK1ouXFFJQisu6Ey5ouXCFZUktOKCzpQrWi5cUUkyKy5c0ZJyRcuFKypJ&#10;aMUFnSlXtFy4opKEVlzQmXJFy4UrKkloxQWdKVe0XLiikoRWXNCZckXLhSsqSWbFhStaUq5ouXBF&#10;JQmtuKAz5YqWC1dUktCKCzpTrmi5cEUlCa24oDPlipYLV1SS0IoLOlOuaLlwRSXJrLhwRcvkin73&#10;0+9//vsv//a33/71X376/V//+PNvP/z5xy9//vLDbz9++e3LD3/98ctfv/zwhx+//KG6/en3f/np&#10;tz99/m3984f/8+OX2/bgsjvG+qf693JbOSSvP/2fv/7vP/7XX59Kv/3w9x+/LI87mflfUcofUQX4&#10;ddb4/S///MvUuHHx99cj39tGSMw3TuX1d6///uWzhxvXK309362/f3yLfH/93c9//vVvf3wO5Huf&#10;n7rr43b7jAa4rXeIvtcL+P0vf/5ff/iPn//LH//fsHHFxs/oVfQe29cCTczUV5PWZVs/Q6P4NbWT&#10;n81+/zWhsp+f6Rv23r+fLY2+/mHPD2r8fbovdG/87/MZfU4Gt21/BrTy67Woy6+P8PPXaHwuHPk1&#10;l8B8O3M1eh66/6Bpghu/OgKaZkxPL/JtzIWDT3aGX4djZro/Dyya7vemt/V1CvuPZvtxcKrwQuB9&#10;w/DXy2SM+eRBftP9B895Xb8N6n7fvi7ivxn2T9E1n+x/gs/tsd2/4ezGo32xFt/x+UL5J/S2x/1V&#10;lPG23ljQvzRef/f677e/X5fPSNf6+9u3L/rr7/65dVRWq+tjirMDVEzsi8z4btwc6NcuqaOFw3ip&#10;gcGBYOr6LJ/s7g3jP69mfU0pFS6WT9aV3+6P76vjt8/yBO6fHA6qFEQfbwblAtZvr9X1t7zg3416&#10;6ZYTfd/tvj8+j7mY3+38Srh/Gw+FUz4PR4Huyv/G64offN0p+PWdejnP9/1WvsPjM3gYXVzQE/av&#10;jqGztsrO+frwAPZ8ClBVGPbt1//UUbxA8gkmopVf4W70id97rSRef/f67+vvH0Scd5/xGt/r7+Y4&#10;v2ltrzR/euED8fw6fh/Zet++zfiDGZc55Vl+UqNlY6sz+fZZwnvR88ve8oDSNNc5fx4m3taCp0w5&#10;Vx19cpn8Gk/0+tjMUb7G/jnaZSHz/PW6bLfv96u8/u7139ff3+jlZSPg+vbBff3d7O2lhe/+5N9v&#10;6/b4PIf9NqecLbyukuPXzOkcGVuJVxoFv+Yr/3qOs6/506tnbmP/1vPOnErTTNq34e/L5xW93w3j&#10;c/htypn+75v2909zOXnfXjPLhchfPwzfmv7/pJ0JkuM6rkW39Jx2DrX/jfW5BC5EUJIt/R9dEdl+&#10;okQSxDwROFpF//rmVtswYKfH7DPVlO3xJZ5A9INP+4wOPv1kNbUwpFvjkChbY61BurCXzRT8vOcv&#10;gbA+7Xe3Tf3jcS0MAu6H8XwABnMFrleNhe32bEzLE34+kFsWovNbHue/Hv8F4yjIAinr4B53iEdP&#10;kUZEhDmuHaI8nywjdHMew+6GXKyNPwF5ncgPXOGYNo9nRjFKjzXY73e3T79+Xe6qxygUjcc/vyv7&#10;fHq8g+nxzN/fzhSZ3t1m/v7bZM/BwuD6JSFEtebWfS5D3acDD6q3rpymxMARzvi7fTbPwh1K6fnm&#10;uNBTO49/8p9KIHNLziICnlBFWlEo2mxzoPFFmLKnkny0do8a+Q2m0EchCswnnPHT4+dP6RFoOlum&#10;ymfaZJO+1AxTCQujS5cnTLZ0d9pcRZrBNjNKValGSKktbH5hZnacRZrM7He3T88YfPAYC6cgVo8v&#10;QvsLAWx+BD8O/9w2M6pYmTMHj0l+K4laILk285fOtmZGcnRW9wW0QZtgsmhp62PpHfW2z+rizF+y&#10;g/3pwY9nGw1eiS7tx0ahAgnqgNTeWNgf3OaOrJUp6pn3yPuACRRpc1HLojnB/LEZPbOJ7tqeiXuh&#10;cPpdlNGO2/yHf3XOe3J/AJI6jJnndN7RfyUn+Y8umXVSv7LbG/sl9dz3t0kurOoHVT2+YA4Oy9gb&#10;nAQ98+9heJUmVgdJifhvpmegDg6JP6MBMuMr8zJ5bF1zB21zUe+WCvpyaGCRlfPJ4/w3xqNaboQv&#10;G8GOJg87AikNrZziiNECNi6WFEqVcQwrIqJS3vU/Rpf2LTrwhH2i/ivXin1U8NpbUjCuMiVQIELt&#10;rWlxuRdblmJ3nWjoXL3xCfw6nSv/AYzSiMDSrvJzE4DkR9Aq2ZQ35NAf7Kk8D5TedPMNtudmLJje&#10;YEcjp1PDvIP13LInrArip2n/QoBWmvhm2htDEvFeHGzWZ35hVcnjAjaDrh7nvzkee+PLrpPXv6ek&#10;+fvxv+gyiVYvsUArK/5u35tnwXow43ghmhbixzOJERDnc/gYza0ew/wqN/CzSH1RkGL7+gULCoXS&#10;+EgMH2GevOFFa/LFoHpxAGaXQPOv4N932X/VScCxUt3m3Vc0Tt9mxjC1rMeZKNfpzHZesKJ0g3OO&#10;Q0TGufS53uCOdNJMfvt6/X6hlufJnuLON00mrLrjpZED8y0uyH1jCYme96z+Hm9x4RtVw15EzRIZ&#10;OgUXDPLfrAlg2YijYXVsj194gNK8wFKY7lHvuHDua/59PuBgiWxCDps153D5xZ1gVioZuOK895sn&#10;j2nxmxUzX9DUdhOKx52f2i983JqU3MaFcNviOgLElOCtcHMwuBcWRnc3g4fyJ8ZT9IkIbxmk3IYn&#10;/3M8nSm6T9R/xbSw1WeJApzpj6a7/eFRMKDxS66s8//Bk98y+52gaHbeP7QnlhmiQBLIZ9n313/F&#10;btGMVB+eryLa+ofhpAbygYORwyyvPPJ2S4LqaNt+5bSzS3Tn3P73wxa8qL0SgCZVHgypftc5J70j&#10;dblc7HYX4KC3pZvN4gaRxjJzL3H40lBhoeHU3OlMh0AGT8qiFAUsSs3kHt5Pi5JoXr+FPq5Ni3vD&#10;wa4DXQqaL+dXnV4REAaROfm3PErHPgsTf5IO4C2E0MEYDz3sCDhoAERg8kyoWYp6rVoH0CqoSxlp&#10;+Impg4njd5nRE/aJ+q9cK45am2ibzK9pH9zsat6zk7DcyV6OwZsS9BcyN/+QEzuSrj0tnN9dKRGQ&#10;Fj719Jd3vShcBaEPXkKFX1DbZvQLvTyUxfowLM849mJkBzI+PZTyADIhoynBpBH2EZClv/tsXziM&#10;uor0C4kZP9G55COetIVTqdEneiN28AxmSgjuHnZlc+C92MGtAovP7Srs1tVfWG2pbZAy3HFaMxcS&#10;K8wSYgehf8MC4TZlmTP56goMdF5g6accfV/UF5LS+gPWXphFlxAD3uI7xr5eaC7dtEFp8aUIXy8Y&#10;cbdABlJ5WhnZxzyin1dQ3y9i1BYI/p18tfBRiG4tc//07Fz7ROeI8Q2wjHcKkZUf7T1i/KBxWCo9&#10;IT+8GdPR/3Da9m880VUeDTF+GG2n4VOS0lrosuZGUQEqvENP23mKbXdnkai1KAwGGLqVAfnDY3Nx&#10;4i4/seRLiIGW87LMwt7IS1nqw+BYcYz9omZYwE2AWujcF3YLKpvxPuVdab7ZdgR7IKMDWxrI+oIS&#10;L0+Lw8TSQApHByPs8dtARpMXSKeTP0WnZben2rvSPexdxaL8rYTIDR8tQJN6eCGLOL+wbpETuVEP&#10;818P//5xjOT5Yp/vzWd8w+rJPTjRU0FUn56/ek5ZXxTJKvg93sUP91VlBmdbIe8A10ryPd6QeycO&#10;rWY7oIkv2hZgJ+U8kHMnii+ayvzZ84u34NHZJRoyj3NOybNAsktk8UXnRPnxAjpywjVceOA5Kf/r&#10;BjyTDf5VRTMNWwK+PrkFVw72/EBzgFflu0iAThr4GlCeUkRsXG2bGW9ZrRsNGny+ShxgDFftec+K&#10;Qzei5DEKohdGdCSk3jYzHh8zMJBVAfLrM+PpsG9tI+n6NLgjYReHgSK5BDO5phHB6cfDF3t5Znxk&#10;D7POJ7OED2mbGZ9qQZtGwV0yPv44q40/oubdOOc/dHWv+sWZxkltM8NOSwPZcXyw70kuSOz5BW4X&#10;9V7AMNwWOLHzXaikq2tEWvl0gpPISbaU2RYGZZhL4tCY7sxt2NzXERzqAVpUssYLe7Drpw9Ybnm7&#10;XzudjCAu9UxeGDIy3KiX6PmBN6bkNpCVQgqO1Kbgxj8OHshxBgH2x1+VRPPCFNiyQj/v+RfhVgeJ&#10;ZdNlDjmqsOpS+VDZO6NBSmw+y3uqJskjUnLznMnICIrc9qyIVD22Ork9xr24LQzReF3Myh79KwWZ&#10;DT6alkSM6Kf8DXL5LCzuByW5/LRK7bhBVWhCvkAUFxyqdj9I5lV8cHASWV4LGvxgl7OYfMxh3eCe&#10;sMuyil9/KH/9IH/w+1uUHThzYWpY3zmzPFk3oK3wtPk27unFlUUFCbfI5p6h5rw7oM5ZOZz1thrV&#10;3IA2TgsZCwNe5AAuoQs8ssrm8mPlqTWqwrNbHPCN8+GQk8i6rVXvYjVkC8yPOciOgARythRX8Lw0&#10;qz6XdZPkXi+ydG2doehnxAT+43H+W+O/vytvuTLz3oxH18mKFXg7jhmfhL/rv/4++G1+2ODncX03&#10;fgt3hOMC8oIvJEDAr6z1gyOVB9I2KAu8hS1KqbGGcISIBKJtWh2gMcEOlxzjmb5HIRgUz/IR7Pw8&#10;jx8OttjVAelCIV43xtI9roBKXoKF1IyFBH5QcLMHhSIG8vvMcufn7/e/sp9vckLCA8+KwuyZ7O/j&#10;yb9kOHsW/fvFlkss3eT+2KA+SHye6acohoO9AOLmzAdiiYBF7flc4hnHE6sJPfzYKCSautUqeJz/&#10;1vhpjbKuzW897pB2kKg4TA00OG0/rl98XyU+jnb27cLPL06aw9VhX9RfCKNBqSGZQMFViwCPbDS8&#10;4MqL6k447mVOtLl/djN774aRsigcwUWYfkgEgDHgS/YacfqFtTbxu2OYcslZxdR2zifEMVlKBvle&#10;ZfxDrNbOsNPCmb/b2eHMDN4ipAeKLranc/JwQMOQG23+IUScJkGSI8Hr66cpNLHVsTlsikKwc4ux&#10;Y2dnMHN7jEZZ0VGc5cFTLu4ZTCitDg6x6Eew4EqiwXuFidL3zFlZ4uCtQmu+vmcuEK/0nb3n7AF2&#10;Sw8cCE4kXwczc0IsA+ly+ZjDsGzsJ7tgMAaby8K+hFqhk00YuY5/YeImU0Rg/IXbdxrfZ0s6UVJZ&#10;FnR/PbEdwutXx8W9YyXXnpB9AG17jL3l08SvPPWX/WxbkAeDipFQoTamm+Q4MTBrDDT8GV3UIxNF&#10;sPk2zpOz0zz1aGEoFQEh2TZEPHMDEVf4yTI9iqYocXIgx+fgvwFZ1K1iegyHHSW6edhbF9VWWcLZ&#10;45LJd8/WhlOL+o4Eh7Bl56LyrLG4dfw+DLaM1yUiTh/m+3kaE3LtxtOyIk/vcD1vdk+LHuVtDXIh&#10;f3+7cOx097RZAln8BjnG74/mi1yCCs9+4c0t+HoX/pvQwgb8MZpTUPCqRi8ed76bJ9l1dpwqKTv8&#10;FQDubDMYcaRy5V5kUptNeS7/jbU9WbyzCPAkPW4sTaVEldyHEMiY2pu16Q0Z+eNoxm4+AfoPa7rG&#10;j6SF0Bq8iSOehA3IHbJ+S3lgjZ3y+Kdqc2C9S0Yjj3Ft+W1lLBiAfa7+yweNdLKOJDdqD68Tq3vK&#10;1RyYiTUaQQNzQ6rNQKu0KBmrxLgjHcl795wKYiQf5C2+sjCKdXzbHwFKz+JxxzuDQMwg8IbKZJhE&#10;1AJyKKIphzr37RxxhN3wLfDu35cjARi2/OszE00nmGuUSsNxg+kZjvZdnhMgnOHpvCYOCBmW4D0l&#10;QDyEdi0Rn9lqDg1f/43zw/JBLuT6iaziUl1Q/FQEPZ+ouymx8aBsTHhbWt9lkjy+V6uqWJWZVWmI&#10;YQ7KrRnwxJSJdpP1lAi2kQ2miTcwV9sn6ltEL9iOiBVXFzYP899cH2dsDkYBJlruCpGmHPgl3jEs&#10;lA7c8BNh/3KNM0S4pL08YYF2TzE1+XeHm+pbzNOjTaiVQrS0pbALjcqNoL9ULdVNJnyb6BDmBrjB&#10;zQz7RP1XTjt08nwVw7rHhrByqrSKcAoua+3HR9if4vK4sVt5LsygwJxeryuzzi5XpdMEJte06InO&#10;xflCKj2OMedwt2Ck9XaMR1SVth8Ct6Y37BRV1c+7hVc5SgGcprv+GhIdTotoNJ3giFWK0vxhdm/B&#10;rKqw5WxVsuWzBRlPErg64uNdl+IV4gG17QMnx1dfKRGHOtL69XvDlZvos6Z8vMSgv+q/iZFnG/aw&#10;YwgDQ4uuAxhy7H7K2nvhl/zI9h7dPFjqtFF1Es5Yct0vBQb92LZVgL3LcAzuigyo6K2iv31//VeA&#10;iMTg0mmfGCxBeKYPwhGlI2K5kakyY5scKobFk+4AN1KpkdsVjxg21vJhLE9bUbJpGpLjtfyxLkT8&#10;718gORpe31//lbtFEzFn3F6t3cKP7bN5ElQKjbueItdM8NvTa9OSUWHD4WC3CLRtPzsgo8qb4O+e&#10;Lf4wK7aUSv70HFOYHTI3EI64vLI/Jk5CmT5+HD/FCB5PL+1W3i73N8B4Vy389GHYie+/QhCBNO3k&#10;CROQsmMqgIGNp9emHeV1+SrqXM9nbHxpT7fjVPJdqCmE07Vp5XT0igm494A0kbaKUGwCxihFdrY0&#10;4+CteFBuSD2FxktOPzBCGhhJEwdr8sMcQe+LQGlfNTohDwRVVQd0abfYsHC4/DCnF8m43o90OMdj&#10;VNL2aHSL/+bXHG4zca5Ni4Q3JlPxuxR0zYvaazRyM5lLEV3Zyl46g+i/gl08/0QFsduDabWdPPmD&#10;aXEx2Qe1WV2XdvsiKcrBEXw4i0VGUlgV9Km3x6Jm4TZyoQgGEKHsy2c7K4Y4g/4tlDkSdvLkS1Xy&#10;yZN7UjkyaEPT1WdNo7HcTfH8+lIhS6A/pBPoAog8zH9z+NnWPOzoCDu00P8anbyHdKOxMpwvHSH+&#10;1He4gV5i18sBXuFrNse/i7AziZXR4EMi7xw7I9GZEEv3JYOu5YimvSCx48uYgyj9c8QALQAeMXN8&#10;FIeKbyJ9sxtNLerMXuyneW4LE5siyT940gOFmLBdLnyzOI0hgUh6w+at3tjXna3jMZQMOFJH9o7I&#10;d6vDVebVkRaA2/zT6rD8rEQKOeQ2DPbsVXXI5J6kYiTvffyj0K+byCQ64u4PVgbvRatrBgmPSQD0&#10;Y6yzG5KId7nvL9AKJwxyZ/k0nq0U6cgpNKwmFLARWLffBlOqdqHvsv/ynn/UAGIgNAyYTy8z47pK&#10;85vzI7+10T45krztPc940+fqvzwzKF+rhtP36B/JMpheSWkgDA67mSBkh2KVByFyeTCR3TzhPlf/&#10;5ZnxijuKrJy+bkejUqFm+NMQW7dPcDy/0PdzZtw6J8U0xrScE/8gXli/JaRcMHI3HmdGjSdtzjjv&#10;cf5b3ycwnnIWTTOz0CZBcAIJuInfwvfQA1RAgiYEfozwWo8II8K6ClqYUvuuKkFKx8MDmPBAHEeF&#10;gzkaqcHgnRkSeBn+qO0xgrboBUlwQ7XmbKEWf1op6N2LjLJNDtlYGAQxEuMn1Rta4+z8NgZbxBov&#10;CTTepZLe7yrPvPH4hQnAwZqri8dUG5jK0ZjDE3ZxZhmDfpc3OdS2qcb4yE1bH8N+EiSKpYJnl88Z&#10;9IJ7BzhRk1V0N8+sHijmbOCAar7aY9JzvWesK8IzxzOfulLJqiEBJ2FOCFplY7H2TbIdUsYL48Dc&#10;HB/Jb1f/+SzeggSo6irDpVP42R+TjeZZ+1z9V1Iy1cVIH0OMVMnOkYmyO6IHJqIhdSQSb0q7n6+A&#10;RLdmnj9tqblt6sPCGkhu7rm9ewDOD4dxcsYdvm80DHgRkixhjiaGtnEJS/Biu2yD4BJyox8GqTHO&#10;ClKkhPBUw24c0u5cQzAEfeMEu5v+n1iCheJ8pKHh4BtphENBaNo/ykJQZXt7zGpK9mI1V/RxgdjR&#10;zLiLSMxLBol4XIJduB9Qk/IxCkXP2vki7AYHzsf4bUPiXONiRPNFaDJ2MI1HaVHbFPBMcxGVlE93&#10;aJPMgljJt/89fk4cFItcVfZ8AVKptz4jj+sQMw3/UATsle6FCIWK7smFsjaqhtpGSK5I3QZ1T5nt&#10;iY19rv7LM8/0TyCie45Q7HH9GQh4rLp3m8fgsyUUlmXRQZ+r//LM5Hykh06uCQLcC8ptbO0f1kwE&#10;QTfmQsOiko3Me0euqqY/88gOWeJECwQwfx4DnDUzc7HtwAuc0aro4TCuYSTqn+TwwMg/3CvLphr9&#10;YzmG4NxmPuM6Hb5v+JZqVA1zRb+LjjfpZjz1KdEuK71PD9LQtoZuHue/2/iiVxVchrYEdDzOfz0e&#10;AKYDWPH4LZDoce928wt7SOz7IfwGh4qTON8NPsmMESlRgRT8fKNmO+Rg6FG1RiRP3AtZx4K/wxES&#10;1eBkhKQeEzW25grPx8VzbHl4BQkX/KFwO2MZSX3GMo/z32l8auawChTxQU0T3DuO1FuozcbHPapz&#10;9phNyQKLyLadwV8z0DdR8DVKeKLyWM/CGtspryh6JlGKP1Jt3mYmQaKov4TGxZkBDnI3pAIx4KCB&#10;7dOokEYqCrqVITLzWrznDvQiNHjbGNTh238Z2lC/8UjpcAvHIw8RkTMWRp0uzVw6QySlrmrLSJwE&#10;ftf5jopLnVzAFfLf8W7tmS1XR1Xggaxrewarq2IJOXXWIOFwz7j/FC0aDkfMLtV9z+DE6yWJH493&#10;AXn4HYLRSRHkR5xAe6EFydLyetP7pSIaHue/eS5CNdulpJWg6yRkPc5/PV51Cd4TKlnF/jzOfz2e&#10;7IpEZjy2aGKWzx53CDmUcctWrDdS8TrkcKpzaAE5LKZUQetIabEr62cAFsGsWNiRlPIKcqX/UeBL&#10;WCPfItHbvMrj/Nfj8XElseC+5hpIc2CP898aL3dcfv9HGP0e0oQ7FCqJ9eA+LVnr7x5DDiXJMYSt&#10;znYDDWWWkF58FBNzTVVFw0regu+GeNh1CocjyNGUn4bE0VwnbMcjNmXBEmXoyVO4D1QUHG+DtGe5&#10;qN57wJS3wIOEKT4XVRPFSXuc/3o8yOgoCTbBdk+9x/lvjd8KmFAtN03L4/zX43FE2bP0hFuUleJx&#10;R2eGDaBm/7l3AhNg1Qw50Ew9M8aZ0emVdlj9MXqG+RtalbL+PmM70phoaKZIqmT4g8/s8Sd7wYtA&#10;aMUiPshYtBoYSu4MRgNRt6UjYsjSiZ3RuoN/7TF1gMQF8jFu6pPkIMM2z0DGTOp5qEjKfU14eJz/&#10;5ni06/8cpG+1nR53eGYqMUn5Hw01mssVVKQWP8GF3qXuKPORIpJwcOXO0ONuhM1IcaO20p9WtHGB&#10;Kaqzk32UXdXj0mAPwYikUhr7Uhab0Om77L8SUmiClfK77+YhNl1puqNuuINEOmctjJzksg77XP2X&#10;Z4ah16rV87L5eSg8ISBtcJKRHkLPTI9UWNK/UlwoBl6cvc/Vf+XMOIiqUfyoD++bIs9Y/SeCNslE&#10;ihynmpnqOjz3foz7f7y909WMaZ4T3d7rhemkV2uitXX8XMOOyC8Pr8f5r79P1aazSdGHCEy8pxAa&#10;YUCbuQuchI8PFEUTkdJcSKUkl/zD95F0DrcjNtINMu338GRoFVktlmDlyhqeSQx2JcMhTga3TQCl&#10;TqbJG2zBE41ygdy/v5/SZig/lwsleK3H+W9CetRnzDLR5+9xRztDASa9z+qNpHDDORYLDedxKFCy&#10;OJW4QkVtn0PEn6fdHc8MV8IVFO/u0la+/qNyvvQudXBtXE3qnWI18TZ4VXn0fa7+KyDFu8zsVWPV&#10;9NMkLYGZvTBQsMfVeYy65rfxUNygcKJFfNrvEmnoJEwtLNkF3lQlzRiPCKzT0tePKz1iR+GHe6Yt&#10;ljw/A150FNGhThjMQ/Ar0UBlBgu0iXxXXwEShOl1nrjY5+q/Etpcg1etaJSk2mUIGjcmuGfGzF1B&#10;Ar+xBNri79f2LFW58oxR85dgFRV5VX9G4R81Ng0k+ALUDm1ADA+y7l4P+uu7NHXlbiERV9sBZijY&#10;kPI4/93Gb3YuTGZn4/TZ/NZsPMs67lSr0HGqhtKFfxeYkgnphmMRSvMa+1z9l2eeI3zYmT05i8Az&#10;ilU67cCo3H5hMOxCnY4FU2wHefguwZRczTxH/K7YER/sRuW/l2th9qIb9sc7Q9kpf8VBGsEcJESw&#10;h3G57UyZAkFfCkRmevI1POU4VBQzoEIkPzOM6tP4vXznM7ILcumkq5Ye9r6jOaP6HML0cM9oZRxD&#10;zEyey5Knj7JJGCtIAP+Ucp8ahcx+f3S9O7XqSiuHw+fM2GDhV972rPva0i0nr3tvH4iuTeA0F6a8&#10;oDPufx5/xKWmSMOA+TeSpGyMU58mPdNcffX4Jk4RDqtJczB2JaV8HP/G46rgRhbZUAOjlIs80/PV&#10;4d8x9sJEPlr8OCCwkXL/bCx447SbQ3zh0OTLDaiR0QLuzFIEOezm9KifLGJ9jH4WrJ7HdNgZiHyN&#10;RkgqUb+knJl1NA2MxE3ygurTUrzbwhQCtP+VhZ3F1ZYT5K3vtFtZ73QKHue/PvHDNX6GKSVJtTOv&#10;rSgBVFNiVW5cKTVtZ+Cuy2JVzkaJUmJKP793uEaNVxrGcuipN1bIuXNcw4uMFTmWxBvCo3jD8PBf&#10;w4VUAuRgjQ9inuCyHw/D93iabBpPPK7vbZtlews8BKYNN+Hf9VFwc9FkqWAicplz4rm94Y1CNm2c&#10;QX3+lrwl5kWVz08TC1rUEOUwOGeGqIks/YBm32X/5T2TJeZ4scr8wx+z4Q6FWQ4JU7+xKrqk73Bx&#10;WixMGdrlvehz9V+eGY+xY6EAS2prgzYedgsW/p96IPfHxCSN1GRnli+tz+Xz9pzESXxGSKPkARMe&#10;9bfrLaKQpi+CfYv+iQX4L7PKUBZZyoI28F4HrxvX73P1X55Z6VK5S1QS3RLagICNY3aIorr0uIOu&#10;5C2K00HYiLFexws84daAUCgyA2zDCwwNH7wq49c9Y8A6E4vSnGzKdpFPT/kPhAA5pL5nrPW06khb&#10;I9zc8QJrC2LKPcPYSip1+PZfCW3cDJVagfcUZabNDMUToohPQ3GoUcvjLXGITAkU20NoLxhJQnBF&#10;1/go6le+5XH+a4xADjnfCzPyt7i1xx3ubM4poTFK9jrZTnM+Lvyz3Qsnjl6xcIIV6C6HOzueGavH&#10;GWbq6dZ9YaDolkdDZqPcTw3BpywcOt5tSfB9rv7LkMLCsbzHgEy7aNszaYpmfIjp1QAiXZZwUXK2&#10;Wbvrc/VfnpmcayMKUkGe6LYpdmluTsOLTOrdFsaqnbVwXdNgpG8Xkb7H3hY8Ol4p1hSRmlAN0L9X&#10;8M/sHRAuJj91t1y+k2/DIkKxuEjlqM/OHsT3Bep3GJFMZKaJnkc3kP64CURp37nbvsv+y6cjp5h1&#10;AzjEwkC+J4EIdqoMuh3etG5Uu1u54JS6ljDFcYXfrH8aw7hEGkFnlPE28yQvUVbxDdzYs7pf5J5/&#10;MK8Xcx4JZucMoR1CsgsVzmIG7/U1mxuZDnwCO5hRmRVsZ5K15lg+F0zUhy0yGGGscRp/fJq4pV4R&#10;dVH9Cv6aDjToOjuL4Jnkm6swQQcxS8c0Dvl6DYNRh9zFYRQL9jiYrpKpZE+chUvjOlzmW64dCSQq&#10;tA7o9F32XwmpOdWLAN5SqsKntzw9dfYPRbT4i/qNWTa3PKE+V//lmaccP7WHW2wo/Bdu4qbWqEQD&#10;2mGgcFUGEeHXvG3tIrRxXJqnYmuqU/JMHLi96OMRyKZ+9+ueVfLhx2gzJ9ri8Z5JcLEKTFmuYh1t&#10;5qnA5iATlCouNK9c2M0cNHWDqtQatIQe/lZ52MPa3z8ENAQ+L4xm3JXbrZsUHjd4ZCuIkRNu+fTs&#10;ycIhu8gFSqmIJMWeFUWLhV0758m/R1yGdzsrwkNBmHV8mp5B+7qFzasJzxoZdJepinrN6hUpZ+6i&#10;axNAqXJUlqXGYjO0aXhSdweQkJ89ZK/tGddJVbyRmAGV9E9D444Xws6YvD+GqWWukvz7eePXxZlR&#10;55KqVOVB0s/yaWINcZA8ZublsVLYg6p47LYkF2emC1lqZ4QO8Lcu4KSUo4rmCBsvh6EsfdeYQJ23&#10;8pzQ+nRXm3QeiQ7g3fdMUMkdDuhlgu97eczCvOe5+UvnHYtsI+RDgkXOSTu98jZ6nP8mnyXcbN8a&#10;ctPBFCDrcX22fEuu+PRIErCmi0jfGR79uoFtq2wuuTD3YHrTy+h4ZjysaS0SK4eSlpkVe8ztk+KQ&#10;DoptZrizoywIkK2CsM/lvXu3yHqTBY6JrRLD4/zX40mOQbEZ5077Ec0YvMHj/LfGo5TmSTNeXRXe&#10;jydkUjComOB0Zuv3dbN04iFktrVX8bi+e69KjrNkgAfJZDjZq+kTJ0FnsYa9mFO6WCRgAPRObNTj&#10;mdF3zGf2hdcgHBFAkxX5louYFINw0R+ruHOtKNto76pUs7He9tg17IVdqiZOL4jgkd2oLnIphTVN&#10;7eDA4oQClwnQJVnvcyJlfzoyvmVUXpy5cSnVV/U9NwaovOb+GDWlqu85lpDfF2fGh5WOcHaPPFmg&#10;DdUZhWiYA7X2mYFR6iwcG+c81n1xZuW+Gpy8/Vg2hZfZxZ34fbLp+HbO+F/BjODr6KYRWbg4M1F1&#10;0+5BWu0o8UzcprJn9fy0slKYW1gC12ZWVNhJCpgnmLoNnLqt08KKlE9M8P6Y3LH0/KPvcJvWeHxx&#10;ZrDTwp2s06VtKxypiilhGS4PKGhTIg7ZDWjDjyh0MTftvKP/Sh6GN1VGiU6K4DKtDZZN4WezU4LY&#10;YjLqmlnqe9LzqKi+A20CTro+OmY+KFXB3WozmXSFNUKLh4W8h3i7Ze73XfZfuecX0HbcC1++jJWZ&#10;h+FnIMchPy2/bSd3cF0FlGPdWwD32jk3qwuVOeTeBs7ZZoNgF3qeq7p0u2XFLPsu+y/vGXoueCFt&#10;lnMGX6sYisS1pW8JZiz2dZ4VofHk+hf3jEntkBdV7kCvQxsENPLKnxFMagMJUtKHQUgHLU9vX5x5&#10;9goQBVoIVpqOMQxv53I9L+5QTPdEAzxzKjK4PDOSvYIBB97ruaBRxTsLo8G3B4YGhtH0Viz++syT&#10;v5OygbWYHDeQKwfw1uvW4XYYLYZEWjb0eX3m2euJL2/ReDn3cjIOT+syM7zFdYMj8nlnZuScHZRc&#10;PLBzjXICJljdwLIgYIsV/hA3Oz5na4JJT7iFlWI0uADUtOUTeZz/1vgpYMm57DTeQ6qd8xpI38ga&#10;iCKO9lh34nRO1R4rn/cEpm/yKsg2ch4CmSzp3YL6zqPJFHLZoyW4FNUYHv5ruGh85OGLK30erxUl&#10;3x8rWj2Zb2Lj3Gqt2Nk4M+hg8/Ntuzk8BaJ9LvRBBUWwdxk5pyMoOrdwsDmZQcrhCU0tcDl9y+P8&#10;13DUvWIplVBXJbSDcj3ucGe6IB67I7AYgby6udtjPP8ty14aZWVxbJHyHW/2CrzSKceBjhNcQbOs&#10;9N14MlZ2UbZlfINcxe9ZlccdQkKp3w5BoR98LaGG9lEKA95kpIwzdsSnz+UVJCTAR1cpgFdy0i6Q&#10;eIPLKDBI5cRlAk6VH77h8jLbN5ZEYT/q6Ye6Daq1iFgXtcCxVozafR89NDEQB7CotGPgbjyhz6R8&#10;ZVxEvGs6p934LWJDMGPTBDyuw9rYhvVVqyJE++jah3zIfnxAuyjlf9Zd3tDuyczbevGZrfbqDF40&#10;8DUyMItLitjOLGXv3bul1o8b74OeMRXw/H44AyjYXAPJuYt4n+wMWW2uIY62huXmxwitzi4R/u4v&#10;LqzPFOEd1zieGQXZiWF0aklesMlDxQtzYU+qodaFndFMn+sN1WHIuoEzvJJadFtaG9X1b5nSicZY&#10;BSG5nWQBnUutm9Tx94/papEyb3v7GsTwxW3vwqQXVbPNTK3Yo5NHe1wAvTrztCmymRZXeVsYWllv&#10;4ofLYFp30e3VmclFSc5F8COxeoL29mnVvC45eNzkpvsBUyaC3TdiuzN+EAYjZr2cM9kAVl6ijK6j&#10;ATIoLQ6lt1RmXcep/ssYhsVgyjhQckkKshOKJAMnh20gETLnnjFO8DYk3+hz9V81M6Z/bopMjbXm&#10;BFfc9hhOtvjwgYKjB8RL0N1NUX2u/ssz4yKwc+Igt4MKPvhLHOSW7LXtmQSxSl5iz3fyFlS067SR&#10;g1QZYrGUaMfM3BpIAWJHA7wZ9nyQGEwu03Voc8iVs0vQ5t+SsT/nl5I/lUV6tWesFtd4E69TCtCN&#10;mfu7WXk4fRqunyiEr0HG0YzbiBnQMkFSWU/X6BmRpnS6QZFE9mAl/dM4GOog1TlysYLwJxoNOArd&#10;fRoyseNU/5UYNufjbjlP257xjplsNHGEsqfHm35MCxGJpqOZFxkOblXNCaeddjSQ8jj/NRWs441N&#10;Hne4M1wyDq2pSzfk02CqUhvDdEt8qp010rrLLwj6OV1RDoql8R/JkW7CSYUQqajLwsgFs++Oi8my&#10;m/01POJ80NwDj/BoEafqe56YoCprV1FJOLx0JRkux6d5DG1yXe3ReZFat1qQpATZyXUkkWSsWmxI&#10;VfQJ97n6L2OHjGRLs7Lgt4PkYxY5FI3hn+wgmR8D7QDJRWhPM2t/S24XuTDbzEBnyeCkas+hDSQ4&#10;evsdaGMAW8wiUWj6sWxqegwBLxlWs/wnHZvWW3r76p433YFk4cw7naA9qY+oqkvS2aw9NO2yn+y5&#10;fkrJMGHygeBoVJmjwso37dQ8IbCD8U5FY7wqTmKnHuW/2+gkH0ZvOW8e9WZdFNikGYVjQv05Yp5t&#10;XX2HOZ9UoBAZcFnObD5FjGXnL+GJW2pTyD5zghLx+uzOdekECWWpNFeiBkdN9gTz+cGX4JoBXjyK&#10;wQDqodS9eJMS/e2Krr4zwyp3SCJsJglIPFbEyKP816NJ5AqXI9XhpLW+Py1W8xPJeIzen9b67Wn1&#10;pMutmNB34fWg2AVbQr1fwfEWkNP5kNp7Q89tx657BDtOgMPB31EJsgiqzmfGQdyM3mHf2QIVbTDs&#10;yV9C/WgRb+mDPPO8pY3Rmw7tb57TB+lTcn8I61THVjUjH+gDVyRcc7xF3XZXe8hkJnKXD3WXYQMU&#10;Sbow1HiTjLHx8Bp9KOM0PwtlYdMCkQIxlIiEGMSjbOQ+JwHVNIHhHWc9Rg0rcwBCQ4HDWuUn+KNK&#10;pwbKaDVXeHtaEw7O6/EKOl54PUA8dq+OLssGpY0EAwANlpsMCCUpaeUDxD13zEaEjyh6vIMqT/Su&#10;7+cNPsE50xgk2z4Ttt7IAbKTCOfHTFR07PyQy7rYeypCZFIp63xZ11E3ONkiQZpoOspInPBGvVyS&#10;dSo3NxyHRiqSfdQbbkAOxyzbitn6+fRfCT916ck5sZPWvgCgYx6l/HQdVzFQ8pzf8PKjOVVYmzFF&#10;bt7SdXXTPsl6Rq8eW0FkLT3SiDO7OYsMluLAfZb+K7FS6euxT+LaaccafBSIuP0BmeYK5swLwv0J&#10;IxRsxzVxN/gAriSsWr1Jm0m+0j5LZDtJnRA2cer+cAS/xpswu6Cha7yHeGV69xR4WI4MLwN8TJ9V&#10;3wUUlDYpuqatBhnf8e61WWVQ+sOodJzuDEFZFAFBScAlrI7Xt1rdQ/+ZKL2btpMXBKD4euxEapxP&#10;xcMOcUBxJ69Dx9y3zz0dtuZIqVH6ddvDcC+PCQlkCkV5ulvl0bQYtW7NxwRLz09i/fZ5Yslx1vOk&#10;SGM72cjrFJ1ennO40mO1hA26FqbqlSAFVB7qfZt8ApgOmfBedpy8tM/pswgW8dYJftNWaKVBy5v2&#10;cAMCdm/G23dz+miDoMmysRcbF1aW+/GOR/mvR1cCD6mim5PBow7PTbfpBopJ9+hqFFYefqEEsBT9&#10;th/ILJGTjPhUkHf7OZrzMSPhqOyZv0sytTvX6H7Y1J6KiynKkAtWE6cTO9RbTr5IQDmbFSk+r3sO&#10;Asc8zH9zOA0SqHMJupMZ5yp9D/NfD0fcJ6qR/Z5pLaenRF512bPwJ0Vp3i4GSYd1qMUQGCRp8MNo&#10;6DBOZeOM01IOj4NC3aRdmjqpwciE0rrhPiUV6aNq/Nkebuy9Hl5DASUhxDGSrJmZkHXGpK3aR4I5&#10;QVS9TYrmn6IKDkaV2nWGAcJsr9ZJ1bTtKVWNjU2Ro6bU7UQKzNA70+KpseBALHemAZK7GybZ5TDs&#10;Dv9Z6KiJ1nWW/GivYl82XiX+7kQuFaovcqI91cXpiXYdgfqvJIdJ1B2JmIm6GQnrnxFq5gz3BBBT&#10;ldw7mnYSpfvdYqan1qsb5DdB2/e3kP3EiZpI97D+sjnRBPW9lkBuLsZb4Nhew5DDz2h0U3Uh3TrN&#10;1yOdaCLGvTo1qXA3tTRQOVNKDpQ/Wr1kxAZ+LMfkjAYIhaS1u9ro5JjZK7m4fVOcHqjHatEQ9H1X&#10;636rzMt1FYdGWod6J8z7VGuHfHjuKTrCI4LEUqOEKep/0TVgCunemDsyseJNSqPucE/i86op05zs&#10;ac19AgipdSv0viSVnlihfWdvrFgUyGziiXmqoABARM5sXhHTXFAZNdeOQLXxHuW/Hj1CftoXWfKK&#10;C8TXPcp/D0fv62FPc+iwO1BwB/ygbVL4P+ziheMsfR5yIKPAvFsXo+nznV/HV/VexaHIRGk82jMe&#10;Srke3377G2oN/wOhgbxwddIqOoQId6MQ5be/da1Q/3Y/9YAqCX/Mke+slY0k5HJt8HioZhuEjPig&#10;pTbOLV8vRDayan1itj5L/5Vz4hdMvQ1Lfen9SMGK6w6ZYUlhhWxoDRMLgqajCuSS3jPdY6lrYLu6&#10;jY+brOf4rMrRmtqDL8b1hlgWaop0dZ8o+Hw3PosK2ZNeyRVFCo+HtAFbyg0UbsnwCQmZlFYfztlP&#10;n/RwZTEPasKjW7F0j/LfOAOKv5xigYmofNHPuEJ/RWR9LpkWhB1MuJdyegW1u3qhTrdpPABAkosP&#10;93OEK6SxUfoSMKTUtatSSrhI3qfuV+FuNH5iIqq+XfAgkSUv1rqEK/TGdAvBce1C2yeOIZuGB8jL&#10;NBzWmFNtSY/32U+CvME7NP6B25zzchR2riIea1OlcPHPjZcfwZ8NIUP8FtUpOjmDmPt53euWaj/d&#10;uNAePtT+bnA6mHvlIvZZFlig3WepNPZCMpxzfqdihNwR6frVp8/f7DMl70GWGgo4PTsfQFDQcC2W&#10;rB7vLTjNvYX2udKF6E5mkNKQUuOHQdNmtYEJCzl9TYQ65X+cYQjJpQOHNJu8GX6Hw95v7lCNG/LE&#10;iEkEMzuH4XZ/LEu71ieFZBrfG4hhioicl6zGvun/wdeCttweTvxbAmW8+WE/8HzCtONQMN+R5Prg&#10;6X5g5ZZnI+/MkWPD6AgnOEuuaIgZqAruUXKSGNltPJSwGq52EwCF2s4afOnO7EEAn/Yjvh/nA+GD&#10;VO/3o6tWc3pd1r7ux/tKrg6ieSdwqUDgc1jBB7w1evqXR8ffPIQVgcy0lEBcJEc7Xgwrs9y97FZ6&#10;TvJGLhcs+dRn6b9yV5MMUMlMx7ft3mXdiNB50CwDzvHtcE7yPaDFwb1A45CPdeyE/XIrewJARvqy&#10;lEFRV3CClqNqNjBmu0CzqCSeHq6ASO4UcbQfBJkc8mMGkj76uSGCaGqVD3GNNQCj37qN6+B7x/s5&#10;nBP9J80+gsJZ0W0YKrnUAN4zYlpfm++pEMs77LP0X8n91DwmIYm3t19KQP8mSl1in6PZwYy8ZETb&#10;/aky06KdPotpI2ejfNLShJ6PO+o8l8ZkBsijPdZCZERpTXGI78WxWuEikeM1JWS0o1KIU602dMpQ&#10;qZS1SZjoqiNy7fMpsZBj7aTvN/YJerLafBXFe3EMIsBUXzymRQ9jBW1aHWCQEqKJbv+50z5R/1XT&#10;UunoD+MQXj4MpqZuyJ0NoGmb9g/nmSMuhIJv5FniGlDoPoE80onm/eCPxyMZT4U0y7Qn59r39wYx&#10;CNG70JMEN5ZxCS9gqO50Xm+Z1HCvwnADjBxPbzrMzQ8gcTzkdO5cZqGupfYlY8L0w8H0qYaVBOq7&#10;X+IBR1dl48AYFhQq0U5wdpglTqAiurEEWw4xsu1UBb1BVbWZ6eEhZPssb06GoAhsaSyaQy4j5gPF&#10;qp1LltfheQs6ryWhIcP545OoX0O32R5yNs6EUk7AdboBpPgdx2c5+87P5Wgl0yweGsFqTjoYuKCM&#10;NrbBXq6di5oEpWeDKCvce6YZ9Q9Phs65LHwJ8eIyJ/KlyiWynMtBSgPuZrwzedzAtjNDyeHkSrTG&#10;XtCTWjO3FSQ6f2Jg9xUk/hGqU2qZUHePf0L0zBNFa+hskmJ59OF4cfSKDsLuk3T5ouTm9FzhslBF&#10;RbzjUf4bS+NSDSdfEWTYPBUe1WfKd1ikU2p1ZVQjYhX9u1uXrodp8MVZxH8b2yHwfOajOJpT3e/8&#10;WThOZw1c8F6dFEouGj2544veCzFnSb9L6KlG7qma7iWj2sI5JAP/QCeecFderiQX3eZxQxchVmVT&#10;SCy4uyd0S6LDWjuZiWsZpSv2CUtG2hzhyhFsVUXvRGUYStStG3w0VXDGOfVsarQx7ZPGE0SFxpwi&#10;nBPfxdGcdJAkhJ1vCivaZ9UQLTg9YeulPwqNHVw2TpR9y5Lqs/RfgbdqnpqMHvIlItTmhKDdfAcy&#10;D7PMQFB6jtuqwP4C+y7hEAm0bj/MvfNSbSfwqbrAd/fB/zoOEWtGNwsIYWDegC1xR10eJ26jrpQ9&#10;3gB6OaEPolEseV4QlmNCCNAicPVwt0/zhoAqDk7fmguvyksCeMej/NejMbXjaHF17jtCHZ0bx+Z2&#10;JWo+3bPQQNdyNpF93vkNXlIl/A9IIGoicPVhP8R3Kf6Jd0i0Cgf26X6I8jm5eLNXptFH+6GG1Nlm&#10;coFFZbRRjeJapxyOyFDzJ5H9AoEGTuDbLz9Nn6X/StxX88NQQOX07bn1iBgcK/FZXdS3EAbmSsCQ&#10;qru8nWIHw8M5lciRn0Xr60UKxLNdTxr3qc14CASUSqdzw5QDTQ/x8HBOdHqU+nhT8rp9Fs07kY+U&#10;H3LM20OwLNVLmlwlR7q0T/Ro6g1iTpCxl0TSeM/uHjr1YEHOc4K5ZXv98eYxvR3tE0XLnurNQDIO&#10;IRvcaJGWdLi025yocunBQVdM++jSPgmAqtJUsIXt40afPytXus0uJXE3wKvdaJ4KWRFZZHZtTh1T&#10;nKf6XHdehuZn85uOWhQOtwWxQr+JE6I8vR2a/VfQimSgV4v46f22SU9zXBoJhko4z4kJqBbOA0JK&#10;HRpA2O2zc0QqElVRMt6RrfE+FqjOf5mtjrq29732bxMHAiGDYdAqqLoOe9Qbw0XuhXT+4LLHZR6S&#10;4IPhwlBy1MZmSE4K3dNYSUwKFS7OkhyCrknwUIGB8eaIbeV8/Xz6rzgtSmf4bABdTYca4mGN0BI5&#10;H9JNeH2IWI0F4fm4IWH5LNI64Iox37U0FiT/V2wFpb2RCWW8apcSD9Gdh/jdYcjhPoGZPaXcNbls&#10;RRFILwjEa1JdFwu7Ewo8946xhKxWpw8hpxqZt87Q0KOSKk8fHuJP39kb/EPpdIxj+Giv4R+6ITeK&#10;xZLQnhpDIP2N7QQuqEChnwsJEU4rIqRyo1aP2qPXw2ht6BbOI8icr7c/NCxYtJKxWljmifewQyxx&#10;nn1YsSnM3eakXUbKempEuzgCCBxp0pmp5Rr+YY37vt/CopoTzDSHh4x70jBF1Ydn2Xf2Bhc4UtTR&#10;OFW013GqrPkDL6IIqI5bXv6ZUaNak6UQfpk9LmDtqY/5wHoUzutSWemBFfinlqkJB2Wz2gm4Z1SA&#10;jwFjTlTAG9JKRr56PGu14kV9ToL6WHfjYaFYHZoauycvojX4nXqu//BPZdYnLeP7ZRfysIiZakHY&#10;br2bBzyENwPny694Df+GnyTexFjqtA3pKnKuKbF9F6GszrP57JazUh3BU3iybITXjEFoF5VEDx31&#10;o1brfafwldZyaZe0gXQzSxQqtI95ztn+l8+hHfWvmlfGSd/U62YVFaTtvpXhHAioH+iSanoZoH2M&#10;a++SSy+UfeCGIw1OThwd2IH+iusjGZiqIbueTgmcI5DqRHmiY/UVBNek5EPOqjEnPQS7AJhdGSBX&#10;11/px6dMEb1JlgqLu7xPCloV8BxvEofsOES3FBdJHfg5oNuMRZAjiE50fU68P/Yc7P0cg1/EgqgY&#10;7doJrcFUsDtWCy+5cVc0yQpqHz3exFvbhQ5hPF2YqId7g5d2QM6jRW856wxgjTVOUoFAxOX4ILzm&#10;Q28x/G92sD4pD95V5C3fVgJbYAmJRPv+VkeYxaUj5BCM9VAtsqh8qGPydGqx9HBZPKIY42bBIugb&#10;p6yGC8X2ebNxCjiwNETNiYq766gEX8mHsLUb1jXKhATp+Cw42WUN/j9ioPmQz/YFEX/GeBtvUtN3&#10;g2pR4BWhH29iHfW6Fm6XdWAHSlt7ApEOZCAQgLyhX8EDsftiTkRq5xRT2e8vYaXu1sAVoPQZrRYX&#10;JuXhh1TbMU75CalH/wKZ6uLjUf5r3a/qBrdyaWSLRx3hJxqYPfZ8XhCbnH5wNpcTHhTPkzyTfFq1&#10;7gGJS5JM6XPJM7Ec0uoo1YPUAgd+CFMtRhvQSIKhwPQs68P7TaigZae5SqgoKXCCyjIa1RCmoVNS&#10;7mbYNdPoQxgi7tMUkpXeHcRoxq6dBLrfi0I0PwQqN2y+6U24Q/ceUyTglH20nyUMg7PTl4LrlvoI&#10;c107t6lek2yALrFwALk2Ae1IpVEzIpEalMYX4YcMiVybc6ul+IdHPyBUuLLVbuA1yIa+28OqBlGt&#10;YiDSpTnVETTYConbivNMO0GtSL34oAIDh1pakaAZ4bPB5y5NiVfMAWx8SIu/n1ik3VUo7ahT84LI&#10;SrA+KXd3lB1dm5MTjG1ifqx1RQSSk1lRf4RnrrFsnCp5mmhqJDBcN4MUnwter6+qpGKC7bQV4LcU&#10;tao5YL6pe8ED+Xb77MQMNSafIUxtvxLveJT/BqOAFiAjUT54xtq8K486In1l3YRpBiPD0dL2M9WR&#10;4jVUwe60WRyCsMyYTdd2OBjbZ/HcsUI5BDNeqf7pH0oOReY+X2KrHwoPtJ6MEeIpEU6x2AlWfV25&#10;niIUZV9yZPMGp7Lng5JDUW5shWhpNjHcnebRnKMcLt9UtUGDODiFx2VAVXcdd3sFp6xoRyAHgSgW&#10;yR32WTrE5arNHC945adrmwffDSAy+rfcaf5mnynF01a2CRPIZmbFw+DsGV2EzDLT/egh4TXs0Tix&#10;Pkv/5Tm3zxLf7e56HBX2S0EPa+qFmtsFUr0RwIdzvpfrm0aAtz6YWO0TYzeN7TeKhmGcO9QVR9k4&#10;iewV+uZ0bF5Gq6Iszu264oQUI0QqbOJKD1reN9yHlSWY5OcIX27tR+lgAUP8D9m9/BLu01MX90bM&#10;icbRlbWhmcYmFApcNNNhKI43uRcnu8dcm5OcjUz+Ifa23iOgnMGgNyKjS4hVvo+UW5iz4pNX8ZM4&#10;um/1xV2+9t8emcKxFYp/F+uG5Pg0jQkmZSD/2j7JdUy98wfYdr7CztxWF68tedrzYeOf5X9jQYRP&#10;Kba5vE+g53Tsvf03VycpVb2lkZA5VoVf6NA3YPuS1yRwaAuzGzXx+n1ldgpLU/oPR1YP0X2SDoc5&#10;fp3fUGrgzJ9h5bet4HN2VzBdP9e1Z0x4jMcBWyWDh+pz6TyxTZwfpbrUDj7cLTZIj/I9qKgM+hxU&#10;c32fcxoJZmLnCVCPk9Zo67D6e3CROyCu/lnXaUV3rKWDAYRfvFN4YOnbPcDHfhe/ltKPErZ33WXI&#10;eqsWirQ2NIFUkLMxJ+cZioRxiB6UWPv5kNVehy1J6k5fJKi3ZAUDaiyM+OzeT4l+kTzhrvsTsyE1&#10;BnzTCiVO5MCjipbv/LFEuNh7LOiem1eONyeIiYM2WkGjdBbO3u9Mgg2kNOZk7kjfuUQq//4IeOSL&#10;eH3ajPCWp3nxQSKmPLSxTbnsr58m+j2Gacw5JOQMWTRH2lBYzimaMIFdqYjanASvQhN35oQnmMXD&#10;tJfPgmCJmYqVLA85lf9baBZ11Qi/j+xwK5ET80CSftQqb3GqBjy7rJGuW/VfqftwZ5SrM+DhoOEM&#10;Pt2Gl2VuNOzsrbmwzbD6Mm6LEWStqc+y6E5IQ3egwOxHjWI20M6j3gTvGG2Ra373IXCHcq/M5aHC&#10;RzaxGQtbUUldUBzn1/YM41CMRq8pxSlX2HfVfyUkkXcOvREfamwOosBMjwkJyy0T/mMxMSHn6s31&#10;Kfovq60EAtMBy0IbvyF5AOGYO2S7fTVqQvFI+5jI7p0pCd2mACEuzgQztlD/JRNrQA6SWR6ihSQl&#10;kjN1x/4AA50iW2/WScJMXTA7UmT7ggjObuLuJA3xGLSY5xnsoz1AVxtpqsZRB2wR3AByBoJSQdLH&#10;IvQZR32Jsc55BRgE3XEj+pbGLNiOUqg+Jy6B9HSiYocmcXHOgzcLttiJ9VkyRTrWEgZ20hS3DMfD&#10;+3OCQx1vp89Wvsa0oC25AgQbb16cc8rZQGp11JyzPXYR/pZ0oCtUgmN1rOm/TJ6E4n1ku31iIVQh&#10;nXTydp6gDbpsHPY92FKBotZ4A02MCQU+HHNI0niIobnMCYZZYQfDbvA91X0a+2A1/TxJYyiyR6ns&#10;tDIzDFjfjfPkS05h35MgFoTKxAYfUtpnhy3evWT9RdnXcIjwH3PFZ0GTTg44HAlFjId7xkhmgytX&#10;H4pvH+KQZaClCfbTrPzmOx51iHE4amwY1Dx1+shCdNtYoRcxPaSRUooLP7wGFXZGOcTZZ8lSq2KC&#10;3HjNic/b1+7Wandzer8JFaKi1APGbFQUDhTmHY/yX48mcpTOk8KSafQhDFkTZuSYYWQ4N+RheiUl&#10;DfJS1kt/CKrZWDbt7fZzOCf+XjULHZ/dcQoVGqa7f59iRMzLecrnet8CFYrT1bZVsxEA/1DUrvvj&#10;rUUxuhKK/M3j/XwBxQCTUhNa7xapkapOGtPD+ZZcQFTc9IWd7+d4To4j+ddePUZ/sN27zzmDztQz&#10;ZCxo8vv3Wfov0+hG17hBF88o5Qa4EsZn9yl7eKKqnwlAuMP5oLeEEDJi1UzQEtIzcPSweCZFqaGe&#10;XcNP0jNdC0t0/LEwccIryVfKxCoap6kXWfADCFWBeHHOTQYqNaxzW64PpxBhfHZvEJKvrRbDOk/p&#10;0+YR/QT7rzxPYq+YDPEmdNj3iYPIkT7lhvUFEQa2XUOPwxP7yzTj2dBOHdZAI/c6Pcp/PZotu7qK&#10;c68wmof5bw5nMP0kxlYUNQ/BO/G+/XDULQ8n72cRN+twip7JSRCIARlG9jL8ELosYqoRXO5lUKoW&#10;F1DFJ5US3OtRyUqr7HblmrgjZp9oXSUpOD/5Se6B+AgD9Q1LSYa4CJtpAlmfy3Amx9NyHzYdEqnQ&#10;n5QZF2wSHJIFOJsKXD7BJSaxZZTBoOVr1AFXLcGK92NxT9AtnMS4+LD6O3QNiPoLWHo+ZZ83mA+e&#10;Khop5qvsdvkwrMn7kVnZd0tuI5HCeBf3f+jg13arrBOfDP6WHl9WZRw9YePDaMuLZwQW7d5DLO9W&#10;NgFm53aR077IHz9BevKpoRFPns+WbjocbyzqXukmdWCA0a+CNMuHScJP45OIvLh9m1b95lKPK8fn&#10;RSD/yYEdK975afH5qrlOPN05h2UhK9tC/IAgYFZ3XpuW3uz2XHHJ/RItUWcBdxTStchhlhR5IcTc&#10;owiNg0B0sqFOqf1X0i1HR6A5VgyJ9JpJcoVIK4ojoH5xyW6Ux0xt6sdu5X84nnZhRnKz2S8gj4Y5&#10;mIf5b6wPsUXGczBkeulsMTgPO9oUAkqhp7EwGEv2KzK04IDI0Vg2jYqoHpwxZ36KZw+Jf8VK0Vvu&#10;TEVyB8fnAh+v039zWxR3uZZPd2QkawJTPO5wX0oKdQ6JasK64k10ATkf6iYfVd5D3xkFG2kTS81O&#10;rnUJO5UZZecyWvMT3F4+rYDtADiP0UqaysDbQ/8YYpJYFkGpywgqe8UZnWQKCF37zGBo5r9DNUjO&#10;Zc9E4zNnUezvLNXYUPfpYF05GkOlW9ry0+m8HY8AsyjxOP+t75NclQJZOndYBu++jz6eBzsaRg1W&#10;OI0/xBbI1RWYSjjK/jZFBvN9zuSdp/ybHuOfNTIha254Qr6QyTSzD3QYiNhYN49B43ePSclKZMKQ&#10;vDczVSpmzwoxd0cLsbzR62AgIrkOi75AIjwhoFoYpRXHHO0Y2iSDOewFy1Lx3SSQ+PT2eHQfa/JK&#10;Kfg6gKAQGPgJLz2ZeVv1dmHWdpDThW6KnXc3PzPjj0iBRpuSDXf7XP1X4jGOUYEwVg11da0PaKO+&#10;+tPwrm6k8Rht32+TSHDD78W7+PINL82ygHNCA0X1Fn6EiKyCCHhGxrl3nHChWnQ1Jx5QBzpuUeCE&#10;P1Ih+Sfp08CHgGeq6YpsZH48UsMa2uBR/h9n57Zzx5Fk51chdGmgRzwfBGuA6Z5p+8IwBhjDGF9y&#10;KKolgBIFkn2wDb+7v1UZkRmRVT/32u0DqL+rYkdlZmRkHFZEMqvHDHMXnCLNg2dfj/1LBfEKywlz&#10;H6xYUOV7+W+uIzs93EgwOYws9XO+l//O91V6nV/FVRm7PtrfrzOn7uo39GNfH0Xztu/vo8+vaoue&#10;1/StfdBEBi2xKaUmjQjX9bn/AOcq6HlNX+Fctgm+WDeRtx2IYN7DuW1uOG/7oGod1E53VDatA+dc&#10;xz7K/lfONu5eRPmE4FPKvwkuRta0COQCbLNN9CtRvzrVRxD+tAOvOVdasH49c4KVWH5aFsHO+fDI&#10;QmfdOdvawHE+yJrY9V19DKZqhLOWGNQpwWgZzqo5Zl1+mfqOmGJPWrCQZTE4PXclU6mFCf5711l4&#10;122dC2eNr3smfNjRZGDoL9Amw2V1x7zORBppbiAnfnqdqIR/sdW7AJadoc7HY7u7nNeZSLE3jub2&#10;08SdQgyOG1S3x+XYI+NBA6nQXl2a+1+5q4oW4ragDevNabEOLkKnr08n6jpMBB+7z2ZjDuM0BmC3&#10;5XWw2dYRQaJry2DhfmNYxTkFsFNuyNU5dT1m4nmR5SOlDBRxOyEpGktFQyMeuTBV0dCCJHsmQQ14&#10;8g7ZpueGykcO6WSZoxHs3LD4MVmmyIho1thFny0sFPCgVlvuezjr5oKYbZwj1W62QQmzGxJGZZ4M&#10;tPa4OD0M/p4YEv4UOzLHDNx3U4+4kJmyKHdjrylpj5m/u8YslPKYr1fqedy3DdEeYA3xGMjWdj6T&#10;Cc4SabLJ5BSOKfH2s5IeaZtzRu4HcPWbscKjb/saM8+zrIPILa67L9tEd2c9AWnHXW+j01WsdYgQ&#10;Zhri29cZryCzkWx2FZfYu0pI1LQcr36aRk9oj8H54sNw2SNjKCjWfWO+Nds4sykGF4tRohT3r/OR&#10;lRmD4mbLEbtZCynsVmw69ZvbRR9PKD1eutSuWFPXWpttq/6b6QMR2o0LjpDLfC//DQ0P4kiO0PGN&#10;dAlf9+3ke/nveh8Ib76Pot1t8/51k+oAHgUX3MktLAKILgPJnJy6jqrpF5R9xj80phFzMfcaDk3u&#10;NUVS9yAUJ0nahThmW/EPd9UReQnt9JU1uB4zJ34G5bGugOX0QXG0ZrgfBKEge23M9bsBCNyRiwRF&#10;VqYTbb4fUfTljF549LUlmN45IzM4wrHC6kh2xy7nnBaMbqwzZ2fv2cTSkbtP4SGvtC0GkXsWa1Cj&#10;p/gMX7+gjNFdQQtsfB8UPV8yGaEuwL25Aor+Vd6FrUyFkAa2ZntOUW+GFRjSBmzhpxlzTAnNOMGF&#10;t3WmrUNWmbAo0Od+6jLV/4pdRW4zb0QlIg/n/acZc3LGXBrVk1P96N6ZlE+MFrJ3l2Pe9j832yDX&#10;Mc+s8Cw9zfeuv5TOfjFHhNBxC/sGJyhKK9TjR8lT8KPbQDAzAxStLao4oL86vM3RLYlUZffW7gvf&#10;i9xZPmYXnmvesxZN+zHidyfNk2PPddFuHvEIqEAU5Jrme/lvvK8bCkLTExsiTZPjy/cu51TZtfDB&#10;oHq2NWx7SoHQTMLQxHDL4CgnoQjXMS/MeIQfbo2M81ElnYMKDNFwox8+XToXDB1vZPXTWfFR2j8F&#10;tw8ck6YLU5tN9OY90X2uOstaUKxYOB97YnHmKIlIsSq16B/b9jIB/2ySh9LlfshDjE9zer2aJCJS&#10;EIElg2PvP41khhZB/ik0avgcknGUSsYGIvooPP/VDkl5SrkDERtIcUpZgKjsuO/T+6ibYSvwPhKV&#10;1na+l//G75PVybyXei6uC1Lyvfx3vs8cjNOW99maqZHyvcuZI5oj2R8yiRoZVulcM0aV+dPj/vHN&#10;ykI/y9s5qJmMu85Zpl39PgYtadgtnEU5CzCbeEz2Y7Omubo+nSrMDsC6uTf6KHPsMUfkQHVsDp4k&#10;msdwHt6BmvdwVxkeadGUyfzdzi25sM1TXxOni/Nwzim15Kp0OD4CKd/PNKFNkyedvej64kijahVy&#10;9QlW0WQpqPJL89/8Rgq840YsxBJf7kbqtn8VG9WSLjab6jZiqEort32pNp1hPmNcnieqzb4qKC9n&#10;4noNKKmLaAA/TXVP10WEBxKcKDkEcNg/TGZc7FW0cDTL83SRJCZgRMSwqfHpyoZuGMC2Y0pI0vcW&#10;KShGvJpIkSscSuTf0EW6RDE66bOaasMUVLnq+e9cfRyzXBfwFjNWnO9dzqkaEIUfKVW2B29ooZCm&#10;HMAFBtIXmyRL9v/kMRKU39h55RfEl3KiZ5UUVLlQD+9YrPO8c17QCvDo20x0bsnlhUpLYlHUm7PD&#10;CIhZ5T3KihJhljRpeUzzkYjC8JhtdT2ya84EPtPCAiYa1tnUFWQupoWFp/lmoEHWY9AyqWnopXtP&#10;KxNBWjCBx5jRMludHY/5sDgUKUYO5NjiDGgq8DzUKnPg5mnWR9lXE6UN4CakG5c8gnAPribvg+4c&#10;9jJcBNfZVrP/vso/s36D9+nMmiuR7/Wvy9VnvdM8WLO4hlonCj275R8p9cRljHl8eCYe4KyKpqBF&#10;EbGW7PbkzPD56TjSaeO/ZfWB7NCbKDljMU2d3Hn1v8aYOQhxKZKW3+62mjpA8nvxYcj+AEGsD1NX&#10;7Hys2HXaPp1X/ys5UwOQVrAuStoQxqgYjqbgjJIZAbrFmbzEBDGpwvk6fpfrnTxxnqOnEb2ucJG+&#10;ftoJXZhNLnlfuOZN7i5Hxo6QOX2cdooj9Ty2ogVZTTHwVy1kiiDg0+dig/p+wIveRkZP4WmFwhy/&#10;ZfvS/f0FWDzq5YbVVXbg9chwMSOGBBWXhGyfzhmZa8Ze2FoHyH1KoDrUJOjTdui8+l+xcqCSsxaA&#10;eJI0YNshgsen2UPFBrO2PVYTsrEix6WB11rqkjMnNw0+kpa66T7mAkclFgXqef8wOrklZ2K998D4&#10;6Oo9zzxMTnylPiiUQsBixFmY8ao0yCdmYJTHfOY9Y0ZEM1bwAnu+50QpE5nI38vF0P1Fc8aYk9S+&#10;fX77X7HOWKOzWcFaqbntFWhLRfkCa62bc2hGqGPvEIZ/KLa+7QVlD+YaqZAovzffy3/zG4VNDasJ&#10;IIca/g7bLN+7HhnxgzRy6c0TyMo1MuzedMAI86shVVtN3VEROoVMnnpHDZ6dV/8rvpcb6pSvPPSR&#10;lG5P2+uKr+wqA2qGrdU5y6LMI+AAhKYO7Lxy7MnzJVn4OFewhPBftjna3wensFZOX7G937nlSuB7&#10;z2/TpDWDjDg8va5O4rCmHAN8agWmdMRZLeseR5/4wPzplIH10yi4NKyv5JQIJdpvrMgUY5cz6YjU&#10;KFP6FmfcmLQV1hYoj1V6lLKQM2ZyrpvvgjOyla4Wtu92lwVKQ15OjpnDIVe4r2z/K9eZwH/6YWQT&#10;uL6rbw61Ts3FuDgcVIqQs01see7vzqv/lZzXdWuX6p1Qy9zUhLy7TUgzYD5scubD7zjx1IBmTufV&#10;wVKPtPOU6OxIzjoP79AXhPGz9ykBs5SRJUL4zFO2Ced28C5fgnymhHHIW/4dVBxX4Q5Doxq+rlM3&#10;fdH2n0zY3SO4Xk3p4DyZpBa3w3rVFZFSRwcdkzYHzkG2dBQFPw9YZpeccVmJAoT0M7/bwUV0JBuB&#10;wplzbePMlKdnedwvk6PtvPpfSxMrHzl0DcVso7XvGhRLHX3dxPn0mFx35PfV+Ckyfyd9sa0OiaNM&#10;FEHF/72l/bF6FxckIfdJ/u7lyMCVyLYYI+O/h6TNkRFemx4EIBK0T1Mape5PxhMI9pC4zqv/FXOK&#10;BTrrHVRg39OOtKebjST4ac6orq6INyo7Ed+dH3aa02vOq0KS0HnSrjHjoU9Vd/EYI2Nq//nY41wu&#10;H2FQGCBdRFEEeEtjUKpc6blBggjk5WLMfAMujj/beIKJYoKz7hBtC1lKXHnMZ2wfhjrJnMB6bI55&#10;1d1e/jSHYFqjWG94bv3DEIOMeq7HJ84p4yFbpPHytizxpPF8zFS+l//m+1wtmTErtfWZWYt871KO&#10;KEgE/RTLJWO0T9pRCx6KUijuEX6cYkZmfMam14qcRnbN+ZK2/DTXToWiXIJy47HLmVhQDor+Lj2V&#10;S7qfIEtYEUshFM4ktcJ+WZva5Iz0pwxSwYtR0ASFW2Q5EnaFsDhzfEctrdJlWFkhEX1++18hHYAz&#10;hfoLXSPnauNMBjMPxLMKJZO3egzQHuAej/0ZpWWZWQA9GLRrUHjs80g7PybImXX8jJlNf4e1yOmZ&#10;qDK2A9uyyzbg+dl+7urxaiVRqE/rnLsrdyE5CuyBmOfyvfle/hvvq0fRVNS6Fzn1Yb53uZr1YFGZ&#10;XUdVKqWZjdg4y3U6tsV+gRWdqTSWlZuSfDlChSr+MMZ3No10Z9wUs7NhVfsGcSzrEiHfe0V0pkMz&#10;Lb0pR6BS1SR6fNjFY12ckGftfHxrNcHoApzJH2WtbuhgaffM1cnsmLGWr68mQeppo89ZmSMrfQAo&#10;tkOMu1+u5kyTJ0phaPDTyK7laHW1uTI36SCuqoIxp+DZcHRrLALXNu/uYodwlqd113n1v1Lu19Ve&#10;0KbczzELojwHJdeij7n0mvna3rzkXK2Iq21fzISrx+Wo54iND/NmGyR09p/hq5N2jZlQwprts7pC&#10;tubhMLWZx5lTPqGo0qLY720hQTgkMO/yMY7I1BeT2uTMLQ0zPnIeM/CS9dNnMSBdus7LOyWs2iYX&#10;OlLRlhkMwxTZ4mzHqZWizxiYeVtTVRsXpJhySW3bVBWKtG3uCgd1XjFBpIEpu0NHMtfrlNc95J0z&#10;mLbEf5NxIBbQjQDuZcmyHi72JjJzx37mRFHbgUNVkKbe2xeQ9Z6OEtFolbvUKQGlpY7ngxpr98kd&#10;YybBl5hbVdmr6rD9NGdhmly0cVK5Xntcqut1m8LwZjzZbkkx7MjNpgL+MtU6FeQqg2ic2Ump4mg9&#10;I9+ExxZnkrHQxnyR1ebArz8NyIsTJR/rxrPtMTsy0OPk0Hn5Hs7UNpPPPlaKVHXgHFOHcesHT/Mx&#10;EjSc6fW4QgIIk91hR7KyKgEMznx/d++A7jyeOowifUVdy2yDsAIfFNQo36i98WabTJ06uR5jJp6r&#10;K6HbT9MEP8fMvtluaSDTA7QkpgQ4AKkxf52BzWESB+dnXM3WOYPrytJxYg9w7mMGgyb8wPhuMG1D&#10;DLwxA5bI2lRGwI20x1fPhSR/mlVSNJi7gImBgQjOzF7E10zO4HDTzlPgdGTKFmehRmIxWAoBDOti&#10;0Chz6iHVmQyT5cQ57bFhjQjLhVCMmSKvpK6YYy/me/nveh+IR74Pl9xB+V7+m+8Dy0h0BKn1SOrw&#10;VfnelaUCjk1zF1yIcHUjiNXlfsr8CI6oHYsHpCfdWOTkHlsbzxukRbjAQAO2MCQbkbYdwZk6+3Ba&#10;1hLx4bmCjFV3J4zZ7KPsf+VMETFMrchnbL45mEOmJD6MSKhipW31QQ1mogeUs85RmzMYh6ydgjH6&#10;pQsWaJPpLTI9r1EIlfMTVGog5tmJZLzv4QzYKBeSJkAg3PtPc6xNdU092LbLH5PTS7wJ0WEZNfaY&#10;sUezWxX/Abqs73J1lspB4QpEO7W5zmC42fpDPsFQCBnpc+bET88K/1R2cZ1OKsgmEIbSRU60+hiN&#10;w+Pk/Aack88ZlAyIhDxHdA9Lm22knZ8OCVNua7POAEYKTTwsFfTiHetM1kvIwqCdaKScTgSfn07O&#10;qOsRLF+PhUuM70YgoqrwpNmudpWaialIe3y17vNq64xog0TJDzuDf2SXZ7yM1J/0q7vO5CBpgJKD&#10;YiG7khpJouCMARWF+XPMLCwe+PjuBarwxoxHChApaNWEtYsQNpBm+JgSudDbbOMuzSifYiQP4Iou&#10;Z7t5LZN2Dop7vxDB5Jw/vR7XKN+k9saMxbVgETMzVX5aKjU5n/Ja6i41H8sNuWNXqcwk13lFPhZn&#10;VSPlQp5DHGD9VxZ9PjbHjCZZubxTeERg/ikGF1PCbk9z4t51phMM2iCn85TLUyYvVQWVt3uqj4DL&#10;xFuux96YWSbZRSG8JxFSf8yVZMyQ0FwMTGk0blLnY5Mzfs6azpNvKwxiHv1qyLjpbfVQy9N9PfY4&#10;o/2w9vKrTxuW/4GwZz4+yTb1zrQmi8czMHninPbYsEY4hFRCFFQvuNV9Rw/v7yvYmh8xXXu45Hv5&#10;b/6+mm1llIFg2vSH8r38N98HvzWldSJ4yu9f6iNMmWzTRx5fSZ52mErtTnHAN+82FR0Y0QspLRMD&#10;dpq5a85yRXPWz9gFIBPTZzsD28hMrdCRMFy+OgLapL79Y3+gALpnjkFLWCaf6o86H3ClVDifooz9&#10;044DfppixKq3gnBU3NJE2kbN8FChZJo0SrHeEcYluMKRMr4Yu3yrgCcPKgt8nP0c5WjpYmm9Bo6T&#10;1pCOxOHbWquLTzGVEE7X1n8GtSo3Z7BFpffRqk1cbkcUkNLgrkkBiJ8lix9GWHs4nCgTS5ZPdzTx&#10;a2xcxHt81H0RLoAJLGCSqm1Dm0bM3+iTSQiA1WvGBpHLvNsP+PB9o0Wt5RmzkMepylXJvCYZDdfX&#10;ll0wP3kukLe2rE5ukTN0GXNSoYgQqd2o47ydR6pgQSMGZLFFSrJamu1w6Psiq2RlQRqnKiIcvpmx&#10;CrelnXovrpiSjhWbxyztOkFXWWKijBGrNGRsk1wGlduQ+IrHBHxmHVnXiv2v0OlyYnOViHxE7GH9&#10;NIs4rQjcuy1mi/enTP+xFExdAM+sycZHx4vIQZ21M3VJKwczA9Hzw4i0Pk6RP7B413pyP8EwyzMm&#10;BfLmJr5LNypPRFBFSObvXs6pAkPTkpUX1zYrxzo/mst1PhA5kmdFwoLgmnMq/RuRrwvYpc4i+3Ge&#10;1B5nRenIFQxJmJjnuVxEJRQMe/Ax4j0RQRN2bHIWtzmdTHY72NiTRyI0OGu6q+bUY8WmtscmZzlu&#10;0346Blj1xWGgz8cnznyp4jR/F2e1TZnWKPmOrnkBShMDm1NyfkwGfmajNT1+tIiADHnA+dWnn0Y1&#10;qXn9Q+sMqoh7WPPxfRJGpi77Gl3ZkdwCCVJ//+kpgJQHzgrdZYV661xugIDzaSGJ1k38FeDjmM7F&#10;uT0m1+kbkiTMCF7PbYOkdtlW3+SlSU4fBn5VVVixGPfNdsuua3d2zih7zL74aR4OC2qOWfUIS8/q&#10;QLMNLPWXVJ/C8dVYWz3gqIIddVEaj6dDsDiDUZ0fdme9CYkUIqv50woLNlUhlzHzWisctDiDYJ1B&#10;BrnAd6wzh+gscKMPyH7MCmKZFs/FIQ0+D6snvnuaB55sU6q+cC2gOntgWb3JVLo/Zhtx7PkOEgBY&#10;hbnpONVGNNPkzIZGGcdP7+4Kn/JEQIHxmKcbyEjwlqk9Z+juxDnP6bB2gAzJYj9+FBs67k2BKt/L&#10;f/N98olpowgUMsJ05f13f/6Pn9/9/v3/+R8fS6Gk3I3ctcuZmoLSwopAWLetRVM2gg05cDb1HdqZ&#10;xaBBctKeA5oqok1zTQd239S0epze2HIgT3N6PWa24jJRUxLWmAEb55RItexyhHJatnNKocmZLjMT&#10;PHjytmncx0+niJ4NXHDss3Z0BQE8zoqbTWzhtH7nmBs06uKxrgrLxbhXX3A/XvrcV6po3RdTiu7W&#10;h3GGTdt5qlBzzCjzFa5hnbs5JXGfC3mugCQjn32ZKdmTKvfPBZX1TKOG03zExOegKN7Ny7z46dOB&#10;1Q7p+dgbczv/J+3izEDmhr16XOyW+djkTE4mPexltUzOVP+viqOzYdIAvfOxx1mLky748kIWZ1TF&#10;FN5psK/HeKEzHj+9AY+zGjAu21aRt3YKs5uXijtzVnJ0bvd7OWN5LL/tzFmGdipmGVst3IEnUf2Q&#10;fGyOWc5A6oKzbJMYoc1+qPXzrmoR9ekqm5x1tKZ6JHq17WewPuQ3k3Nu2LnOZK2XzfOwbG+nKlRE&#10;m/NHye4dOoTvzffy3ziFnxJsmesyLcLy/uWJRGBISzQMCIlzr9cAdTGTuIe+2B5rNDlwidnx2JzT&#10;ulyTdk7a0Rcsp3yK6Hx8OOmTs4yqSx25zRH524VUxws7dRrZ38fKmAfyNOBvzSl33tJ7LudUZG1v&#10;AvkgHZaP0+xfI0M2Z/bmTjlVRn6ag/O0XD8tPyH35rlIXdG6eWppY99hmx+BjfnTGV2bnLV/5tY9&#10;mx8UEJRmBBnZ8+QISB96NKZzdipYnAkhTyV7tqloRUjcMKnTIjM5Hw2cgpawZ48vEE6eWDj5mL2K&#10;UGjy1CjHxT7+GV+uUyeUyg838aJ75TSMadQoaHwJtyjUm+vA+RFd4a3hkprjgpcxWuqS92QB/URS&#10;j6i9RR8tl5vgIQXtbBDisRUUa5KeUgn41HM8M1mQiw+SQy75cGR4844oN4HmqdJpFRQdnucPC86a&#10;P3zCajCrqwPOfSgQNRnOSPICkCRbin3B/MZ4FNpta0sF8lQ7gliNp9Yk490ucAl7aKAKJlsCNzPt&#10;hZwP5N18CoQvbQnKBpmsS018dfrgNc7AuKrYetQREOFMiQrq3UVK3YVTNYNLEHwTOfdGe0k6x4Oc&#10;pE23fng9JVcSKy8MCSO32aL3UlFdjIcjO7fXxVyQqUu5uHeScSHS5+Tk2cBSSJQ65YwtMrFSc7Tk&#10;PfI8AbsYcuFNMpOTTvZqNjV/mMbnaTicO1WxgehimR9FhOmOSUYzpRGo22w7oojhTL/sapLZt7G9&#10;lMa4I+GpzF3qITqqRVuSOVrOlTx35W6M8cyndRconuYfuy/JWqZXD1JKPQiKsn+JTp478/yUHT83&#10;EH7PSIdaa4tDP4HaCrL3dDX3f+SVkGq6KvRA/SjkfLJlR4z8oMeWroxp4VLAt4EsOWAmZIsoimpe&#10;C1u1CMgYFXAHdZ5x963AcbmBuK5AGKn6wwBJU1ZpeAl6pj3liozU2IqwjAWyRqs2r2mZLNIUGjLO&#10;2cu49NJcTwUrHxsI51edU/zRYkTGeSt0VHcsCf5mb2fYEuhtgQ3AWbPZoKLKd6RMCFdTERBfTD5x&#10;4BfXeMokc8yP3O18KuBk6DA5LHdIstCec/U45Xswm3IFLiCMjyLT2iEqLwSATbYcGneEdalwmfaQ&#10;bljs2Tgq51SVeOhk2co9bUCqXzDy8fQ+zLgsvlTnfDqSUWUV2MWMn8sr6el1LlSbaBB63oVfb0my&#10;brRKRBk9SVWbWjYQg1mNflGUPYSty3jz4KPQgqP5UpK73/YMBHAWzNNdUN89xD9fy3+H68xhPLvw&#10;Coc1VVK+dmW7SMvnaU5mkfWsg8LsnCAwMvDgYdpTZjpPCy4fXK59Z9T/im/lNE9bDDyEbrwrc6kL&#10;GDPTwFEfvSVzn+gizvRLH+O537FPyGC8ToOXoFU0aZw/DKw07WxmYut42T6KPTbk6iQ5OdkxTqp/&#10;cnOBvyNe+vUlpNAgE640lEQzba9fzqVunBlpG9DqHFutBFsnTOR/4c9nt82iGwYjI06ghpPnWi6v&#10;2OpaxEjvAjcHT9jY6oLESEcKbc7/rwuMplMpmDa/rElsiRhnZ9TnkgvosiNyJ8rXOvFYALyfbGkE&#10;NB3Hog+fRhOhcjnxdG9H+0qJ99CbnCXsreuvvGTLgRnajSoSJqfJN8d/9qWiHAP129kimGH7EQch&#10;KXwH26OmdsyrwGv9jNe5EGcisBTg9X0uEKOwaKiF4jw5Pvkk35ejZQvHAaMWA4Ti6jRK7KIiQB25&#10;+Ks/BXczDmqFRQPIaLFF2ufVEWol3h06WhEnDlzdA1mEypbqnjXa+ckWWxz5jIio1E8Z1aK7qFhK&#10;PChnE2Wuna3anaZICVp9x9pKY05SZR0bW8JDOcmEv7ZWOUxTNk/5mkjlRoqtgzEddjcSiu349f5Y&#10;FEG9jK5OWCNkBHbdtf06ohixFIQRX+Lr/Q5082P4YYgYcvL1s5DaGplth4KhIA6YrSaL5c2PuBJj&#10;VEA252OJqT1pGo1BzemgcAdlUecfEctqVF21wD4Mhp1Rsh8zzG3oXEg3vpJvBJGwfeX+On7ggIhL&#10;imiAsb3eeQUPzPrwNkiPHhfOFWnVXcdhnSvmSGysDQrtmfsaKAJwH2dQGEIRftU1pdhq21dug+L1&#10;JwMZwOuczodY31qpSoQp0Q1pdPr6SRJb3VDTaRmhAuKoMswuB3U5lyjQMB+ofRPmrs8W/ZiHIU3P&#10;H2ZuewoAMiRS7XaHZ2ApHNwIKYpDmEHixIUDabWQi8oKbE5c4uZNHSmjEyhAeoShQXytDhghG4Dz&#10;w4yna3WyRTla5n9zocAL6T6H8ckYaXecYW31CBLva8tq5zRy1nTDERFNiMrda0v8POojCumcZPVh&#10;z7WdQrOeskBhztwrUtz3x4F4TBRB0V2S8c0i6s/mYBrb2nKSBiqGEnR67+ZG66Lb/xpKgRsh03QD&#10;sE/LsCrHpAhT0xLd3/wnFiRwT+R/8ppOS4qxY8Jp45oC+t82nhhpaQ8COtwSk3TzC78LRCIz7Yvw&#10;a8YW68LptNVmsIFTkohmbSgVwsPM57EsOEEBnrHGqVtVY0EXZUoKd0ymGF08ZD7za+/kecxKfC1j&#10;bmKiZmr5s8jXEJP5QbydX3vfrd0YXGkuctQSMakypGtpc/p4rX9Qfchuv0MBF0pa1gkyXs6y8kFc&#10;y7J138DYC5yhNGJcKeCt55pbXHihUgpP/ofcn1T1b2Fa9ERubVAqqjUfNkjfkf04pCtnWgS6Z3ra&#10;h/lW/jv2MV2UaQB4rLviiEP1M6p8q3NKmsRukxPmWq3mmCGfuI/HD+KybReIFMnG/lF33Nvj0cYK&#10;+cJEipvOyhfml45va28LzRQc8q3L8aydKuejN+Mo+00Fdv1ILuuDGyZ/7Wo8lzyXNMkS7G5WkUMs&#10;W/X3KwKDOQKfMcF0anxAJq54cjik5qXmgBhl+1nd1xI/i0JHxxSehLzS8mA1VLV7Nc6c47ES2KVp&#10;JHEcgoYNmnwr/823M49IJQfpvf3tq/GorDwlY35VqiU8mCc5HvZyP+VxZiJMI9dZCPWr8VzxxKhP&#10;lS+vtPtmWEcZKNF1thvP8pCeFPfwZGlixdX4YET+5jhZ1JgEtrsKe8q6oVUzOGHrj0JDfwZWflu3&#10;y1lZfOgbi+/4wEfg9XLmt4fr80nR3FN+pQuG5qHEtRjNmSorwf2DW+1VffiK9Uw3s4+s/zWklJ03&#10;z3Q0RQ8XlIkjz4e7W8fJkZEnM24aTlvMaufS/xo81X0tFnhR5up//SG7Ni3O+3hyEqSOISYgbV+E&#10;qj5EoW+dtAsl14bfcTLXn9U8NzGRBRCTAPhiq2cslKjD6BdhncwoujQyyCzxf+o4C0+C2lu6mB08&#10;rQH2yJM8Z/oKdh0nGyd8de3GEbN78CRjH+XqrY1d3u6cQlaI1U5NwXCaEscHnA+nApqCVB5yodo4&#10;G7w5XJSEJPerRtc0nY/WMkJml9yIvyfW3OBYqgqzyGfZE+someNcu4kMTLi63jjXDmZ3qwNE5ck+&#10;yNOGrT4iFpMn8dvYh4Sxieba4ywqRVWd3fggXhdVHmqwtrXbIj6cpy+X6/E7lzy7fKJ/81Tk7lIa&#10;/wVNvpX/xomNbRqjojRTLijzcUM+5R+EfNJmV9UDZQ7Lif0Y4ECPpJdzFwhdpCetdePMyQNSzbjG&#10;Tp1Lc6ioYUzRvmkLxBZZQRk8YPVc7sMin09ZmjbOojrwRgl61kkomxQzKyIm1jgrJZinLV+w9CdR&#10;uj2HUR5OO8rjWShPhiomULp3Z1Opal6cS6zLIT19NvtfoeOKzmarbeNcPJnYwELNxV5fSx0ntQV/&#10;F8+TB4cwRsaNtAV+4fGzyZMoVoZCuLMxWkl6c7vGyXG4FemXnyVQLmhS2Uj14XTXLZ6VUvGLJrf1&#10;oaItbZxF+tQHbWK0+wr2v05n1qLM6St75eLh2mXroTVOzprUyLgpW4alKN1zxKzoIeJ06kzpym3x&#10;Oc6R3+LKnAO/mPWpaYXdnOHwPpv9r9DRjDPMpnNgt7iDINoFKCoyVOIk6IvlR3cu/a/Bc/UolQek&#10;G7nKzyo/F+ck+QeVgJWHjCzPLJXzkd2/mtt+ChHAjLvxsOQwcvOcy7fy3/Ft+OiBGbh++2o8RBpT&#10;jRHQA+RVPxl8V94kiUsNALRtCtLm2UqDGBmP/ZNfEbc83dEpYUjntsBHztI7dqUwxe2jlL2YCVFy&#10;8jkpfXj9rzFBNA1PPI6QLxsGhdh4VsvAVoDJxraEml9h242YsLUfyf6nvyEobI8EYtJnCon47w6o&#10;XpFd7uMlLncpM1dD5bzKHLnwgT0CU0LNXJa+Y8fROzm984NO4+ySx42VccctUkA2P33OfCv/HcuA&#10;JKffjim+YDH51tV4SmyNy7LivvoUGAWDc98RTusLV6JYKoq/Q6cVFQJqZOspLHc+jD2g65gdVViK&#10;wsPkENDjaq9fjbOYvVRjCnxRVEjR3YDUtshZ8cEP3JGvu4srSA9b5e4Lz/oQV3Sz55YNuXJcJ1m5&#10;Gmc5+jjfw2vI9Sy2FSA5XZRXPqj4w7SrWOnTzqX/Fdt/WSsg3ePOjuRJ1jMjhJxIKsauPInGZJSC&#10;L79jH6JU8ow6J4vwufJXCZMPKzG/B9cy4z9SEf5q/g7VFp4L8rL1IfqdkHcREMeM7izLt1KhvDz4&#10;Ppf9r1SseTcDLiCGaT8njuTHFtLNYRazC9WhK1eYdkuCZDXGDBFPQSragh1W4+CJZI7w7OTJ+0l5&#10;n5eswFf6uidHmN2aP3v2WIsFSSmLuoC54yw7BXtjh7UsIxH9tOU/S6gA9zpE2ppbLP1UqLTz0OlV&#10;NgMuH5N9zC0bl/qx+rD6o+pl52u+5dNTPL/dU4tdFbuI4I3Eu3zO0tJEne85lpcRiOGjaGv5URyo&#10;RBQQRVF+sD6cX/NE2cGRvDvNa55mY4foK2PjqdUeFZ/8IDT5Vv4bbx+5WE0xXU50G1B/+WoL1tEc&#10;TUHKB4OEAQtz/Bxo8n7r/Uq4gKaNawhOY7liyMEWQUsSYZtpuNJ+YBsx7+rsrcP6DZI0wJgWw2U2&#10;vCG4NW4fyi3Nlgp7kpY8mwGALxeJFFVC3BEPV5nk0BNEjsKhTobLhOKAQu7qCJe9B86LXjuxen0S&#10;+4ITRQlzTcDCG9mkYparNGlGF/InO6PQ0MtYJ/ZF0636wcUuRsHwzf3htMZRz68nUqxz6X/lqTDh&#10;QGDMnnIjWpHJA7Qz7EzcJvp89IeY4vmQFOwxvZaQyL4Oh4aCiFcbJodHAfDUNQIbT2DTUTpCaCAu&#10;CPR4IhzhwhIcjfsYU1B0z0UMBcN178JKQjdcA5oi677FsdH7bPa/Ym5BBEZlFXvohCjlZ8f00Xl+&#10;g3WQBVf1irQB6R6lEV2eBAkTxsqBG7eg5zgxR0lFjZ9FZw0TaT7EoguoJPomkmTW3HJqZbkPWk1t&#10;looM6RaK2DZUKoUumTwJSeQ4QX3d4Z0KWBA+Gd30WL7GcyGXiczjAbeH+p9iEoiFj13mjRMZCsuM&#10;JpMYf+1nmdmIXauNZLdmkPK8DB3wW8A6PJ4L+w2iiShJ44m6DQuUsMxWYkBHtdRXJN3vuamlgNQR&#10;JiyWxlMezzglsT4D3T/XU3j6MbdEmO4pBD2OmfhZQu/90lFQ4ESpD7mVS7BZM3gFYdMJXntHbAr4&#10;Kzp9/CxCNLINORRAzlRNxkNyC20SQH4B3I6HKOPj4Wk9U9cPbQCDxN6qDzaVNGNP51v5b7ytXqzD&#10;gqMHXdw0AId860rfKDEfOo7rNgJTMMeDN5XTpK9v1hJlXAjLGA8FBHfk3sDgEbkISvZy2xM0o6em&#10;/3gouEG3Cblwip5Z8RBUy/FBt+ZQ4P8hX4oXzjhBzkr+G3MIJj5ULOoXTMc245dziCMXGunQTU2v&#10;YGtkLJ2eJ1FTlxOs1HhUWpDwJ2YT3DqX/tf4TjWhD8MTEIGusy/6k5XMjBWYxrgoY/JESuPgwsaI&#10;7NxpDi95Hnc/jdknft9vgBeGORQdZ2wU8U2eQljHGhA1mbPaufS/Ypyr5g3lvXlJtdIOWem+PZKb&#10;0UYC54Lou+chHXBmV7ZX1Og0+aSiElvkmAQ09HblgeJQEQzGSYvT+zS3XeI4/ggpjx9kVW/IZ6vR&#10;pFg6R5W/eTWHJOSUMpZlQNSHxhZVVoAsaB8dDwV3bsJLVDyLOiAE327PIdpKKuH4WY62bnpqW2fc&#10;RTeYN+Gl3V7eVqr6YgttpxqQ0Au6iGN6pzkr+e+QKaVp0wt8TVWiM4fID6JwjAc8H7u2ziF3uOCA&#10;xEPG1sdDLWGUQFLRdw/qkyxE9tzSsdzlkKIJ3PDBk2UaNRG537CygUiOh2iHB2ykbVaoRpwJG6Kt&#10;Xz9rFNPOJRS63plDDmQlEyQTzLqu1So662jgPR4SE+i22Ru2SETUDuPiUgr7aCjq0+XV4kUblXnY&#10;5kv57xAI7hNTrkgvg5CY99/mS1d7CqNBJ+Kg0R3sdSw8BPEZ+o691/JFxBY4Z4dlQgzGqy1hOegn&#10;MripR2zMQH5h/juGQy8A4gJxhkpRb29fj0e9P8aGZWAdU8Shyyk2Hr5isG2sHKmJ1ae22T/BwCMT&#10;Yhljoh1o21BsYXTiWJH80ZRtmOGtxtKulEQfVP8rpoV50xF7yMR2A5QCgPKPr59xBqSZztTEbHYW&#10;2wooix+nIZGZNFPypfw3vgtlODsuLOxEvtT5JAmJiTTbYtLn/FD4hNV/DIUYUxfM58BXwvTKhTwd&#10;T9cMFS0cP4p5v/0oJf2pOYDgtG0NiBbC0FPIojV7x+2eEYpEz+3ymzOTc0G4OyPGyFFKYL51PZyv&#10;fjI7LMA3LEdT5njdWK9DMF9isV3KwjVHOgmFwjxJNMc+e2Hsbg6ktr1wqkupbkpSZ9H/ymk5Ey4R&#10;Wc9YzYf4PRDL/vDx8/thSv329stPR7RT//HfPn+JCP/nL//l/cdf1Cv288cPP//wx58/fDj+ePfT&#10;+1/e/+HDp0d/efvh+2/evnv3/tcvidZqb3749dFfCZEedsm7t799/82PH95++Ua/8etH/do4Nj59&#10;/vLPbz//NH7toB8D+eXnL+8/jQ/88Cuf9NffPn/3+bd//fSP/1n/9R8ff/jf//rp0acvH/7wka9A&#10;S7799d1PHz99/827L5/0A8f7f/3823id/3j0t18+/Pr5O4i//+anL19+++7bbz9rKG8//8MvP7/7&#10;9PHzxx+//MO7j798+/HHH39+9/7bv3789MO32AOPj//67dPHd+8/f/751z/9209vf3vPKPQV7/77&#10;X/iIn3/gJGRT/fr2l/fff/PHT+/f//jx0y/fPTrefIQgaMjv//blmNrjvx79+dPP33/zf/8A+v6f&#10;X/3x5e9+T8nh754/+/2z3xGM+j0poqevf//i6T/908t/ef7/jsEs+mNcB9/5Cf/GrDDiNUFvv/vb&#10;j59+efTp4xcd0RjBh93444eff/uv/A/fPNJ//U/9lz6M4T76G8fr0ZR8qE689ycynY8F4sMfveMF&#10;ohG4u988esfxiucXBcmoHfHSD73785KYt39hsAf5n36IYf/ph5igdx9//fUzi/vvLNqPv3x4+/03&#10;/+nbRwoZY18++usjbFcaYcXhdCL6X5WI3Dhg5hePfoJIifLQZyeif9eYFyfOqyePb3OqRGBwcSde&#10;3eaEumucGMptTpVInDhJbnNiKRYnFXO+NGavEgF8UyfC25wQisLpMW1xX98eUyUiw0gfDGP22ESL&#10;kxq+vTDWqRIpl4lTcHtMWNWFE7L3xpi9SmSPiQOhcCJa+tjgVIlYJxLMxpg4nhcnVyIqkS0RGMyL&#10;Ew1SCRXclohKhNNBYO3J7XUSfrGy4gJ2QyQaFbwI8Dm86o4nuqJI7+1hka9bXyhexBOMcdU9z+Wg&#10;lHoarCrR0VsQWbqt/Oqmp9YaNIfBqhIJuEyBlsGq7np8F8xzg1UlghUlpm8MVnXb44wRBHeGVanY&#10;wmglQ9Vymd1aYmx8UjYOr0plK6YndevDSwF8Yw4rFbzom/fcmMO6+emWASLAWa9K5c9h3f4ko9Qr&#10;0hhXpdK4KKW+PS5lGJfSwACi1uI2r0ZFTRla1zgcn9btT6YW08lQGo2KVCH9hl4b46r7X2BzfGhj&#10;XJVKvDhWDV5VARA5YMEcXpUKXthnDq+qAYjbc4Q/NcZVqUjssV4Or6oBmEK+0JGNSgUvXSRqzGHV&#10;ABiogCAMmVcB9ZRe5TAJAhq8qgbQPRE0CTTmsFLBS3evGryqBtCNFsTSDV6VyudVNQAtSFBsznpV&#10;Knih5439pZDKnHkOfyoJDJlvVEr704jj9hwqwVh4Eet5bljVjUq8CGgbvKoG0NXZxONvr5dCtfML&#10;x152eFUNAC9CgA6vSmXLhiJ98wsJxyIbhsw3Kp9X1QBctQMqxpBDRVvnF+I36SYgY72qBoAXsSqH&#10;V6XCG5bjb/CqGoD1ImbrzGGlghd6w9BRAq7P2WB/4bw7vCqVz6tqAJwuDAdnDiuVIgqA7m7PIcm+&#10;Mi7q8vFtbu+vRgUvwhLGHD5vegNzQ4b5zahJoxLwlApHY1xVA4D9ALju8KpU8OJ8cOawagDsKFAS&#10;Dq9KZe9lZZSWHJJ1A3hozGGlQh9i3Bh7WcmYwot8Gxbs7fWqVOpvQH8hY72qBiB79ZgElcGrUokX&#10;HdUNXlUDYPTS08NgVYmwh0itO6JRFQB5btpxGawqEW75Yefd9JXVjmau1rjiwWBViRTZwPq6PYFC&#10;x0xWFKuQQb/NqhERASCfZ8igin8WKzPY0IjsYINyI5MV+RA2l6EKGxWwE8rADBNKWLTCSxVjb4wp&#10;rFTwUksuY7Xq5qf6AoEytpYaSs4vVMcBAA4Gr7r5Of4pG3TmsFKpAo4iGoNX3fyYUAACjH0sUEId&#10;FweDoTJUwDOpVERIFMBYr0ql9QImboyrbn9AVrhRhnmtDOf8QskhnQ4NXnX/c0o+pkWAMa5K9RR0&#10;FzGA27yEB5hfSEYRfILBq1HBiwPPkMOXVW0QQsWXN9arUTGHBCkM2RAEsYyLZuVOkqFRMS7Qvc64&#10;qgZQhRN1tbfXS1iP+YXwAm5quJQAsRYVlU6Eyg290agIiWINGXtZ4Ib5hQAsyeEbB2Wjko5CIxpy&#10;WDUAVcBAuI0prEQyk4ESGayqAgARpfzOTQNKAKU5F7Y2FIB5UrlnciOyz2SqbhYr4PqE2I1RVaJh&#10;aRhyISjjHBX2E1jk26wa0WE/cbjetJ+ErVusAH2+NE6uRnRYhS8dVlVj6G4/xzcBBrK+7wjIcbTe&#10;HlXd+pS70CvAmMBKBCtCUM5aVX2Bkya/+qawA+GtozouZTZGVdUF2H2Fam+zqkRoJiBqzqjqxsfr&#10;V9blNqtKxL6Cl8OqbnxaQFihZEGBptjaNoZKSSbVcSuYI+yVSEeWfOrbElg3PvBp2h8YE1iJKF8S&#10;Yvw2K0HA1qhMzd6IbM3+umqLA1Zq2DKNiH6ZKjI3RlU3vi5kco58QGhrKhiVuk4YrOrGp8QOg/X2&#10;Wql8YM46rLDeHVZ144Nn5vYeg1UlYgJVgGmMqm58e60qkb9WdeMrVuWgdV5XoqfEnSmkM0ZVN776&#10;TzhBXdVer7VSZYgTnFHxyqQCdMiZb6xVJSL3QVTMMHBVh7BYIbVOCL4Rqaod/M3tCVTBzGJ1VAvc&#10;HlUjAuupbJXBqmoLVyzeVCJbLFRAP0dFUSh+sTGqSkTtI7W6hhkjeHFj9ealwaoSwUpOljGBdeMT&#10;bKa4w2BViYCv08nBOERUblZGRYLAmcBKBCtCpY4Eto3PPR+Cj9w0LlRwPz+QkqMX8DNmsO18cgpv&#10;HI9YCPjGi+Ijg1fb+rQfUTrn9rga1VEj5khGVRjkFJTtN3hVKuZP1Qq3x0VcukyHblajzvk2s05G&#10;oxsq5o1ZBBnUuBGSdOKsnYz9f8BVbpppur5xLfWT1wSC2Jg3F62TwY34jDW2qgboAa4Olw63Skad&#10;E+2QrHWrmkAd0vAKHW6VjCOMgntrbFUZ0Iicog+LWyXD4qDzlHG0gEeq66aadsfA7mQqShUgx5CS&#10;qhAoTKTq2lq3SgY3xma4Drr2psgkh5IVTu5ktvFLRVjjBpzZwpQ1MrhxlYQzkw3oSV0e0TVHShoZ&#10;ThhOhLMDGtQTQabRnbO7GxneJXEvZweoxmkeG+p8Lwj1bV3SyEbky5rJqhRo3kS9jsWtkhEPIFFp&#10;zWRVCiptps2gM7ZKhvphRqyZrEoBbmSXDNubhHdZALgB3rDG1nSJSrWeGyYdELvGDeCnpbk6XhRL&#10;n4S7M5NNl+D4yCG+rblU/b1kUgH3lw5uuZExk4S1rJlsuoR6K+oInLFVMl9KGv7zCMg6jvvRZnhO&#10;ib8DGgKU3U0ozfDdnzQyf3ern8T8SDTXKyvbfNxwMcl8zaWGHZMMrUx9qCOTjczXyiqoXdxUsemk&#10;MLl3rJD5J46K7As3lT5YY6tk/mnasKDqHEjTF2MHNDIif5RzGblFNTqoYyPc4AQOOhnciMg5ukSt&#10;gepM0uLC2gGVjJmk0Z9jBenmwcJNlzBa61bJsLkIljlja5hQLDxyVo6ebGTiRtmsoZUbKhSkK0kD&#10;R082MriBUHZmsuFCESy6jjkz2ciwzPFxLG5Nl3AZIG0xjR2gSsW53Hgdqop3ZrIqBd2qRAtFh1sl&#10;U1cMuj063KpSwFvUTZ8Ot0pGpA5P2BpbNTB0FQQtDRxulQzfFClxzm515pgLgJfPEjhWUCPDy6cs&#10;1RpbVQq0ccAytKSkkhEdfM2V0M66VaWg6wWAODozWcmIl1Da44yt40TpwmLlBHWJ1loAvpCcgsWt&#10;xkuA6FgYnScdX0pLCG8DqGvoFBISVHTiMeaxUVH3SmdAI3ZHhXFjpuvhHGaVSszQ5YaINIgpVSbk&#10;jB3HtJMh/wTjHG5NI8DNKlw4ev7N6efmZzq2OGpL9wgtMp9bI4OblTrGXavcCAPSf9ZZt0YGtzeW&#10;y6F2L2tsR5MXR0l2Mn8mm0ZQQZcVUGgoVcq5KKVzzIQOHtVVdy+c7dbJ2AIEGg2Z7PhRIEwWFkSt&#10;+MoCqL+ktQM6gpRGlHTYNKSkk1EYh13ijK0qBXqVWDUTR+/EIluvOH+d7dZApISc6HXgjKyZJLr0&#10;HUDdbQdfzWHmN6p5jwO2wlkuVBQYc02hNY1NI1D3Z+Hwn3T0KaYduUpnaE0jwI0pcSayk2nVLG5d&#10;keh6J4tbJ1MlpGNtcQHhWjYWG9PV4tbJ6BPtlBoSrWjcaAFmxa87GU3EcEyNdeuAUkKTFjSUFrv1&#10;I+HG/3O4VZPEn8mORFVZjtPvgv6l9SORSU9KdrLH3KTtjK3pBHu/dTSqvd8asJSzhnZpxnZrVDRu&#10;oIWwY7aqmevUWwBfNSG3Y+WNCmZqI+7MY1UJMMNudZhVKjEjwuswqxqBzlsgdB1mlYryXFq/OVqr&#10;oVLpSGq1euG3y+Q/xa4gM2WMrEFMqUqlw58xskYFM1r1OmdNA5liVwuccVtAGpXaiBDucEZWlQhQ&#10;GtpfOswqlTCSVBI4zKoOIbeHz+Ywq1SApehg6AhIg5oSoLKq51EZVUDU1scBEzMDhew50RGK0401&#10;q1R4NQe0+rbl86ppkDdMo7VmlUruoYrTDGZVFzxX/by1ZpUK05gpsQSk6gLSxvLyjGmsVHIOyYc5&#10;I6u6gBofC/34hGa2S337nmiDnSKM/F9jZI2KaXwqY+n2mjXgqb1mjcpfswY9BTFBRZwzsqZBbGls&#10;4FOiuV7KvlEJ70aq05nGqgvY04RGnJFVKmJnavzvMKu6gDaaXITmMKtUMCN24JgFDYKqnusW8qFR&#10;wYwYpDWNVRfQ9pZorjOySnXHmlVdQDkSIX+HWaUCmEG805rGqgues2YvHIOnw1efcim21QGpQVER&#10;YL7RGFmj4jijCtfR+g2MSsUUBoXDrDsy7uHZMKy0WgDF6jDrGoQW6k55AvH9or+Jo3MzgMOsUj0l&#10;JQHU1tjU9Hlch4VSBJYGaVTEKDB4LGZVF9AlEPfTGVmlwroik24JSLUm6GaCneQwq1T0tcf3dHRj&#10;g6WCXeMzHWZNg5B/fezAxEmSlDUDWU4m22FWqZ6SWkZEHAFpGsSexkplTyNlBmVkz1ReZ0xjp7IF&#10;5GhPP93cccfG7WnsVLboH82TF7PjEhGHWdMgNI22alcJfddpNN3cTmW7uXg7hRkADqqNrUWrZIj0&#10;Y0Aqt8Xx6Go951HcrHhBJxM3q6CfzFsbG2oVe+Kmub+R0QXAygXpLreli8nquzNZyQhWHiXzN01w&#10;eoZWbjjWllncycizE9Q2FCRZu8aNO1Yc2GAno1yCg9fh1jGpdJ4HYW2sWyMj800HQsN85HacNjb6&#10;oTu2SCfzd0DHpILapHGzM7amSrgXDWyXsd90Tdzab1xC8eqZxa2RgeHg7m2HW1UKpOJoeGa41wSu&#10;6kcC/7PyXFiMlQwz1wp0bmTa3PiTt/dbx6TS8kT9FW7rkk6G1a9eTga3qhRALHDroMWtkemObgeE&#10;zzFYZ5J7Oaitc8ZWydgBTK0lJV2XkKBxylBQ3uUj2dncQWWkg7AnChmYHYo8nbE1MnYbQmoERnit&#10;ceNiNXAtt6WkkTEf7ByLW1MKnDj0x3O4VTJOHIwFRyY7JpXuzmhKh1vVJfgah3t+ewd0TCrhX7SQ&#10;w63qkie4bFYQktOsrhsXfzE4h1slQ0q8NDax0caN5rpO+rWTYctQSmjtgKYUdD+4t26VjHv+dOm1&#10;obkalBWfiGusnBOnkWls9JRxuFWlIKfICqFxNJUFwGPn9luH24ZJRZKdZpRcXde4HaBIY2wbJpWm&#10;jZY71ci4P5WZdKSkY1IhYqMaO6CRsd+4WNziVpUCdQmmLmlQVl+X9DanVFRxQaQztqZLqATFfnXW&#10;rSoFfBwK3C1ulYxqKq77srh1XUK1v6VLnlUyuJEusNatKgV2NzfaWGOrZOO2OWu/VQNDVRCAMJ11&#10;q2SoLco6DZwirknZpmDAdceqw62SCRGA8jKkZMOk6hR29lsj4+zmSjjHD+igVEK0nkw2MnY3SHVH&#10;SjoqVdycUDIuc1kAuJF8cXZAA7Mi/XBz1q2RKeAKeM1Zt6oUlDawcsyIUx0bF09y44zDrSoFIZcR&#10;ZkMme6fV475WSyarUuCQJKdqcWtkj4ElOYWP7OcyJUj/M+vKhZ1MHZSsdatKgfOG68aNBCmFXu0j&#10;wbdYHlWHpT7hZiYnC0ARW+dGnyJn3TosFQT6Y6fMEmu1c+MMMEqjqOtrZKpgdPbbRoZh4uRIsQ0a&#10;N0oDnRY4GxlusNVtnFt/KjfuiZdrdNt/62QYeHSoMHZ3g7PyjShYJz7ZyVAt6ud926PqyFTw1XIf&#10;jLE1FQTilr4iDreuFNg3KHODWyOjegIl5HBruoSuw8rVGdwa2VPK9SzrtfVGxTVSB0yHW9MlR17W&#10;2t1VKXBlOWAoayYrmV30Arqi7AC4PfMujGlkClipiv22TDZkKg60Lpk1ZrKRcQg/oxjU4VZ1Cdy4&#10;UsjAjyOEZUp05HseVUOm6hJnL2LYyABBEPiyxtYMDFCHmpLbO6ADWp8BQrEiTw2aihlK42hr3Zou&#10;UbsbB9bHviwLgLPCzZBOdKaRYd4TkHYshdYvVY00SNs5M9l0CXc4Agh0ZLIqhSeEdHR0GOtWyfCL&#10;VPjicKtKgagy5egWt0rGgeO1W6GjfV03KkhJ0xpja2Rwo9+H4+M0gCpGIclFZwc0Mtx1SkgtblUp&#10;HG6fA5IkRVGmRElC9Sm6rSdfVbsEiCAtgJx1a2SYJbRussbWdQnF79Zp2qGtRy87Zwc0aCtIfCx8&#10;a2xdl7xCK1hj67rk9UthOW/vtwaJVX7Ey3W0bqoE9olHO7qkkeHSUjPs2FytCysnDtrcsRQaGSfO&#10;m9cOtIRmmUWUdZp6HlUjg9tLiuiMHdCQqoRs8ReddWtknN3cZefYJQ2q6ttcjQwFdNxwcnt3N4Qr&#10;ibSXno/TyIgy087KyWQ2sCrWK/akoycbGccNNzg4u/t11SVYXGxua90amYvvJm1WZFJen1LJt3d3&#10;J+MCImIRjkxWXQJsRE0QHW6NDHUHncOtGRioLY5vh1sj052sTmsLusXVmQRibN2GsZPRIsHpkfm0&#10;Q1YxKKVejXWrKoigDsW/joW3YVbfvLYuc+K2ojolYFlwhY11a1BXOWJEyIyxNTK2KUrB2W8N6ypu&#10;XsSwkcml9aIzDeyKesV/tsbWzBk1+7B0ScetokpowOHMZNUlIAeU3HLWrekS4srqCXNbJlu/Vw4q&#10;KgicqFrvwqoSMCs608j8DHQDvKqnJx6EM7aqS4TbYAWcmWy6BEiu1baDZEPZb3L7SK443JpSoNcH&#10;ysQZWyWT+2C1JiQ6Uj4SR4xLuQ0p6WTqC0Zu5fbYnrUWrrrkTUn5mzLZycChvuGKHYdbc1a4OtQq&#10;Sn/WO7++ADnw1PBxCCHUmfS5VTIcaJdbVQqE57kj1oi9PmtwWUpynz11YubYZm1sr0XorFslg9tz&#10;KxpKNKxzw5y0pKSSwe21ejnctF7ZJ40bmCcngtHJ1GUTW8HhVpUC0UriOsbu5tLL8pFwky/scKtK&#10;QdxeOPeqofM7N1NKGoAVK5TqfmdsjYyxEVVz1q3jXlEKVn+jZ40MKXll+QG0wShTguYC9ufst0am&#10;PNpjB6dAy6vOjcZIRo1zJxM3bZzbO6ADWAnQY3YZu7uRHdyc5h1EHvrYZJg43CoZ3LgrxNkBHcDK&#10;ZRzU+Dvcmi7BmtSRb8xk1yUEdRwkKijqMiXkdsH3WGOrSoGGN+hJa2yVjP6CzyyMIbX55SPVXofr&#10;xZyZrGTsN65PMiIYxB4aN1BI1ro1Ml+XNAAryVfwk87YGpl/drcWrmxSxbGNmWxkMhOsFheEkdtM&#10;guF2YuadjE/kVHZ2QMe9EovDEHLGVs0ZulAQjHA014Z7JR3jVJhSv1qmhPJSirKd/bbhXtFAiPJt&#10;67WRURhJfNLaAVUpcHCw36yZrGRY5pTIGN4idVNlSnRMCTBujK2SISWEdRw/oAFY2QFIicWt6ZKX&#10;mBhOpJf0ahsbgRBLShqZ73U0ACsGF2NzdEkj8y28BmBFK3MwOlLSyNDK9OZxpKQBWHXBNBdTG1LS&#10;yDhxKKxy9lvHvWInEFl2uDVdQh8sqx6HKWhSgnPqtPHuZMzkG6tG7FkDsLJuL4mbO2NrdgnYPWJd&#10;hl3Se7ECeuUyV4db1yWUgjuRJy4xajOpSbFkspKhuQ5I6W2bq+NeXzx5ZiFRifWVj+TE0QWDxkw2&#10;ACt6knVzxtbI1NSN4KvDrWHV6F5B8YOxbh33qvsMLd+0AViJBXEGOFLSyGzkNynBsgA2FruT0UIR&#10;19ixSxqAVZgzK9dB8XL5SFw+TmFr3ZouoUYeY81Zt0pmVyOQgywfifrxqrY6mSK9tNL6/5ydQa40&#10;TW5dtyL0BlSVlVn1SrC8Ai/AHjZkQ/akZaA1kHfvw9cCzMsfcB6q/8n3ssFiRCSTEcF7SRqb7E4B&#10;KBm+prLJLobXIjyp3lt3CkCSKFQ2GWK0rq+UiXtfkgTWg5U0eVTEtfoLePBxq5VMAmt1rjHZCLQT&#10;6do4cbGhirklgZWzE9E4YZMpBn+VCilGW8RLYAar8uscQ2Jukh39GgRWTrMqppBito4fV9g+SIBT&#10;WG5mJUMMZ+Ji5sl7hW/joqEpVhUi1ZlrVmQFk1dWEi7IFgQFlOorCQAKPdSsZIjZGs2UzQ1tcIHV&#10;HSfFDtA+w9iH9RLaIGuakmZDDMJVLcm950oCKyaiKn/hTPsg0VZltYS2OJdQk5K6D+K9Je+VUy+o&#10;hdGWTuFCyuw4yXuFhlSN2cXc4lzC1bTaz97fhJP3Cph/qZhCElihN3CiMdqGLyHYrubWDxhke+MW&#10;1NxCjEMXfVDMSqZT4CaszpPJe4VJQTat0ZZOAUTG5AlTwKV/AU+uKirS+w5fwhAPk9dBPa3QViCJ&#10;mlv4EuhEquD1a1Rzrbbr5utOAit4aBUcv/8CUuxBDBuncP+9JYG1mqOqWFCKQQBQ7GiKsfQXwNtX&#10;zbpSjKv6R7UXAVzq2ur2oL63ECM6iTa1kuEUiARBcjPvrYvpvEW40DE3WHjqCwgx7sFU8DGn1ySw&#10;EtTBKM3cugvCcVEazXiuJLCy3/+YOhhkirYl4SZMF1H1vYVT4MBFqNfMrYvhkavzn/newpdQAvKr&#10;YnjBeyWCweZt3lsSWKm7xC4g5hZiZOPQTsl8AUlg1YhYiBHB5mBuVjIJrBfZ5GrHCTGCY+xTSlv4&#10;Eo1kBu8VbBG0T7237hTAu/l0DAIddFnOQPQjNlG1JLACBjhMOMTQBkRlvu6s06pZSCEGAv3+Ubvp&#10;T3cKbPgfGg2aL6CLEYijOrqaW3cK8IJotClyxIByu+eq9+a+7vQlpU3NrYv9WonSlgTW35U0+1uI&#10;/W0lBc/8FQRWjjKUzzCeK8Q4TrL+5nsLAivaeN/mZB5izI3kH+NLkvdKpfPqKnl/wguxqnlCCxWx&#10;4yTvVfOCQgwrocug+QKCwMoXIHlBIQb8/+HbMXPrB4yFti5W7HRSZIy27hQWVtLFFivZnQLaJFct&#10;ea+/Nqnm1p1CfW8qb5HtrHuuVyX/iFwjjhNNjJgO+KeIPKXYk0igquQJZT60wXAzRXNT7Ml1TmXb&#10;cc1IbfBLhOdKMTwXu6n4ujnjpjbuVMJzpdgTCvebw9PtbZF9MLVxNBGeK8XQBgIqfAntP1Mb5xKx&#10;46QYKwlSLrwyhZRTGx06xT0gxfQewHeZ2hzenWKcgh4qFkSJ7tBGGRKz46RYaXsANgkr6U6B1YeJ&#10;qmyyixWupdq2UK9kzE3FzFMMK6EdnDgrUxY2tUnPFWLecwWBteJH7HH3JwXOPG2QQPI/1X3u/r0l&#10;75VAO221jLbugtBGspFayfAl9DBTMTyKucfc3l/VkOlM3qufW3dBWMkHtqhZyfAlb5rvmtPrGXTZ&#10;J12BaC9vtIUvgW5Ajr15b12MVC+Ky4qTAo0T2wugIi3WZfa3EKsGUNRlNnPrTgFtuCA1ty4GtAi0&#10;ad5bEFhBqKBPGs8VYjTMI4KhtIUvsSc8UNn2AqpC3WkqVVMtoIlVTEFVlUoxeEGA+eJGBT85tBGN&#10;M3zlFGNubN5qJbtTwEcSfTVWEnRZnB3a1Ny6UygQQWVakBDQloQ4F9RQpS19CYWLTUYaAZLURkUX&#10;cwo6ulOoek1SWxdjbmgzX3fyXqlDwj4sPFeIeV+SvFeqQxWp+vbejS31laR6DAmuwnMFgRXPRY6S&#10;8SUhVp78o2wyCKxoI/Jh9u4Q48xFvETNLXyJ3nGS9wqjmlOXWcnwJZSlqHD0/XtL3itsB9KIjLbw&#10;JXrvDrosNU8A7tRKdqfgT3hBl/UnvOC9Mki+HbOQ3ZVUcSgT5TqD9YouCONGV3ck6KpUx/uTa3Be&#10;S5e6BIcUuhSbl9pM3R2QMaoOJCFF4K6KP9/PaxBXKSloPuqQgnmEXzW64lhROVfGFQfZlRpNqjs8&#10;PPm+hqSmmkTklKoThZtX9x6/nUcFlMKJvY3whxuViUdS9rdJlS5TZCOl0OXsMMu06vfV/U2toeHJ&#10;UEWrz4vqcM4Ou9SHvA91JojKrtQhct9XSH3IF3S20e8yQP0qsZo9ua0GuqpsvPiW028AYCk77FLo&#10;cremJKmSKKXCqyFVxQEMsxW0qq0GZR2qqsP95hxSqFLMAOIfXdcbXeYgEFJ4edWxgqzTrutzlgcQ&#10;8+pSNStlG8FppR7caegVBL/bCNHFPVfYYVBTSYhz33JI+TXsHgCqg2obCnevzcvbRj85QDWBpWXe&#10;V5ei+MAH0s79t5ykVCInBi4EQ+vzquOXOQMkkxUXYIispPGHLk5jZl5JSKVUqbqyhBQXnUpLu1/D&#10;pKNWITdzPgwp8gOq/Y/QFX6DqIL6voLCqs82QUUlKRNCkbDDkKr4hdqXg7/K50+0xujqfqPq8hse&#10;MKSvZlH02S62x70/DCkyOqqztHhf3QM8uQU72wipAkxV2Ds4qE+QT8NL54rRlwPP9mM4UpT4CTHq&#10;1iirT6m6g6ll7E6gQjnqmB281SccoiqBdP/OgoDKsU1FvEOIfsiYovmeg37KaqjjTQhVczPVrhz6&#10;YXtj9K1VR44QelIYVvX1YMvqujgvm885hCiZR/UG9b66FyiijDHEqNL6JNPExTCDdgoFToUCQoic&#10;LiBqY/TBVSUV42OKOIJ+tJXH6CGdmktzck4hd5gKrdx2QxlNOwG2xRcWXqBqG5sbRBRopbkDUJQo&#10;KUe2ax8jvlQdcVKKUvpVHvR+Zkk4pSaQCvClFKStwpmFsriwcIIAZLvfyIKlCs+FTAWjqzsP7h0U&#10;vzC6ulTBC8rwk2tKFX3lqUKKZi9ULzXz6s6Dr4XUUDOvkOKI7k5vSTQFXVOAY0pxA1Z0OQIi3e7Z&#10;kkz1syHFBw2nySzjcASq4SOQQB/io/iDSlm4j8eTM5x5ZyGlTwNRk5XKSJUhJT6ycDoPe85Jjql1&#10;+UPKnuCSYlqIiZlZSumzaTJM7TcdUvrQnfzSCzqA8VUhpS8TyS6tkltKV/cf+pKU3NIfCATqhfXr&#10;jr78RUXVg3k54+g+R19qswyrDUKEFB2KXBAiWKUUublMVwvqTzVHReACZyqcYnBKf3Up2+iuw+qi&#10;hE4bIaSBIm7cuqmUIveQWlT387qShqp19dNK6TI0NWoStHlxe+ZmZebVpaBpUtvAzKtfWs43b10E&#10;Sil810aILq5+Rlf3AOiqcnbifXUpYOc6hd2eE8Ho2ggJSrKKRleXAg4raEvo6h6AwC5BCKOrS73o&#10;ak3mmtDVjw+EuTnaG11dCnoBeI7R1T0AhDZquBhdIUV3IOM3YIu298WxXnWrT6nqEsoI79cwSKcc&#10;68nHE/MKqRPbUGsY3NGiMZj6aeQQtdXgr9MknoEvNSnyLot8cv99hVSRf8zdiFpRTRdJzoojmVIE&#10;YyqrXbyv8ABFmTN+PrimvCyyBY2u9ABUtjI2HwRVqLec8o2u7gGKLMRbFu8rpKrPiNLVPYD2UVFd&#10;VfuoYItqPx9S2s9HaVWupC/DngX17dZbBdMEVZdqFk2KkrH0dRPvK6QoBVu1Fe5tPniiJ7dfUymK&#10;E0YbIdf6B1Vtha7uN6o+guGpg9GHrhfkUqOr+w1SahVIRVZ310XXP0NGgN3fpOjGXafl++8rpEhj&#10;qPrRYg2734BmTUFpo6tLUeBAER+o6tHnRSzA1HZMKTBPVbYS5nXTpfflkCIXS5Vcv4IZii4W36xh&#10;njd4X+YsGrzQF3xq0zf3CqnfJBdBE6TvVF9DqOLKDkMK66XOn7DD4IRWd0xT+Zaq5W2EnF/5Lo2u&#10;8AC/GX3ifQWPlB41FAo0utIDkBRg7inBIkUXHE2jq/uNF3EbA/PBg4s1/JJ0a3SFB6AIMNDxvY8K&#10;Bin0ANUolCVrI6wkRXW2CSn9LQeBlPxIIDszr/A25aOUzYcHqJLU5jwfBFLte4MKWsQM977ivMGe&#10;wmrc7ylBBeUc9TDVDzhS97dce6VZw6CC8qUopJTwaddVBUrUvLrfIOHvq+6VQTvlHEUxObOG3W9w&#10;PqSwibDDIJBWS2nlo5JASsXlCi3df8wpVvdstYjdcUCL+6hOZlx12xuD4KKKxbM5dqlvvWfjplKs&#10;2ukalxhsUDiJHKbUMnbfQbBSpTphDn1m/p2FmH5n3Q1QCIj6u8ZTRY1ULvUm/5roX5/Yp0zf6Aox&#10;3pg6/AYflOJN9IhUurr3AJxijOKLDkKoX8QQ04vYvQeYW/lF8UUH+xQ3oCIPQQgtEoNKBIU21t4z&#10;kQenK7zAg2mZ0lKk4nddFLIyn3MQQgETAVaUcXSX81OEZmMb4QNoS6saCEBzaPOqKvRqXt0FUC7u&#10;beobcLXuqn7bc90fBIIP+iUorQCBkIJLQ2EisYTBB/3CKFDON6TqU1bB0eCD/lTHULM5hxQ4uAuO&#10;Jh+ULDRTVpxCpO11/a3Zg1nD7jYqbG7YzGC2XVd1ETHngGCRUv2LU6LwUCEFtkehRDOv/v2/oQka&#10;hjFkijYvLgIsh9HVv/83l2Z1cMsCqK9DAaQUxW0jJLX0owIqIUXysapWdQWHlEoeEOvN++pug0Li&#10;RWy59xtBBq3+Ueo8GlIsoeqoRUpcW0PgkY8KgIUULpRGn2JeQQalFrtiGFPtpo2QUjuqXjNla5rU&#10;BRNJgSohRaF/VRURdKjr+lu/5vv7Q0gRvC0PcG8bQQblIlc0JKGrnzbYGlRdaICoPi+C7YYwklIH&#10;AKnJCqMkYdNF5IZEQzOvLkUNggrtizUMv/GGP6p0dSnuzHhEo6t7AJKnVPNLjj9tNejuwhZrdPV7&#10;CtwUDqNmDbsUPB1yvYWu4IF+fuiRYOwwpDgq04HD6OoegBomDtAO8ijcwCrneW8bUar0hyCH8vMh&#10;9SR4o0CVpIECgisgMaS43JDIa+bVPQDVgmg8IGwji5vWvdf4qGCBUu6bZvFGV/c2HEUd0DGooxxS&#10;VBQxxN68ZPMtJwe0Aj6mvgpNENrHfJLpYggjozzpl1iW+ZhDjG1PBbOTNwriVC1b7zeVEKN+p/qW&#10;kwBaMJ3JgYDf0NaQI4E6Yyf/k4ZjVDIS8wox4pzqChv0TwhI0jZCzNpG0D9p01eQm5lXP6bgbEyW&#10;AEHetvDVglORilOMjEFT4YRq0qHrc3EAM/PqYrSwUwHmII1C24cFbr6vEKuq5cb3Bv1z8b7Cb9j3&#10;1U8OHIcI3BhWW7BGcaIqfhik0WLtV4u3e78RYichInHewL1023hUxQahK8XwG2ZffgdplJ3oQ2rB&#10;/bxSjBC9uRNxQY55Pd/q4JtiMJ7N/sX7abqIszNEM60uJUPL7yhaWo0GDQaWUn+rjnd/tCHpsU3r&#10;U20x1NvqUvYoSo3erouj6KGWsEsRaFfXZXbhrotrpfHyKQUMU/jS7bH3HcVK37S7MahDSpEBye3G&#10;6OoXDpIZIVoYM+xS9CTkcCN0BfuTqnHVeODWQ5HE1VaeYnOPj5lXsD8pXn/BoBW6+uWGJDxV6IyN&#10;sY2wioay6QldXYpOWA9TgptjU9cFhGiqnKXUiyLtpsgD/clSFzdmM68uRWHlKr1yb/PB/oR367x8&#10;SGHxFFo2uroHIOhYh0rxvroUfVdVyOEd7E/671QKr9DVvQ2VYSu/W6xhP24cMBfd++pS7P+QJIyu&#10;7gHIBS3WnZhXl6LJBvWXhK5gf3LsJZlc6AqpDytocgSpwdtsHl0PE3JIKaAlSsKaeXUPQLEsdcKm&#10;llkboS1gBbDWpEA4qw3L/fsKKcqBK44ULyh0HQ+Tb5ZSVEh/muJL1NTruuhrjRcV8+pS1QnzIXKZ&#10;38EZpeugyi9OKe5D1fPu/lsO9iehb3itZl7dbxAH5PBgdHUPwNVBdQnDxtvKg33BeTa6ugewabFg&#10;Gl0XR2X1fQX7s2qdGpMPIWzQ1VAhvttGCNlGHbFDCHSZWtJmDYP9SWskEyDip9sAod1T7dHYRrA/&#10;CVSq7SuEaMF0KIiDT7cNkfCmOvaGEGwgumCZ7yvYn3wnptAIZ/42QN4X6TBqDfvJ4UvVCmWHXQg7&#10;JDdT2Ub3ABVaFmwAPviYF8cUuiPc+6hgf5aHMi4qhGpelOc0usIDsIYCoacqWc7rqM/yfl7B/vwt&#10;oGIWMaS++Hnle4P9CcGXC6nw8yHF50XarplXuACwisvslcEZZUuBNGp0xXkDv6ZeWHBG0fUx4V6S&#10;YPtrhgtvqAcpRRVQVaCIDhRdV1WeN0YfUvocldRP7ikGTeG20Eaoz4dJGCWN5BAkPbpIpC6uvsY2&#10;+smB4wYleYzNdyl9xg7e5xPna4hzpHC3eRGbgxMk5hW8T8pQERYR8wopWktXOY17HxV0UULfpDAa&#10;Xf2UwtujwKHR1f3GAQdGxYiCLMpFiqokRlf3G8AH/Gfm1aXgb5EkbHR1vwErtRpO3d8dgiwKmALW&#10;ZnR1v2HpNuAgzQ5/41HmDBBsUQJLsMXMvLrfqDibodBTA7GN8E1+oIrphdTvh6Lm1T0AR5uHiukF&#10;W7TioiZfGh5Km1fxCN0adikd7w3iJw1XKrv13g5D6jeObdYwiJ8w2lVewDukdHw+iJ+FwZq+wu+Q&#10;0rhDED8J6RMMNGvY/QbDMylFRHebaTw5sdG+1OjqYoUSqdfVHUBRgmuIwja6WKFfSld3ANykwNDM&#10;2SboopINwIj6GhJnA+Qw8+piFq0MtigoLJFREz8MMTiwH3O0Cd4nLRMJOqh5db8B94gD0f0RIHif&#10;1Vi2iBj3thFiZusKzmc1ZIGYavT0s0ZV0jBT6icN8GGueUpVFyP6qmbVP32yMOC+KFVDTG0mwROt&#10;1uUqk5Oof/tIyFgyFfX41JsQTLsvvDnztroYhzUVfA2eaBUKdGGvEPutsWJMo3/6OIzvj4pgR6VR&#10;UArDpyS82NeQSKfKrkwxCMumSwwdvlKX4/SkWJXmN4GNZHxarhIZCm2IVCZVO9dgfMIfMnyvd4jZ&#10;NUzGJ+xSlb1McLzNC56oSfuiFkATIpuFnuPGb4TYgY9S76s7AACihzutBVGUgmmGC0iV9j4v2G9V&#10;q+5+N0mxYlOIbzkIn3W2rua7QlccUKyu8BuQnN0JKniiv6drM6/wGyAHXOfNvELMziv8BnXWvibx&#10;i0TK/ppJeDZ7ZRA+yeCEnmf2lBCrTsnGNoLwSatksC9jhyFm/XwQPgFF4fUqXd1v2FNo8kSpe1JN&#10;Iu5tPsTglpjCLDSE7S8ZXZXRKnR1sarAZYLKyRNlAQkrG13d3eg1DAeA16hC72JeXYzYiwKIBk+U&#10;s426eYUYOTDqHBWET86iVGxX8+p+g2R9UyQQen23DcLyZLSYNexibBYmOER0MXTBpjIJbSlWx3nh&#10;oz7JEwVLVDevFPshIir2ZUyhz+vNGdt07UyxL1cONa84b1BqQkXLOYn3IXJmM2gvv92l+PNpQhtD&#10;jBDbITw9eOFQBt/u3hKH2OP6GuyLLk+hjM66UI9uXccQIyRqfCK9SUIZjCqT4DPEimEmUNhPsEUp&#10;YUInFgHdDLGDzjnqnXU3gDIoQeKEQ8PMviAcBYwLprZHl/qQBG4KcQ0xEmLN+ZedtSujSDabpjCQ&#10;FKuwo3EgwRilnv8JMm2Uhd/hngPt/jZORBJxzKyOA8LjDzEC/Ybfw6EhlLGXmRoBQ6zi7Wpm4UHo&#10;ZqPuLCQs9TESijUHU2i9XYpLlUrMSjHw/a8z/fAg7Oyq7iIn7DbGA9M3obBPVA19EjB6mOtYilEq&#10;u3hIwhrDFaAMGrgx/S6GMu6nQllwQDlHkAFttpgUgymgDCSoozhUEv7MzEKM8PT1Mndootj9VaPt&#10;AWfnfkMLMVhgMCZFBuQniKBVFr0Om0JbuB5ad9L5yLy27kSgPfxW5BHauhj3xtrUjLbuDtD2e+AU&#10;2roYbFCqxYv7EmSCeG/VxEHczVKsPLhK7+AgFtqIEpjTfoqhrQoHmJXsFxKWw2rrYmhjw1ba0iV8&#10;6fOhvoAuRufwR1GT7v1W8EKZG9dI895CrDjDFJcw2vpppHKAnyYjkgbv7XVX5KTwEzG38CXkLKjs&#10;Jo46/zFt3SmQSAXsqlayi+G5HrXZi7l1p1BpW3VCu/+6k1ZaZaDV7hYMUbQRDzV+MsT8FxBlRQ+4&#10;8HhmM7fuggApYQOb7y1YomiDGq3eW3dBT+qCFa9XvLfuFNAG8Kjm1sUARX9bIwpt3SkcBd2YSCA+&#10;uH8B54GjNDYZVFG0ASGYY0mIPbmwQTIVKxlk0dJWt6/7LyDE0MZKmv0t6KK1krw6oy18CUWGVS9n&#10;mF7tBXgrCbEnZ+vKDbi3kiCa+i8gxPgCIKgqK+kHDLTJrzu4pnzdr8dh9oCgjXrPFWJ4LnyC0tad&#10;gvfKwTdl70ab8SVRoJT61SSemj0gxNBG5yH13rpTQBv0O/W9dTG/kkEfRRsRKuMnQ+xJ85GCTO+/&#10;gKSdQrCvI/a9LwkxQJ1KyDXaulPASjiXmB0nmKd83dASjU1GxVG04fHUSnYXxC71m6olVjLPJQeB&#10;AmMlwT6lRwo7jprb8CW/BR/Fe+tiANDU9VTa+gGD0ysRFjW3Lvbk+kCFE2Ml4UsoIKZKKkLpblsH&#10;2qBQK5vsB4zKvKhKp2IluxiFJUCTlLbuFIibArwobV2sSky6SGFQStEGTc98byGGNkLyZm5BKuXe&#10;TbzEfG8hRptiyJ7GKwettM6gRFDEewsx2rxyfVPaulMoyvzHoIf4t26T1C2Cqyi+gGCkMrdfwue9&#10;TYbYYm7dKfjoTJQwXby37hRYyd/SO2JuXQyUgsY1xpcELxVO4C/pTmgLX0I8vyrV3e8BQTEtBmKV&#10;dRXawpfQJodQtNHWnUJpg+JvtHUxyM74c3MPCJop2qB/GG0hVsgI2KqYW3BUsRIiT2bHCTFvJVGZ&#10;lHM5nktp68cZGiIQaDdfd9QmLdPiIiDeW4iB43J4VdriXALZl8kZbV0My6J+mNIWvqSqcjsr6WKc&#10;SmhIqrR1p0ChC+amVrKLAeDAtFI22Z0CnYfg4Rs8IBirXJ+pEa3m1p0CTRzp8aneWxd7UoK9Dhj3&#10;nitYq8CXVdnEWEn3JQe7W4U177UFAZXrFGd6M7cUw44r0Ci09SAq2kgXMBGMYK7iEqB7GCsJEmpl&#10;Xqvad2T9t5MCwUlgRTW3fsA4Xtw61Cko2atcF6kVaVayO4WD4DcxemElg79avFelrTuFxdxCjIAJ&#10;IL6ZW3cKi/cWYhBKHGoUdNSDjrX1Au5PCilG6Ollaj9SQbgbF5spXWeMthDjPkv/ObOS4RSqdIaK&#10;TwaT9eBAyZVdaEtSKsGxyhW9X8kU47BMpTujLXwJkCQ3RqMtxIpkY+oX0vu0vzfcFicMoy3EOJjA&#10;kTZzC19Cfgo4gtGWYiRyqL07OK2Q2r/VH1a8t3BBB+9N3QOC1Vr9zUlTMdrCl4DlV1rb/Y4ThUyr&#10;wjiN5Yy28CWEL1SVZsil3UrA1hXDeohRyZTqeGZu6RRIo1M8haDE8o3iKUX+3SfYrQQ9oKobz5Vi&#10;aPsCJd++N2rb/UdWcohRG4NedkbbH5yCsRJw0j5Igticso22dAp17RDfG99y18YB42tuizCOuhil&#10;9V6QKW6/7iFG5Y/qVSTeWzgF0B/V2R7yZx8kGAJMV6MtnALaANPM3EIMbSqLl8+kDxL8UxWyH2Jk&#10;Ncm5hS/hGEpPdzO3EIOCBCRgVjJ8CQv5Y3AcMs/7knCWedD4VFhJnEse56nOJaTvhDa8somZkynQ&#10;xR5waw0eMMRon6NKvhGQD22UzTJE7yEGk7SIIvcrmXTXL3u3m1v4EgJ4qnQeu2ebGwcFdi7jS0KM&#10;RkQ/eDwzt3AKjyoZK/ZuarC3QaKNRgTGlwR1tapFXYZ//ZNi/r11XwIxtO754usOpmxV6yy4VVhJ&#10;dwrFG3iZmgA/yXmFOPzhsiK0dadAYaAHp14zty5GCIkPTkR6KZzZXjcBKwBQ4ydDDG1EZ8y5JPir&#10;aGMljU2GGNpYSjO3JLCCSH4N1kGBqbYkLAjqjJUkgfWHYnqmmsNPiKGt6iwJKwneqybqAwr2uVVp&#10;AcNEJdrdxAi1v1VLyRSrUDsXATO3fsB4clCDQC++gKi4WtCW4nPBL+hz+7AFGHQ9xQi1V1ljM7fw&#10;JR/UmbpExAfbINFGWM3sAVEKFfYkuJHxJSHGSh5VYPvec0UxVCIR1U3JvLfugooarbBFDkttSdBG&#10;5pSxkhBjbpQaMnNLAiv5DKquNBBYG2RR78HExEomgZW8w5fBu4HAUhunLqWtOwUq5bF1q5XsYoC7&#10;pFmYLyAJrEAPuDxhJSGGtrrnm5UMX4IdV3f2+/tb8F55b+w4IqaAY2wvgC6J5A+rlexiaGPvVtq6&#10;UyDOSIlZc39LuuzFDcfgONyEYm7ksZrGICnG3PgAzI0qCawQSqtoiXhv6UtIIjHcUAKLMbdK6DMr&#10;GWJ4ZXKGzPeWBFZcuWJ88JraINHGSprdNHivXFW4Cau5pS+pi7eaW3cKvGr4BiY6E7zXIsEU2HS/&#10;4ySBlVL67N7CSkKstFXJA6EtfAnEGZpIGG1drNJ4VEMNDpDtdYNQSc8VYlCl8MrKSsKX4JVdTCF4&#10;r0AIbDjm604CK9/ow5Se5qtsS4I2XpvS1p0CxfG/cMbNe+tiaOM/s+MkgZVQkCqrzW/n3DBl896S&#10;wEqK3mnwN27nXVv15DLIClGtJkY9CIqFmK87xMAVcWVmfwveKzXkKFqntHUXtNAWdxxcicoi+Qne&#10;K3duoGT13rpTIMhC4qjZ36LuahFYf9TJPAqvAqw8q5zE/W4aYkWv4g4t/GQSWMkjVO2HKcTXjKvm&#10;9lE34SijWkQ1uMdmbuFLCJdQdczMrTsFXQUI5mnOja/beK4ksJKPproqUSAztUmbTAIrXQuroNq9&#10;lYQY7w2cXM0tfEmdL0ytEurJ9bldkGwNh/4nCay2UlSK4Uvq3iesJAms2KSqqUQPlpxbwRZGW/qS&#10;utKa/S14r5g/X7c5c0VZVeIJ7AHGl4QYK2nn1p0CRH8OsEpbF2NucjcN3is1KumZqrSFL6EG2WUy&#10;riE+ttcNK8VVqUyxOk9Ws9X702sSWInYolB83SHmT69JYCU9Bt6l0RbnEvoKPJ8mGhq8V1YSbq45&#10;mYfY3+ZmompJYK3ycU5bnktwXOpGFcVW+QIo2qPmlr4Eq2GQwkrSl3BSU4hYFHf1viQKrpKi5Gq0&#10;0X2+fTi1cRP5MHPrToGTwtfFlYP3uphbdwrwpH6qVMH9bholXstPcssxcwtfQifFlzpPJl32slYS&#10;BFZOQXDOzNxCjLspn4B5b0FgJczLzUhpS19iozNBYH3+8N6U5woxSNVEnsx7CwJr1eCp7jz3VhJi&#10;0JwpiW72gCCwgmS66j0/IQYmTMcMpS18Cf7HeeWo3EoWGwi0spJwCpX5oPxklHylMhHkaKWt+xKa&#10;MZICarxy8l41wyp5r+w3KiMNv9j9JK6rYIT7PSAJrNWbytRTwAmHNtD1w2hLAitkWVVRBFMKbXw6&#10;JrePEvEhxhdgqiQPsfIK6pY/eK8EKBWykmKVlGmqWnJYjblVOo65B6QYsQgIXcJKkvfKVwMNSXiu&#10;FKs9X33dyXuFwPpWd5wUI2+XC5yZW/gSTFJlytMwrr8Aoh7uZJ6814PcB8WKGGIF5ZsdJwms5INU&#10;uc/7HWeIcck0GaCgDbkkFAlVNhliHM1Pg3V8k/f6IAXdsJCGGKFv0ivvreSbBFZ2HLKU7ldyiMGc&#10;KVL1rVcmSa6tJOwxAstKWxernPBKQhfaui/hpFCMOjO3LgZCCyAm4iWku8XciEYbP5linILOIvqL&#10;ucW5pGIDhhVB6mAbJCe8YjgYbd0pVMo7d2Gzkl0MtI9bvppbP5dwMncxPKIxfW4VwTDsMU50TQwT&#10;cTG8FOMeYLV1p4A2oqHCc8HzboPElfC+zRcQvNcnmU0K7SO9N7W56Mw3eK9VtA+3LKwkxPxKJu8V&#10;ubqI3e4BAMcxt+ITGZsMAiu1g8uWjbbwJTVGEy+B590GWbnkKjqTYqyIw02/QWClCH6VDTVzC19S&#10;hxlznqTwSMyNjhEGgU4x8G6CtoJnTrA7tBFTMHecFNNYPvtZaHtRkVbchFMMfglZksomu1Ng2yBF&#10;TX0BXay0qebH8E773KhiS+seYSUhxh5AhN54riCwktmqigB8QwpljtAIh7dNDV2UwTAz61IwQ9k5&#10;zF4a9NXKrldHoJCCYssqmuNdkF6JOTofGVIHS18U5/szSZBXq2KrciMhBTH6oZKtOQO2d/ZDXwxT&#10;nTGldITrG9RVAoz0kTIG0n3PYmbdidBgDIqOUdalyBcldmd8SPBdiQC5LTukMBD+Z5QFb5WGi6Si&#10;mamFmKZgk47dLKTy0KoJ9f0BIcTwIRi/+ayDt/rk2lZYvNCWTgR3YMJb31c/V+D6IZYobV2sKrnQ&#10;y1N82MFbfT4JsZt0RbIw2gtAG3dUQU+AFd7EOI5w1jKbaIihzVFCOQ+ENjyEcv4h9jdKqFrJ7hI4&#10;2PGVCgCT77INEm3s9cYhJ92Vi3PV6hM2Ga7kl+6q5tbPFXzav7cGoa2LMbeanLDJ4K1y2SAuaawk&#10;xBbawpeQU6koobTkyffG5mb8ZNJdIR/9qPcWYt5Kgrda1eBV8j9JHzk3aZPBW9VwKeGN1MZlw3wB&#10;Wa8VjqwqTorzTm12buFLKlNC+clBd7VeOXirED1oNmW+7hBjf+NKZL7u4K0Cb9ALx+ymIYa2Ot6Z&#10;r7s7BeB7cAE1ty7GSYE9wGgL3ioVTTklm7mFGNp+t477Y3LwVklVIZhmPFeI1YavSg8DoDRTrmJ2&#10;JIKIPSDEKqUPGpl4b0l3JXLtgtchhraisxtt3SmwkuQVm8BF0l25gKkS7Qyqr+SbA4Y6T4YYVvIb&#10;yxFWEr6EQxBu2by3LoY2eSkN3ioHPDZUZSV5LiF4bQDMb9JdiWY+VCghxLwvCd4q5eChA6mVTF9i&#10;AxfBW4VaSFEis5IhxumVL8B45eCt+t00xOpkTthbfG/BW63aNh8VcAqxhbZ+wChPUj2678+TwZL1&#10;J7zgrVbnkpcplEWwqDkFtLnET26iTYyzMvEcNbcuttDWnQLaGKTS1sX8eTLKvPpQeYjxdRNTMPeA&#10;pLuC8rlzSYgtbLI7Be5vBNQEUZ/a9u11l7ZibNzvAcFbpa39b+z0/gsIMbSx45hbR9Jdf2+Lxk+G&#10;GFZSx1cztziX/N6ElbYu9muTJs2U9Nz2Anhv1dFL+JIQK22quA18/tDGucQk7KYY7w1TVlbSnQKx&#10;IL4bNbcu5r+34K0S5wL5V9rSl9jIfPBWOToRHTOeK8Q4BRHmUivZAx/EJ3Elam5dzN8DgrdKqIBC&#10;bMYkw5Wc0FbVkStoqxWvVafJkCKoTPkXc04IsivN1Li/iZmFFLF5Xpq5BARplVTtOsrc+8iQQhkz&#10;Mz4yOKssBvcio6x7H8/xCMrqh8VXQEBIoYybonpn3R3QL0N1hAI5bJ6OLeNDIS/h/IOwSh9gVdSG&#10;KFgooxyeSRyEv9bEaM0LMmXeWZeiBC3RbLWM3ReAphBNMMq61GIZuy/AMxLfMsq6FFc2sHTznQVZ&#10;FdMvv3P/nYVUlbWs1b8/+QTFFUeg6mvAJ2tv+igEQG2gQVUlYOGQm5CCdM3M1DJ2X0A3lZISy9il&#10;DmoxPk1GPOXS2oLQrEo1ykgpiISgTWb3DJ7qhbtSvMWQotxUtZQ2BtJ9AS3efkwpUngEbT0gqbLJ&#10;KGXdF1AkBnq3eWddCmVHFVIRpt99AbyyU514BrUVd6WQhqC2Eguu8gDCGsOD8NJUleHnI6it1+P5&#10;NMyfIVbNIlWqFHLdHdBsBFd3P7khRsFgx4BGrl9NTnpVmWDkEGO/IKwrbBK57hJeZOybnWaIUcSX&#10;E4z4uJHrruQFmfYQVUqGGDfYb63K7UeAXD9YkJylim0PMdRxZnKz646B4Jti06Kui1WzW3WvR667&#10;hhdRWnOyG2JEqEi1Eqct5LpLgQWqQpJDTDeUQK67B/YOWi2p766LVTP3H1Nf4PkItmrVfDF0gSFG&#10;+3J6K4q4BXLdq9DzXKGlQ4zA0Q+1Nc2HkHxVbimGnoC67ozYwdmNnbruVWiCqoqlo66LbdR1r0KA&#10;RXV1R10XoxA/3sHNrnsVOj0QZTSWmQRZcB9VsYRhhnuAymLOekOMRDlq4qkdIbmuMGZNIxfUdWdE&#10;qIRkAqeue5XDz66LVSkExfdgmOEeKJVoUrWGWBUZBW41313yVilbwqLcnow4lQdL1ptKMlc53psi&#10;YKjrzoijCkmcgmKFXHcP3G7flwhjDzHAVjAStZsne5UIJXXrzWKGV8FhEsxQ7667h2puTQEGo66L&#10;YZl8CWpHCAYr7Szq6G3UdWdUJcm5HavZda9S7eRNXU3eXYhVOR1T4AO5cA8XSR3OVEKMub3lYoZ7&#10;IP3TVCBmlCGGb6BVqVrM7lU406p7JOpCjCJitFEy6oLKCpOSS4IxlRSjxTW3a6Uu3APqDEMIkCPE&#10;6oRj8hGQ616FDeHFTUZ8CClGIW5Vfgx14R54B+67S7GqqG0IUKgL94CpGOrmFAPZPw0DCrlwDyTq&#10;mYIRUwzyODX6lamEe6im7eqyHDxY6rrodxfuAVKYAT+YXYgt1HX3QKTOMK7Q1qVoLEKpa7eW3Ttw&#10;DjNMObR1KbK1KWOvtAWllQqP7qASUiRZ8gbU3hqUVij1pqxCUf1b4K2SLMlrMFYZlFZqbDorCamN&#10;tu5QqhyJ2seDCEtveQJU6lYelNbqES8YjqxkeKEXe4gB9wvMbG+Ai4g7NIRUbY8faSXdm+AUTEGY&#10;OvO2MUIle1FUVVlJ9wrvalZntp0gwsKK4Qtw31v3Cm+ObeosG0RYWDFAXm5u3SvQMtwkFLKSXYo4&#10;Kz0N1dyC0goKaMriPR8hRXk7upCpg3NQWr228CV1KTjc3PrpRNtkEGFZSeamPFdQWi9K+6vtNKRY&#10;STqwKysJSiuhZ3cSCinOa8RV3Ny6L6FwkzvmBRGWdtwkESk/GRVcy7u6lQxfQjGMD2FBEXgOJizX&#10;fsMm4AvoHggrIUXKaeu+hKMhx3pxYA4iLORlwvFOW/cK1BoyYA9z61ILrxyUVq0tpKAhF5Bi3ltQ&#10;WonsOc8VUuzdnEvUSgalVb+3kILRildQfjIprTR0U19ASHGe5MLi5tZPGFBTDQ+W+0KX2mjrvoRd&#10;0fnJ5M9yToBCoqwkvILWFlK4ZG62Slv3CkXrUF93EGE5l5xUI1DawpcQTFenoCDC/n7d7mSelFZt&#10;JelLaF9mMPEi/rWTIRCP4Z4MqeLPqi6PyPUThv4CQopzOc1M1HsbFVzLA4k9IKTYTV+g68ZKktJK&#10;hFOFaEKKeraUrHBz616B3vLupJD8Wbraqrp4vLfuS/Dlbu8OKY7OkCBEvV60da+AJTuUM6TQRuBQ&#10;ea6gtL7YOZyVdA/EkHlvTlv3JVWd1mnrUjCRKcymzpPBhPVfd/iSavLo7jhJav29rYvvLaQWZ+Vk&#10;tQIJqj0gpCqHgl5R5utOWqueW78ZsePQ5tRp6/GSal+mfElwaJ+0bSdrRs2t+xKvLaTgWsAlVNq6&#10;L9E2GXxYTkH4V6et+xK94wQhdqOtewXtS4JHW6HeKk4rblRRwVX7yZCicQokEreS3SvoqFrUfYUR&#10;CzNAaQt6KyN0+1tIkaL5WwZRrGTwWwlimzanMLz6aQb/w0VAeeUguBL3MHWK0Ba+ZKEtfAkr6ZCx&#10;KPxKLAjP7F5cuIVCxhQQF4RauBLQeNxadm8CKYGGE+aQF+RYZkcetptddycaEgh2LN26MBSnrbsT&#10;So07MluUfuVgCJdBbQPBdP247vKVp9QuENgIFdbU1TsIsnw6LmQSUmiD2GRWEupcG6UNUaYU7qTi&#10;EcIxY4ZNW9UdNYe8lKqYIT20lLbuGEASVBADpL2NsVIVqhDcvasETWty9gCbUvSp4GTi3lt4ExlW&#10;4PDfxsiG+nWoPhG5kKtigfcH2ClFOEJ93UR2mjZiGCb2lEJPSIT14ZjX1l1JBZXc1EKKjm5VWt5o&#10;C6cgz69c2NqC1H5TeelGWz+ZFG7nVjKl7D0fQkobpT2/phT3RdK51HtLUqy8LxJHaGPEQLl2qM8t&#10;yK021ot/C21weNRdmL26yeFcFZqfUsTn3c5NIKcpKwKa+gBCCg9dlV+NSQaxtaYmktV4a+F/ILOT&#10;Bq+0dU9CvSLF0+YDaytCwuGHk5r42oLVavE3ELeu7M0XoPa2qPta5AZzyQcm6sqOLxu+mln3CODB&#10;btsO+mxlnSnogaBpHyPHZOW0QgqaKEXFzMyCzfp9qwKzfNbdixRX2r2zoMAW+8bUa6xDUluQygpV&#10;gRmSu5sYX7mqHYS2LsY+U8RZYfxRwLVoGybbG23d+eB6vgp6IzjV50Y2i0n8Q1sXo+qiarmIWPcH&#10;9CdXyXhD7M3pX0GmcNPb3KBsUIvbHLZCjIhTlWYz7617hIPLrKkKw9y6GL4O7pjS1h0J6bKO4k7E&#10;ri0JV43qaCvmFhxWOBuXSZ2vi3LXBvCgbokAx00MhsKPut+nGI37TgUrQjzt2rBJlVeSYpwrVEsq&#10;lqQ7hYPIjKlnNcTIKlXZ84h1p0DaBVQi8wWEWOUrq/AdyddtJSklQ5MQpa2LUQuaJDdlk92XQNEp&#10;vEJcpYL0ev6tr4j5ArovgWvA1q20dTGcMmai5tadwuvNOcpp62JVCZ0Ln5lbdwqvH7S5lQwx2pOY&#10;6gB8lt0p4LioBmpWMsW+QOvqlBzkVbRxcFPaugt60ZzBvbcgrxZrQ6URw07uH877/XF+Msir1G6i&#10;0L6aW3dBnIHoqm6sJMirAHb0CFHa0gURm1dfQJBXKSopz1whBoZfuVHiCwjyasXgFBZA2Ke9NwJV&#10;LhsOY2pitOp9yS+gi1H7w34B3SnYmgR8pl0MVu7761ayOwW628EvVVbSxSB7kFxj3luQV6n9Sr00&#10;oy3EqkSGAp+JKbb3Rto37YGVti7GIehwoYsgr/Jpqyq6FdBtg3z+ED1X7y3IqwTmudCquXVfQm1O&#10;R2gnNtsGyQ0HJrbS1sUIwsnTa5BXidS6egQErNsgqdH8IGlV+JKgvBY04kK8IcYCgdAqbd0pfPEl&#10;ij0MwanNDfdKop6ZWvcJpMFTa1u9ti52foCRlbLuEr5U8D1UYCYYr7TMMh3sOfH0QwlBOKpWKPsP&#10;OUr7qExCrr1t9YFJyDsxeZkpV9ELtZUmc5VcUvrumtcWcqQLuzhQMlc5pjm4lLtJWxMKvqgzSRJX&#10;X0Sh+WrEJSDkJJzIqbiNUNe0rdN0kyMEqr7rdz9aoOxQvR1R1uXeb4A68V0na5U9m5CaWsbuRQ5H&#10;4WKTaMsB97HIKEpZl/u8n8qJBNOV8xoxUHVqTTlsX720YLpyzPtSrsVMLeVoEKi+6+SssowUsVHa&#10;wvtU7MjYSHJWT1qIcZAXn1rIvbnbKGXdGXBj5LUpG0mqK1dSpSxOFQtlXW5cRv/+z//wz//9v/z1&#10;X//zf/rzP/z5f/KPv69//dO//eXfn/Gvv/vzX/75H//0+FP9H//7X/76d//2j3/6p3/5y1/++r/+&#10;9X/8V3aj//P//vxvjz8hzk8i9e8/8/8T5vV24edKmNNjFz5Wwry1LvxaCbOaXfhcCeNiu/C1EsZl&#10;duH3ShgX2IU/K2FcWhf+WQlzPurC35VwQcxdmr9XNjaNbGdlBeeG9p2dFaob4jtLK8Q1xHe2VhBq&#10;iO+srTDREN/ZW6GcIb6zuMItQ3xnc4VEhvjO6gpb7OL8vbG6QgtDfGd1Bf+F+M7qCs8L8Z3VFUAX&#10;4jurK8QtxHdWV8hbiO+srjCxEN9ZXYFcIb6zukKtQnxndQVDdXH+3lhdwVEhvrO6wpdCfGd1BRiF&#10;+M7qCsoJ8Z3VFaQT4jurK7AlxHdWVxVDQnxndVUCJMR3Vlc1PUJ8Z3UFWHRx/t5YXQEXIb6zuoIU&#10;QnxndQUthPjO6gorCPGd1VUUP8R3Vldh+RDfWV2F50N8Z3UVOA/xndVV9YcQ31ldhba7OH9vrK5C&#10;3CG+s7oKPof4zuoqCB3iO6urqHKI76yu4r0hvrO6CuCG+M7qKiIb4jurq7ICIb6zuoqahvjO6ioM&#10;2sX5e2N1FQ8N8Z3VVaAyxHdWV5HHEN9ZXcUSQ3xndRUdDPGd1VW8L8R3VleRvxDfWV3F8kJ8Z3UV&#10;ZQvxndVV2KyL8/fG6ip+FuI7q6vAVojvrK5CVSG+s7pKsw7xndVV3nSI76yuEqFDfGd1lQ8d4jur&#10;+wyr4+/Vex9WRwbzRrySifvg+XslPqyObOGV+LA6koZX4sPqyOddiQ+ro1/NSnxYHRm3K/FhdaTQ&#10;rsSH1ZETuxIfVkeS60p8WB1ZqxvxSjvtVsffK/FhdeSVrsSH1ZEouhIfVkfi50p8WB2JnCvxYXUk&#10;Zq7Eh9WRabkSH1ZH6uRKfFgduZAr8WF1JDduxH/TE7vZ1YPdDwzDqxTE3Q8M06uswt0PDOOrRMHd&#10;Dwzzq9y/3Q8MA6x0vt0PDBOsFL3dDwwjJDdm+QPDDCuRbjeCYYjwknY/8AfAYo1YTEskg201hT+A&#10;FjzY/cC0RHCM3Q9MSwTJ2P3AtESwjN0PTEsEzdj9wLRE8IzdD0xLBNHY/cC0RDCN1Q9MEKPyrHY/&#10;MC0RXGP3A9MngmzsfmBaItjG7gemJYJu7H5gWiL4xu4HpiWCcOx+YFoiGMfuB6YlgnLsfmBaIjjH&#10;6gcmsFEJN7sfmJYI1rH7gWmJoB27H5iWCN6x+4FpiSAeux+YlgjmsfuBaYmgHrsfmJYI7rH7gWmJ&#10;IB+7H5iWCPax+oEJdlSWx+4HpiWCf+x+YFoiCMjuB6YlgoHsfmBaIijI7gemJYKD7H5gWiJIyO4H&#10;piWChex+YFoiaMjuB6YlgoesfmACIDDHlj8wLRFMZDeCaYmgIrsfmJYILrL7gWmJICO7H5iWCDay&#10;+4FpiaAjux+Ylgg+svuBaYkgJLsfmJYIRrL6gQmKFMl89wPTEsFJdj8wLRGkZPcD0xLBSnY/MC0R&#10;tGT3A9MSwUt2PzAtEcRk9wPTEsFMdj8wLRHUZPcD0xLBTVY/MIESKnYtf2BaItjJbgTTEkFPdj8w&#10;LRH8ZPcD0xJBUHY/MC0RDGX3A9MSQVF2PzAtERxl9wPTEpfICf0MMwpdD1YjmOAJXYSXPzAtcYmf&#10;UEN3TGGJoNCPY/7A0hIBTSKUTwXJ5RpMS1ziKDTCmCNYWmKVE42w8BJLoe3n/IGlT6yinzmCpSVO&#10;QIXiILu3UKU5YwRLTIV6+fMHlj6x6mfmCJaWWBUx8weWllg1LvMHlj6xylbmDywtsSpR5g8sfWIV&#10;l8wfWFpi1YvMH9hZIoVp8gfqwcapUg5q/sBud6Y99PyBnSXSznr+wM4SKTY+f2BniaQ+zR/YWeJR&#10;pRL7a6wHu7cwLJFaVssfGJZ4LDEW0ubnFJaWODEWWszvplBFAWMRlxgLZWTnDywtcaaGUFByOYVp&#10;iUuMhSYocwpLS5wJIscSY6Fe1RzB0hJnksixxFjokDZHsLTEibHQjmD3Gv+QKrLEWKjMN6awxFjo&#10;7DR/YGmJf0gYWWIsxx9SRpYYC1U/5hSWPvEPaSNLjOX4Q+LIEmM5/pA6ssRYqL461mCJsRwzfaQe&#10;rDaWmUByLDGWY6aQ1IPdCKZPXGIsNOmdi7j0iTOR5FhiLLRJnyNY+sSZTELe9HIRp09cYizHxFjq&#10;weo1zpQSaggtf2D6xCXGQp/O8RaWGAvlJOYPLM+JM7XkWGIs1J6cI1j6xJleciwxlmMmmNSDnR1M&#10;S1xiLMfEWOrBagQzzeRYYizU1BlvYYmx0JNn/sDSJ85kEzrhLNdg+sQlxnLMhJN6sHsL0ycuMRYq&#10;ns1FXFriTDs5lhjLMTGWerBag5l6ciwxlmMmn9SD3QimJS4xlmMmoNSD3QimJS4xForDDTtYYizU&#10;eJ0/sNydZyIKZZOXazB94hJjoWj7mMISYzlmOko9WL3GmZByLDEWehLNKSx94kxKOZYYyzHTUurB&#10;bg2mJS4xFqpTzjVYWuJMTjmWGMsxMZZ6sFqDibEcS4zlqAZ2EcVZYiwUOJw/sPSJE2M5lnkqx8RY&#10;6sFuEadPXGIslHaea7DcnSfGQjXT5RTm7rzMWDkmxlIPVos4MRaKlC9/YFriEmOhQeF4C8vMlWNi&#10;LPVgtwbzxrLMXqFm9JzC0idOjIVmFcspTJ+4zGGhWcucwnJ3nhgL1fBWU6DBbo6gHmxe42tiLPVg&#10;9wPDEumDvPyBsTu/lnksFBSda7DziZRXnD+ws8TXxFjqwW4RhyW+lhjLq/o/9a2tHuxGMM6Jr2Ue&#10;C31WxwiWGMtrYiz1YDWFibHQjnj5A9MSlxjLaxbgqge7KUxLXOaxUCt9voWlJU6MhXYHyylMS1xi&#10;LK+JsdSD1SJOjIX6kcsfGLvza4mxvCbGUg92U5iWuMxjoW3NsIMlxkJz8/kDS584MZbXMo+FIsBz&#10;BEtLnBjLa4mxvCbGUg9Wr3FiLK8lxvKaGEs92I1g7s5LjIUKseMtLDEWKszOH1j6xImxUNV+uQbT&#10;Jy4xFgpEzyksLXFiLK8lxkLnmDmCpSVOjIV2TLtFnBjLa4mxUAp8TGGJsVAWfP7A7sZCFfP5A0tL&#10;nBgLfRmWizgtcZnH8poYSz1Y+YOJsdCVdPkD0xKXGAv9HMdbWGIsr4mx1IPVGkyMhb7qyx+YlrjM&#10;Y6EPy1yDpSXOkl6vJcbymhhLPdgt4vSJS4zlNTGWerAbwbTEJcbymhhLPViNYGIsNLRa/sD0iUuM&#10;5TVLfNWD3RSmJS4xltcs81UPdiOYPnGJsVCvfXxMyzyW18RY6sFuCtMSlxjLa2Is9WA1gomxvJYY&#10;C30YxiIuMZbXxFjqwW4K0xKXGMtrYiz1YDeCaYlLjOU1MZZ6sBvBvDsvMZbXxFjqwWoEE2Oh0czy&#10;B+bdeYmx0LVhWOIyj+U1MZZ6sFuDaYlLjIUGWnMKS0ucGAtde5ZTmD5xibG8Zh5LPdgt4vSJS4zl&#10;NTGWerAawcxjodvh8gemJS4xltfEWOrBbgrTEpcYC21RhyUua4S9JsZSD3ZTmJa4xFhogT2nsLTE&#10;ibG8lhgLzYRzBPVgswbnxFjqwe4HhiWeS4zlnHks9WA3gmGJdJNZ/sCwRJoxLX9g7M50IV3+wLDE&#10;c4mx0ANt2sHOEmlcO39gtzvTsHj8wBJjOSfGUg9WdjAxlnOJsdA1bU5haYkTY6Ff6HIK0xKXGMs5&#10;MZZ6sFvEaYlLjOWceSz1YDeCaYlLjOWcGEs9WI1g5rGcS4zlnBhLPdiNYFriEmOht+Ew5SXGck6M&#10;pR7spjB94hJjOSfGUg92I5g+cYmx0Dp8LuLSJ06MhQajuylMjIWG08sfmLvzEmOh59xYgyXGQq/B&#10;+QNLnzgxlnOJsZwzj6UerAxpYiznslYY7b7nGix94sRYaOe6m8LEWOiauvyBcXemx+jyB6YlLjGW&#10;c2Is9WD1GifGci5rhZ0TY6kHuxFMn7jEWM6JsdSD3QimJS4xlvMPrVKWGMs5MZZ6sJrCxFjOJcZC&#10;69nxNS4xFjqezx9YWuLEWM5lHss5MZZ6sFvEaYlLjOWcrVPqwW4E0xKXGMs581jqwWoEE2M5lxjL&#10;OTGWerAbwbTEJcZC/9lhiUuMhea88weWu/PEWGgrv1yDaYlLjOWcGEs92L2FaYlLjOWcLVXqwWoE&#10;E2M5lxjLOTGWerAbwbTEJcZyToylHuxGMC1xibGcE2OpB7sRTEtcYiznxFjqwW4E0xKXGAvdr8fn&#10;vMRYzomx1IPVFGYey7nEWM6JsdSD3QimT1xiLOfMY6kHuxHMKM4yj+WcGEs92I1gRnGWGMs5MZZ6&#10;sBvBtMQlxnJOjKUerEYwMZZzibGcM4+lHuxGMC1xibGcs1ZYPdiNYFriEmM5J8ZSD3YjmJa4xFjO&#10;ibHUg90IpiUuMZZrYiz1YDOCa2Is9WD3A2N3vpYYyzUxlnqwG8HYna8lxnLNPJZ6sBvB2J2vJcZy&#10;AalEGko92I1g7M7XMo/lmhhLPViNYGIs1xJjuSbGUg92I5iWuMRYromx1IPdCKYlLjGWa9YKqwe7&#10;EUxLXGIs18xjqQe7EUxLXGIs18xjqQerEUyM5VpiLNfEWOrBbgTTEpcYyzVrhdWD3QimJS4xlmti&#10;LPVgN4JpiUuM5ZoYSz3YjWBa4hJjuSbGUg9WI5gYy7XEWK6JsdSD3QimJS4xlmtiLPVgN4Jpicta&#10;YdfEWOrBbgTTEpcYyzUxlnqwG8G0xGUeyzUxlnqwGsHEWK4lxnLNPJZ6sBvBtMQlxnJNjKUe7EYw&#10;LXGJsVwTY6kHuxFMS1xiLNfEWOrBbgTTEpcYyzUxlnqwGsHEWK4lxnJNjKUe7EYwLXGJsVwTY6kH&#10;uxFMS1xiLNfEWOrBbgTTEpcYyzUxlnqwG8G0xCXGck2MpR6sRjAxlmuJsVwTY6kHuxFMS1xiLNfE&#10;WOrBbgTTEpd5LNfEWOrBbgTTEpcYyzUxlnqwG8G0xCXGck2MpR6sRjAxlmuJsVwTY6kHuxFMS1xi&#10;LNfEWOrBbgTTEpcYyzUxlnqwG8G0xCXGck2MpR7sRjAtcYmxXBNjqQerEUyM5VpiLNfEWOrBbgTT&#10;EpcYyzXzWOrBbgTTEpcYyzXzWOrBbgTTEpcYyzVrhdWD3QimJS4xlmvWCqsHqxFMjOVaYizXxFjq&#10;wW4E0xKXGMs181jqwW4E0xKXGMs181jqwW4E0xKXGMs1+7HUg90IpiUuMZZr5rHUg80I3hNjqQe7&#10;Hxj8xPcSY3nPfiz1YDeCgfa9lxjLe9YKqwe7EQy0773EWN6zVlg92I1gYCzvJcbynnks9WA3goH2&#10;vZcYy3tiLPVgNYKJsbyXGMt75rHUg90IpiUuMZb3zGOpB7sRTEtcYiz/l7Sz25EeR9LzrTT6BtzK&#10;ypKUA7cPfOxD38DMYIA1MN5ZzLbtha/ezytGUIygMksBNxqoLymKDJLB+HuD1JrPsaigRkHmxCLG&#10;suZzLCqoUZA5sYixrBljUUGJgoyxrEWMZc3nWFRQoyBzYhFjWfM5FhXUKMicWMRY1nxXmApqFGRO&#10;LGIsa74rTAU1CjInFjGWNWMsKihRkDGWtYixrEAqAbxXQY2CzIlFjGXN51hUUKMgc2IRY1nzORYV&#10;1CjInFjEWNZ8jkUFNQoyJxYxljVjLCooUZAxlrWIsaz5rjAV1CjInFjEWNZ8jkUFNQoyJxYxljV/&#10;j0UFNQoyJxYxljXfFaaCGgWZE4sYy5oxFhWUKMgYy1rEWNZ8jkUFNQoyJxYxljWfY1FBjYLMiUWM&#10;Zc13hamgRkHmxCLGsua7wlRQoyBzYhFjWTPGooISBRljWYsYywqkErVzEWNZM8aigtoQUhRnLWIs&#10;a8ZYVFCjIEVx1iLGsmaMRQU1ClIUZy1iLGvGWFRQoiBjLGsRY1kzxqKCGgWZE4sYy5oxFhXUKMic&#10;WMRY1oyxqKBGQebEIsayZoxFBTUKMicWMZY1YywqKFGQMZa1iLGsGWNRQY2CzIlFjGXNGIsKahRk&#10;TixiLGvGWFRQoyBzYhFjWTPGooIaBZkTixjLmjEWFZQoyBjLWsRY1oyxqKBGQebEIsayZoxFBTUK&#10;MicWMZY1YywqqFGQObGIsawZY1FBjYLMiUWMZc0YiwoqFGwZY1FBrYGEsWxFjGXLGIsKahQkj2Ur&#10;YixbxlhUUKMgeSxbEWPZMsaighoFyWPZihjLljEWFdQoSB7LVsRYtoyxqKBEQcZYtiLGsmWMRQU1&#10;CjInFjGWLWMsKqhRkDmxiLFsGWNRQY2CzIlFjGXLGIsKahRkTixiLFvGWFRQoiBjLFsRY9kyxqKC&#10;GgWZE4sYy5YxFhXUKMicWMRYtoyxqKBGQebEIsayZYxFBTUKMicWMZYtYywqKFGQMZatiLFsGWNR&#10;QY2CzIlFjGXLGIsKahRkTixiLFvGWFRQoyBzYhFj2TLGooIaBZkTixjLljEWFZQoyBjLVsRYtoyx&#10;qKBGQebEIsayZYxFBTUKMicWMZYtYywqqFGQObGIsWwZY1FBjYLMiUWMZcsYiwpKFGSMZStiLFvG&#10;WFRQoyBzYhFj2TLGooIaBZkTixjLljEWFdQoyJxYxFi2jLGooEZB5sQixrJljEUFJQoyxrIVMZYt&#10;YywqqFGQObGIsWz5rjAV1CjInFjEWDYglYAzqaBGQebEIsayAakkCoqcmDGWrYixbBljUUFpDjLG&#10;shUxlg1IJc5BEWPZMsaigtoQUjxxK2IsW8ZYVFCjIHNiEWPZMsaighoFmROLGMuWMRYVlCjIGMtW&#10;xFi2jLGooEZB5sQixrJljEUFNQoyJxYxli1jLCqoUZA5sYixbBljUUGNgsyJRYxlyxiLCkoUZIxl&#10;K2IsW8ZYVFCjIHNiEWPZMsaighoFmROLGMuWMRYV1CjInFjEWLaMsaigRkHmxCLGsmWMRQUVCvaM&#10;saig1kDCWPYixrJnjEUFNQqSnbgXMZY9YywqqFGQ7MS9iLHsGWNRQY2CZCfuRYxlzxiLCmoUJI9l&#10;L2Ise8ZYVFCiIGMsexFj2TPGooIaBZkTixjLnjEWFdQoyJxYxFj2jLGooEZB5sQixrJnjEUFNQoy&#10;JxYxlj1jLCooUZAxlr2IsewZY1FBjYLMiUWMZc8YiwpqFGROLGIse8ZYVFCjIHNiEWPZM8aighoF&#10;mROLGMueMRYVlCjIGMtexFj2jLGooEZB5sQixrJnjEUFNQoyJxYxlj1jLCqoUZA5sYix7BljUUGN&#10;gsyJRYxlzxiLCkoUZIxlL2Ise8ZYVFCjIHNiEWPZM8aighoFmROLGMueMRYV1CjInFjEWPaMsaig&#10;RkHmxCLGsmeMRQUlCjLGshcxlj1jLCqoUZA5sYix7BljUUGNgsyJRYxlzxiLCmoUZE4sYix7xlhU&#10;UKMgc2IRY9kzxqKCEgUZY9mLGMueMRYV1CjInFjEWPaMsaigRkHmxCLGsmeMRQU1CjInFjGWPWMs&#10;KqhRkDmxiLHsGWNRQYmCjLHsRYxlzxiLCmoUZE4sYiw7kEpAeVRQoyBzYhFj2YFUEgVFTswYy17E&#10;WHYglURBkRMzxrIXMZY9YywqKK1Cxlj2IsayA6nEOShiLHvGWFRQG0LmxCLGsmeMRQU1CjInFjGW&#10;PWMsKqhRkDmxiLHsGWNRQYmCjLHsRYxlzxiLCmoUZE4sYix7xlhUUKMgc2IRY9kzxqKCGgWZE4sY&#10;y54xFhXUKMicWMRY9oyxqKBCwStjLCqoNZAwllcRY3lljEUFNQqSdn4VMZZXxlhUUKMgaedXEWN5&#10;ZYxFBTUKkp34KmIsr4yxqKBGQbITX0WM5ZUxFhWUKMgYy6uIsbwyxqKCGgWZE4sYyytjLCqoUZA5&#10;sYixvDLGooIaBZkTixjLK2MsKqhRkDmxiLG8MsaighIFGWN5FTGWV8ZYVFCjIHNiEWN5ZYxFBTUK&#10;MicWMZZXxlhUUKMgc2IRY3lljEUFNQoyJxYxllfGWFRQoiBjLK8ixvLKGIsKahRkTixiLK+Msaig&#10;RkHmxCLG8soYiwpqFGROLGIsr4yxqKBGQebEIsbyyhiLCkoUZIzlVcRYXhljUUGNgsyJRYzllTEW&#10;FdQoyJxYxFheGWNRQY2CzIlFjOWVMRYV1CjInFjEWF4ZY1FBiYKMsbyKGMsrYywqqFGQObGIsbwy&#10;xqKCGgWZE4sYyytjLCqoUZA5sYixvDLGooIaBZkTixjLK2MsKihRkDGWVxFjeWWMRQU1CjInFjGW&#10;V8ZYVFCjIHNiEWN5ZYxFBTUKMicWMZZXxlhUUKMgc2IRY3lljEUFJQoyxvIqYiyvjLGooEZB5sQi&#10;xvLKGIsKahRkTixiLK+MsaigRkHmxCLG8soYiwpqFGROLGIsr4yxqKBEQcZYXkWM5ZUxFhXUKMic&#10;WMRYXkAqAeVRQY2CzIlFjOUFpJIoKHJixlheRYzlBaSSKChyYsZYXkWM5ZUxFhWUViFjLK8ixvIC&#10;UolzUMRYXhljUUFtCJkTixjLK2MsKqhRkDmxiLG8MsaighoFmROLGMsrYywqqFCw/JZBlqOk2ESC&#10;WWiihvjxQmLHo6RIRRKNNFHjSF5ILHmUFKlI4pEmalzJC4ktj5IiFUlZ00SNM3khseZRUqQiKWya&#10;qHJnBl6W34rICy9M3FnEXmhi4s4i+kITE3cW8ReamLiziMDQxMSdRQyGJibuLKIwNDFxZxGHoYmJ&#10;O4tIDE1M3FnEYpbfMhhzlNT2SIZjaKIqOzMgQxM1q5IXJu4sYjI0MXFnEZWhiYk7i7gMTUzcWURm&#10;aGLiziI2QxMTdxbRGZqYuLOIzyy/ZYDmKKlxZ4ZoaKLKnRmkoYkqd4LKBFuVJqqaPQM1NFHze3hh&#10;4s4iVkMTE3cW0RqamLiziNfQxMSdRcSGJibuLGI2y28ZtDlKatyZYRuaqHJnBm5oosqdIDWJO4vY&#10;DX1OsrOI3tDExJ1F/IYmJu4sIjg0MXFnEcOhiYk7iygOTUzcWcRxlt8ykHOU1LgzQzk0UeXODObQ&#10;RJU7QW8SdxbxHPqcuLOI6NDExJ1FTIcmJu4sojo0MXFnEdehiYk7i8gOTUzcWcR2lt8yuHOU1Lgz&#10;wzs0UeXODPDQRJU7QXQSdxYxHvqcuLOI8tDExJ1FnIcmJu4sIj00MXFnEeuhiYk7i2gPTUzcWcR7&#10;lt8y4HOU1LgzQz40UeXODPrQRJU78/VlNFG1OzPwQxNVuzNfYUYT1YhSBn9oohZz54WJO4v4D01M&#10;3FlEgGhi4s4iBrT8lkGgo6TGnRkGookqd2YgiCaq3JmP29BElTszGEQTVe7MR25oosqdGRCiiSp3&#10;ZkiIJqrxzgwK0UQNFeKFiTuLuNDyWwaGjpIad2ZoiCaq3JnBIZqocmeGh2iiyp3gQck4KCJE9Dlp&#10;9iJGRBOTZi+iRDQxyc4iTkQTk+wsIkU0MXFnFSsifp9WRCUl7iTsOjVR5E5iY1MTRe4kgDE1UeRO&#10;vMypiaLsxBWYmijKTuy1qYmi7ESpTk0UZSeSb2qiKDthz6mJIla0TFiRSmrcOWFFSxUrWiasSCVF&#10;KiburGJFy4QVqaRIxcSdVaxombAilRSpmLizihUtE1akkiIVE3dWsaJlwopUUqNiwoqWKla0TFiR&#10;SopUTNxZxYqWCStSSZGKiTurWNEyYUUqKVIxcWcVK1omrEglRSom7qxiRcuEFamkRsWEFS1VrGiZ&#10;sCKVFKmYuLOKFS0TVqSSIhUTd1axomXCilRSpGLizipWtExYkUqKVEzcWcWKlgkrUkmNigkrWqpY&#10;0TJhRSopUjFxZxUrWiasSCVFKiburGJFy4QVqaRIxcSdVaxombAilRSpmLizihUtE1akkhoVE1a0&#10;VLGiZcKKVFKkYuLOKla0TFiRSopUTNxZxYqWCStSSZGKiTurWNEyYUUqKVIxcWcVK1omrEglNSom&#10;rGipYkXLhBWppEjFxJ1VrGiZsCKVFKmYuLOKFS0TVqSSIhUTd1axomXCilRSpGLizipWtExYkUpq&#10;VExY0VLFipYJK1JJkYqJO6tY0TJhRSoZqPhPf/7TX//jX//bv//xX/7zn//0z7/99Y9f/v77r3//&#10;9Zc/fv/1j19/+efvv/7z11/+8vuvf9E7f/7Tv/35j3+xuvrnL//n918f65PvorFo/6J/L49v4qmq&#10;+j//8b//9t//cbz0xy//8fuvy/OLQ9xtQFTiwlgPS501//6v8Y0H34hu0cHHSvZED797Pf/7b9bD&#10;gy/xtFCg6j97krTX++vf//HvfzsGcvZp734/Hw8Djh/fX2BCvlZnzb/+r7/8j7/+17/930DjNzRa&#10;oiPvPdd2lw8z1Uj6XtZvy6LhMdfsHs2ej8mqNIn+gN6vMwwR+rrs+cl1cMbpvPvgP1sjmww+zGy5&#10;jzz+FsrVltAe84bZGDzmeyE9PHej5/DuRdPkwTWJRtOM6WC4PmbxgQXyeVwcM9Ntvu3w7tn0+u0B&#10;u6vZfu44oM6BXyuE+064MeYXC9nfvVjn7+8+qK+vtdl7nbC33BVX9gN/rs/1yyIcj+8HS+sB7pM/&#10;ncuN9dbnl18AyBvYfv6G1/O/vf73YkmRqv/owt/rvaeOS7j0pREBKzAVE+tx75O4ONDWJVcuITD8&#10;NXgwcDBXwCwGBD4g3r7i6VPKZQiLAXQ83Z6nIfXjWr5gdwv38yp3Z4edwcny776t5qds8JMof1dC&#10;9Odu+c6YRUSY39VO6fXxcMeGxdFg3W/+C9sVObhZLkfbUy48f+5XqfFPyzPlXUTQwfbeMcjHqoMc&#10;bfFg7LgKoBoQ1h+/FRTOJMZMJLZ6ZhR9Ivdc6Xg9/+v1nyQnjzLDx+f14jj7W6ufCKcXFMSh5s+R&#10;fX+tfcafzHiaU9bSUDTROFxJ+ONaApHQs9MrCZia5su/Fnd6fIs905TzVRyDvXiMJHJlE0fpY7fR&#10;LguHlF0ErY/zUxxez/96/Qe9OI0wV1e4Xi/25m8huw2qfXyvTwvZ9TnFDfWvjvGYOY0jw+r0jHse&#10;o+V9HWNf8Zf3zIe7e88bc5qaZtK6tNgW+5rrSRjqsE8503/6dz+v5vJiv7kg4lO5TTH0pplHt+Ye&#10;39v3d/N1hseM08yU8/EtmUCgnKZ9jS6a/oKaThjaLUhIjK2D1rZ1ES+n1/DzmB+awt60v3sO6sXj&#10;ThgbOC7G18I0uFTYnLBpzM5ptsJfC3rLOXh8y+v5X6//QHD0mWWm3Jnwepd89KWt0cBDlmtilK8v&#10;yGhOBo8Rd4de7AP/Ysr7iqxIheu9ed0zhpEFN+F+f/ds+rn5yUg9xqAIMv7ruycqD4+nOb3u+fvb&#10;kwqGd8+ev/dT91wQhtTvGkK71qV17Mtn3VcHGdTfurOaUgNXPOPtxt68Fz63Y0FSlgs7Ncr4L4q6&#10;QuaDKkkFfLErLDkLQ5thHmx8c04ZU9d8+2rHqc85ZX90RkH4tLjt8Phr7XYEls6Z1PDz3mSQ/v0r&#10;XCU8jKhdvhCy3XbnRqSGSJ89Y1R10wgtdSKsN3pmxHaej5793bPpkYMvHuPh9Bnrj2/O9gMF7PII&#10;edxCOWfPmGLdnbl4TJ5U16h9Su71/NDa9p7RHFHUPZht2KYJWay0/Fh2R3/b1+pmzw/5wd70IY9H&#10;Hw1ZiS3tj52F+pRgDsjsbYTtSJuKrpUr6j3PzLsgBPrW5pseyXJC+OMzes++6e6NGYgEg9PfxRiN&#10;vE3Bq6/zvN0XpqQvxihzouyIv0ySkG+29pXa5LcH8UuWsn/qS3ohmx8cAPFvkSFhqVuQJNiZ++Lz&#10;1S2xvpCcJt4MycccPDT+yAbojIel8PHYbc1ptl2K+mg5bN0DGnhkPafV6/nfVh/T8tz48hE8YubV&#10;rqaUu488Gw6nBW5MnhRGlfMYXkQDMHzUL2p361v7wDuMHcVfRiv+UZ+v2ZNCcHVXAgOimb29W6Kz&#10;XSzLsLu/abjk+JQTxHWiVN6ZjG4RwaXR5OfSeL+fAw+ZzXWfe3bEU488cEojum+IPV3T0YQAWiFu&#10;p7eOeZzW9549CByMb4v4RIH2jOLTtXcOMcZ7srB2lO+BV6WIC9wMu3o9/2v18TceHjp5vr6kzT/X&#10;37BlnCKJQDdWvN04Nu8F78EFxxPVlDY/kUmcgDaNl4+x3PpjhF9PI/tZpT45u+D+NVMpF2fc3U+F&#10;Kk02PLnFOjlUTxbAxSWzqQ8qtNmJo4y/+kogsczc5t1nu2Pbd8LyxDG1ZCoW6gidBsIQRZZdz+ND&#10;RV72/CGmCqdbntTjuT0wy432t7zzzX0EbroTpVEAs/Xpa+t/bYQK37iGxM776ldBeL3LefnG1PAo&#10;onppyRx9XnDIN0sfh2zU0eF1nI+fRIDMvcBTGD65HXnh/bxsXwsSzJhNzOFuzft52QgnuOMkHZh5&#10;3sdr84Jr4d+If7Cnzo9meL33O35DjrslpbBxZ7iTuKtJhW/9Yx+PJx5GDDfDh4onHlLqiT3RkBCf&#10;Uj6cpvhzezru6NhR/NVGilj96qqAYPoSbDe+e6M4gAnHSXT+f8jkj8J+UhTBz3thPUFmI0oayNcy&#10;ji/+aqPFMtJRYnsV1RYbRpL6JF8EGFnMHpVH3575MpFtwy/rdgyJTsHt18oQnKjZCMCS6hEMmX73&#10;JSe3Cu4uGWeAg1sP/V5SwiCyWEaxKgnfLVREaAtqTjbT5STDJ92j1A5IRs0QHp67xUh0WX9CH/e6&#10;JbzhYNeFLcWe78Gvvnp9A+EQda9NEaVrJeGb37YO09sZQgvjfOjVriYHCwAExncU6ihwoHZ2n3UZ&#10;I/EpIfvuMHP9TRdisaP4y2glUNutkC4h+vAXPgLaLYKsYfl8dw8MFjXoxjZ3+aEgdsvP9W6R/C87&#10;wYaCdOXTn26860QRKmj24C1W2GBtd6Of2OXNWOwNI/Kcx57UjJNMTA+jvC0QkNGQixA29tUky373&#10;tX0SMIom0sYWc/7E5lKMeLAW3mqN2NEHtUNk0LIHCPcwKncHPqsdwiqIeBuuYLfgTe6I2m62sZWR&#10;jgPNfLtWMEtTOyj9ggfCh3flztireTKweZlLf8rSR6IeaEq3H/D2mlt0izGQLf45qscTyyW6Nhgt&#10;fn/+44kgjh7IwVTerZzsaxkR16vtvg016h4I8R17tfOjGN2tzPnpu3WNHb1njG8my/lOEFmPo31m&#10;jBWLw7XSF9uPaMaw9Cur7fGNL2yVJTDGSm0PGn5JU7oVmmgOO6pNFdGhL/fVhW3HYJF2a99hCMBm&#10;W/lErjx2KQ7usjaSbzEGVg5mlXEcGqudAugNw2NdYsxEjXOBNGHWms19Y7SwsgveL0VXQmw2LME8&#10;ydjArg3kfbETb3dLwMS1gQyOOI2Ix2+fZCx5Temw8m/ZKY32rfWudA+PruJRbj137uRHV6C2e3jB&#10;zvs98G7REzZQr+Z/vfr36hjJ15NxZrU8VX+50fclENVXz6u931kPTk8K/D6kGHG4R89IfzcU8g4I&#10;rZjc4w2Fd9qi9d4u9sSDE+74SdYP2zluigf3j+we+SVagF86LhgWMo+tT+mzxmS3tsUDK0NxvGOE&#10;XwrChaYXIic9/npOnm8b4qtCM+1tfJQzxzGMMnJOW8UFywFZZe+iAeLWINbASWDbsKdUO3smWtbp&#10;xoKGn+9uDjiGr7L5mIVDh03JYwxEJwx0pGm9s2ciPi7AYFYB5Pd7JtLhsbVzS/em4R0pu7YYGJIJ&#10;zOSLfihOf3zEYm/3TIxscdH5RS8thnT2TEy1zzZ3ykbNuPCZXHi09fzkuiem537P2OpO9ZM1bSt1&#10;9ow47RbIJPHhvi9yQaxneLvv3shT8ZdxGGELgtj2LrskmmsgrTRt0wlyovtIGNRJGDvDpSQBjb3F&#10;DW/tqgW26MkaT/zBaJ8uiNwe7X5ONhkgLkdfnDB0ZAuj3uuZaEzX28ysDNJxUEjj1cEDBc6iGlwY&#10;cE+ieeIKnJdN/LyfN5RbX0g8m6hzFmygM36Iex/NDdwe6PZ1rpmaJI/IyLV1JiOj7ci+kEp16AvZ&#10;zcnzMeHFHtiUajzY4OZscwa3G8gMcAlWEhjR2uMNCvkkEbdiJPcxK7WjsKuwhPxbk4TgMLXjOtOv&#10;8MFmfqNRExus+OUQY49ZrIL0RFx2r/i5Y/zFbbMS93dVdhHMRajhfVvP8lMLsy142uU24ekUyuKw&#10;AR8ctTGzm+2a+b7OyuHsb+tOk8JsE7SQs3DMFzmACbogIqtsLn+sPLWw6YjsdgmIDfEu+HApw+Td&#10;dqonrIZsgfExCxkZECDnTHGFz7tlFfty28Tk5pMsXTtppEy78+Ibr+d/e/3v75633DPz2EFez/96&#10;fWwdO9yAbCcw4yvh9fxvr0+01qd3nD+vF0fjbxGOcFxAUfC0BQD8urd+saSKQLoPCoElblFKjVsI&#10;V4wIEO2u1QUbA3b46VQi07UdgkPx1WMEM5KysrBdXF1sXXaI033GoO9JwhWTvCsWUjPSFlgxcO26&#10;AiEGivuMamnlC/Ddfy5KQuCBr47CzEKWhMCeEwhbZxG9PRiy+4VV6Y8P6gtJzNPiFF3g4C8gmE3U&#10;XaglpSt7VOC9xnMeN64GeljdKQRNxY7QRL7fawSlThrlXbu89XYv9w4alYCpkU5IIRmiG7Gvrj6u&#10;RvbtZwQfrDSLazTGvuIvHx8wGju1aaYLKwI+cqfhiVROpjtw3NMl0Rn+mTjYx+59KovCEGLewiP+&#10;YU53YslOI0G/5q0Na3A9Mr6H1TG1KfiEOiZLyad8Nhl31GofGX5aC+ZPI7vsmconQnph6OJ7ek4e&#10;AWgEctibO0rE0yRIcgS8vr+aYhP3Os6ATd8h+LldsONnG5h5Psai7OgowfImU26OGU7oVh0SItlH&#10;iOCeREP0Chcljpm1co1DtAqr+f6Y+dZ0T9+ZI2cL3N0PHYDka2FGSYhnIFvu4P8v5Ch81vZ3XNnE&#10;wThsGNj2FkvUbLKBI3P9J2rUZA8KY29h36F+7M32iZLK7Ozv4wvfIYaScehxHI2Dv9j2bdL6arK8&#10;5EEZjcjKiuVHHgwmhr3L2ZjokhPEwK3xSSOeEVU9OlEb1t4mePJuNd9GtHCU+gZCs52M+C4MBK6w&#10;+noQBz8xBl8H/9tmFr2kL1Mfi051xJEtulf7GKLC0DWr94EY6+GId7QR1OJ8h00Hb+Akpt6810Zc&#10;rj/DYKm+vjfh6cO0f3602+v5X2uf4xfEUWz0V/R8GD23uZzv4nN30f129NzIA7NYb+imjrE5Vf7X&#10;qcN+cE/qQTS3z6/X87+9PratsSoHCp79ThCv9340X2TXeeAUjpZP2/b+u8HgxHGg0MYil9rTJLwv&#10;/9to+4J4zyIgkrQUSNNRop7chxIwTA2J8Y42vSEn/2DqYzSfw7Sq3xUg9rOSFqJlcyWT8AH53Kj3&#10;ojywIE55vPazOYjelNHIY0Jb/rYyFu7LeYFxfsEycUxyRYMK4THhVN+XeKMNNHBpyGkz2Mo8Suoq&#10;Me5nOc9bDNaZi7Pc/V4nX2j/68wYxoct6L14vTdzStSizwoCKRgEacrZEcGWj+uIaCrEFnh3fzgS&#10;gGPL/5qVc9JA0zthaIQk59/yaBzl+w1I41+e18QC4Zv+tAEVMLNFBp9RdmzkWZ/nth54PugF2xIg&#10;q4RUY/X3pH19Ye6axiaCcgrhc//FUdqWJ/bqpipepWVV+oTiDiqs2bYobkK7mbA/BcF2ZkNoEg00&#10;amNHcYjYBU/w9tYkFPcLu7ya/zX6WGPwoVYdL31i6NiXv8Q7PhdKBw78ibInb8+aBN+P+/ILEejh&#10;Kbom/+5yUFfdYqHifVnDZDa0+fDZwqJSoKSNRNkmYVcQ28SGaE8ffIThvPD1x8AqUVxl6B4N69Bp&#10;xIbwV/rRKsQQIWuNpxMVnhLyKIxWkQsXUHBOPK8rt+60OpCrsVvsRM/FeRAQWq4553KS4Ui323Ee&#10;MVXCeABufb/hp+hU/ThaIh6OUjBPw2fhfp5kVKPvEwKxSlEaG2b0rph1KiytrY5s+drCjG8SuCLj&#10;E12X4dVWFbOt4W6DBZ6rK7LRq/9ks7HsSpNtrXMevOs1b9X/mlx6NwKvdrlSmhQn6WJSWEd/Cu3x&#10;JJcCwx4OKq4UB6+xXWxouGYx0ARLrO6sCjGPmx8Puof6dYqtw7lxfPFXmyIyfbuh+YUH0naS7zPw&#10;hW704YqRejKyjyIkPhdfHPcv5EajiDvAQDKOPgox8KVO0Pk06maFyLWEIVc3bgD0Xo1rYbE4vvjL&#10;Rotp4aLufLWPFgHrQZgvUKJmQvenKCrfwefTe92SIuGewMVo0VDneKZJxjb3HVxdWwJcbqly9nGN&#10;SaPCquxKetAaRhsEO+fuCcw0dhSc2AKbt0ar8JWnLOONE2Yb1xb54N8+QrPANGHlifuTg+O7AIl0&#10;PL3X7XFezl7FPosJioCCp6CZ9+2xKvYuu6lpm3vdKoroFIOgR4SZuCw5UtZw1xjOUqRbY/raUya5&#10;oMaEdXfFu+BVhGkk71vZ6aZbsV2CPuGsXr+5hMQObE8t0K3R4vYi4axhVq9l1/p4ZJT5aHVGbQna&#10;hoDM5hLu9FnudYvKdk7mCG86oTUSpQPdUY0pJOlSCrjkPMcSBUT8ZQbZrl3QRnvRrYbj5trcLTEj&#10;DyqdbtSt0T7JcnK0g6BMcrE4VdJP6F3YTcSB/OQHHg3Y9O21HS09rsR5pZ15ZODYys+cDEe56MS8&#10;GT57FUwU17umnp8PnUxpXMrWaezCFHk1/2vV3w3Nq10tYZwtDLqwTz7PdNhj3RO+tYQESD/xBnaJ&#10;x1Iu+IrgsUv8KsOOW6x7AX17kirjRgQq1G7+6U/JpXf9xtVygMG3OQdVujsEgBWAjBglPoZDByzR&#10;vna9TO/2nQMYV/O9BwnYRNZ+k0mLYoZdnJ0upHNIYyS94f6q3pgPkuX6D2V1NUYlF2S2Uj9RR+zL&#10;qQPnJw5u0/qWOlw5NyLFHPP5zTgzNiaZGCZ7lxcn96LPS+Yi8fsmypC9WHVBI/CYjD5/jLtV0ES8&#10;y7femhwkx0y58ePqEynFWvPH6NlouvIYuv0xnNIPI8RRxl8+5lU3Ohzrgtyn6dQzsSjzp1k/ElbD&#10;3ifpkbd9zCPfxL7iL+8Zlu9UI+ljUhD2FL6UqQYYRswzmLeC+nGzjZ+Ys/PLCUFaXvdMmNthYSXp&#10;RccYkwrH1Jtms0XDmkjyE3vfeiZO0/T3JNIS/xPww6Tzt8SUxsNez//a7DzgMHdntV2w5ZuB4fX8&#10;b68P0m16FkvT0soGRfBmJpAm/hbBhIg4MRPcKuCPUV55iZCAbqtghSlX764RpPw6Qno2H6jjdmTB&#10;JRq5vvCdCyT4MgZU4Dukj3M8mqBgWrO27BZvWjnlMSyMsU1S2EEYG+LIdA98R9i0E4bD1sDDafWv&#10;Z5vkFjM4MTdpOsj4JASQYCF2xWOOD/iYsZiZ+fuzLWfQ3+XNFr08ZzsIPpLNUs8cFzPIn8FTt9Az&#10;7IX0btOJmaxTdON06lITl2zwgA5xhcfk2/qY8a7AW67H/BaeE5cho6x/dCx6pM3aqTsu14qAo2fY&#10;gwMgEeJakcXgCRwCJ0ASAt3EDv2SEeLWaJI3dAdZZTsZ29PTMg7dhdcbpoTFMMtWgLHuHQiPoaZL&#10;VfyhDhTFUcZf1jOBAHLQjPURfAmXwLFEAfrO4NhKIowLX7p6JMTWZMm9nQHwunY9QjiFHRYGxXya&#10;I4CxQdNxtsk7QGAYYa9lfeN6JompROc+kcqS9DXyetdztHJe87144EyZX5+EGj4OeISBgIOb1kIC&#10;KAlZ47w5R4oy2U7CWU0xAUw2gjo+CcQiogfHY/jZpR4+Q98HcZTxl/MF8LzFXuR0gkXG1SF/vItE&#10;7NSGV3Xhwrl8v7iJasyz78DYV/zlPTNJlvLDXmC+Us/DXgBrWpdjOnvP9MWwbe/DNpUxo9glYeVY&#10;scGJLqWmx/2PT9BE4tnzO6kTR/nJ5uUIg8+5gMq+j0+55Xzqc8XNRhZXWMgYOu/e8nr+96zf96vO&#10;xjU9OFgMuT4TaP6poNMT8/F6n0azca7duG8FKUFCNb5/PxqiTWb/CFMmW9re6L1dyU5pSPsmi/Is&#10;lWsQth/pOhb71nEJi333VQPgc5sEmY/zfrw97U6nwOaRSNc572CUTV6/n0fVN5sLUYGJdfD0UD/y&#10;SO8Fg8j5cWZ11h6D2ERg32TnyJCvhskMO3ga2XXPbGDDMGRnT2YJKty3KHn6ZhCdPeO7dJsH/6Ip&#10;jZs9MzlmM+N80HTc/V8YB85UnL0VmD8uNnFRx+RQGrztHBRHGX/5bLP7ndeVuZQkHiljqJxjtjlS&#10;yb0bkTCyn/oxIHLcmD/j3dhX/GU96xyg48C/gTMnTciQ++WXzAe6LowZru6HS9BTlXRyKuNZd8Aa&#10;6CXqYOIZWrwj0kQIJGGnyDsUo+PXQNlvZjvtHenSHs/kmo5mzAx7YarPLX8W7iIDAFvHZtbr+V+b&#10;TWUs9jGhfDqq4/X8r9cHCDdmJhaHJXZM70DP5ZoB/rpuxS4nayrOHOFSFq3NHLawmaB9h3Abquxa&#10;C+ERdL/mlkQp373eCVjbW9Kxn2eCXChZZK0+6aRTHlluXxFvByFXcfRP7RNn81EQGOu61tu9njmM&#10;JI8On0ciz6nhRBxbrxGN84AAHHY4JxB1o549xjDp3BP7ir/aSiMRFELwdwHtUtNjwiLx45jngmNI&#10;ZNAI05lLRG/TZ7EvH7v3+X1uXrxpHfxob3k9/+v1YUaPf+MT2An8gRun+sSnLL0B0/K0tLye//X2&#10;2cQeM8CjPvMDvV4cjb/FIQRfM5BFs/N9zTDTsP19agDIInSFxiNl2OYdq0oJWjdmjsvYYOC2Wjrd&#10;2VMznFL/azTu8heaMUwcjtjLHR2LVYNAaUqU4zSkbBw830eGiunTxS0L/B+4kSNbRHwbjVzTTu7F&#10;nZHJmTE7DxNJaYqfeQLrmhwR62U8huczcLlmOg1g+r/dfRCCabAix6ZtzbC7dJHFuM9QSeSBe58c&#10;07q2i6575vZO3ynzvQrsWQgzdlAiTEQc4R7CzP0x1luhZyzBnp05X7wgMd0zKo8jnnFKZHN2wrj+&#10;uXuHcZTxl3Efvqw8u0Ns6VRJjKlyeAio0aeT5OEG0J5sRgDYPDX8NOKThTHjIPY7vY+jvHFQZNHr&#10;qoCDMPBNbNywzhyEIibrj1HGtziYU7v9UkCEzqtbzc6R/tf35njcWCo/781cnwN2nviHPUTI+fMO&#10;4c4C9qaNAthy+WFHcd9Dt1yQZ6T9/tA+8XIHUlEbp0XrdF/yBLf69dtwEOVK8By3GOJKjkNbmZ4r&#10;0Hki6Bt8wTcWpVPgknpfuzXDSWGFUD7rG6XS2/rDduQVpvpXI8MARg+PWjjwHMSyh205CIHrtqth&#10;4ORowzzGko/3GVLXPSOVCAU182BKSCCXTnCsP8Z6SD1zi0DPYoOvespz7Cv+ajOLaUjPTjVeTVxN&#10;AGd6dsJgwYiY8lg3QRhhRCgKOxwcgKb9XWLIcQtzbBHc2Jewp0M4HwGZcvuqP+4Jg/e8MW4wUuTn&#10;mG1MLy3quJALDO4crGzbNNtgmv0IOLmcXEttvBXnN/6y2ebjVv3WEOUTNnTyHBT4ngtMEAxg90gY&#10;8sY10Ims3hszGL5uoWljxsxPMASHp/pRIc5ocRwi9EwsoN/0SwRZX1Ru+y+OMu5a6gGptxVmmtnB&#10;PlNez//a7AQ/FyFzb9cG51necdy1AgXNNNThnS3NKTlufjdUA0mcxjiy+MvpHbEbkKqYdgO0g2Hl&#10;YU4MnKgdeYxn7rOj/J3rnvMckYVn60jcFT/iB78R56fHq1jhM4ru7V6PDK+/xysuAOIR/qHJ5lx2&#10;Nj4w4La/MKIVgLjkluueURAe3wGjtdyR3jQZHP4lV3QX2yVuXd2+4ByH5Yzpc79nbsaH544dgmED&#10;CBj0GsYmMdu2gYhPKasl7JAx7o+tV7lsQBnASHjrGR+secDnmPVprZY+Tko8CEzqGX1h9h24JpS/&#10;GfMHZImwH0iDZAOxEWxmX6+3MU2ut/KDMss3OEWbq7f+HBz7Q/0PEVeBG5Zsz3EFgem2pu+pI77j&#10;3IsQ+dHjJwCBj2Tjh9AmG4fRXHKqfDfTnNiXnLgKfje3T9OSbYIjmSY/xj5rKp23uQzF5zz2FX+Z&#10;3CFdQFfbtPUS80ROJUqpQJ09luEdOFUQoMdfIeyUCLEvlw/WJ299kwdijQ6r4PX870caf55TTo/0&#10;kTltfSfAakqZMSLw3uLI4F0/waiTR6fVF0f2idc4joPjdnQgV6ojCe95jSgyXqS/IT76ZJmyE75R&#10;c2f9tpmHecnziKh1LcExOzvbNdSPY/PZH9+CD1tU55zH8THgQLJkOWwCcmk0ErktRKPCTteVbCkj&#10;hcFgylvTYEHJDEH2Ex73x8BGlV1B/o/jxTqR3eIx55hxCBwSJjM/G7okZvCNq9azcm979CLOb/zl&#10;s03E2LFQJktm62hPKhfJFQv/0nW18TGYpDM1aaI9lhb7ynwBTuJrRAcmA37kC26ec/1IoETeYiBF&#10;BoWTgpKLoUQyEEAS/fEo9SOl8ZfPkRJh7F1MEn3QMfSMj+PiEEM1XUeGs69oUVsdlM15BC32FX95&#10;z0TCHVzBoLDcnpMvcDR84XWIOY+ZrA/PseHQhd2fxTzHvuIv73nIfwACZJHimPHWzatDcQM3R77A&#10;20Jt2pgRbF0rxb7iL+uZMENPrSB6ijETembHA1G0ptlxmFHpMWzgjxGyjbBpzIkjSfXs6BqNyl9n&#10;hQeOTPW5FYYwo41PqY1u/3q9y5GNOSXcYSFbOPDRuFzEZ2MUThK9Y+GAFdguRmPsK/7y1cTr8dwh&#10;Xb8VY2Gw6JlHQ86awk+BsCELh8vJzvTm2Ff85T0TeHB9jwNpftHJwWxMF3yo6ewAkQgJXNTmOVh3&#10;sa/4y3smm9YZBa3wTOghlBBptqYVTY2WKedMuRffHt+2NNj8/iEI2XuMLfHRNaV4UyA1zTTA/s7T&#10;P4p3pjC5/ByR5Dsp9jYiohkWE8df9wwi7XlhxL5g/bjwJBO50MTO4+KG+DgoRK2PjTb2FX/56igo&#10;ZtYSFt+UujUoRLhTJ1YDRw50Y9qVsnw5ldiVKYEr4maxaRzjrtIAnTHGQ8+DvsRYJTZQGLMuKrAx&#10;r7rZIPUMpuxTwsR/Z/tiVDNEr+/53Oh0/1QtgvrIrGA4HyQbLqqbqTpm2Wgc6l+vJmEpQ4R1MoF4&#10;TZw09jW8czA4yYV2j94pBIjaeHozNixhkPtzijnkB+6PY2Boy3G5+OpHz4oiWJjuGCNkfubakRCi&#10;M7FtduIo4y/j4DHVC0QqHUKg6TNPT5ewN0O0j1lXQ7luDnlCsa/4y3secvxwvtK3HgVg+X1busUS&#10;NCBOyZBBBPxqH8a6Jy+IsfrpTW62wHfPTRM+MQbX1eR5zErm98dYM2+sxesxk+DiJjAHLoV1hHUe&#10;jk5cZIJyPgfLqzEgEbUTF499xV8+2yCSlo2gFUWRxp5hXrf+XihoNvhIGPcm96xdXXq/FGRkOOqg&#10;IFxqeoxkEZBNeoGvLYAktTELRWuE3VvnIb4HLsO70SAgQgHMejQNdDBnpJ8pQcisI4Pu9q7iJF6/&#10;1k/B3GRrA6D0g4aQZRfe913F3RT9mndSre0uuXtjJnTSzzKRmAGThIUUSO94IeKMzuNjhJqfG8M2&#10;s48z3ewZc84sFeXvk/STmgZraAvJY3pOj4GUbFfx2G+QuNkzF0aZdQauQLw17iqMs/M4FMcP02Lg&#10;D/brv6p5Tlh9+qyWVIJUB/Mdxwyo5GfX+e43se/0GMKaJIEdhns64g52a9x2MpAPCRbWJzef9Wij&#10;1/O/vT7KynGHDqYws14v9mZvKRRvEUkAay58iCMjot8/lnWeWe0cPF6X8+HameueibD27CIQjDSn&#10;eAwygo8pJ8XBAhRnz0hnR1lQIOfZsNiXj91Hi673bUFggptUtVDDHOX6JMdg2DQi8EOaD/SpPkap&#10;rTRHcXRe/nP7QCZ9DtiwDRP80L4+Amx8yDY7b8JwuuPofdQKnJkAvEgmI8je7+chawFVGbgXd0rf&#10;gGhzwOy98VGve8becTkzH6mF4UAAfVuRb5nUpASEH+eCisoXIBlGeFeH8EZFFx/76eTOXTonalEQ&#10;zYddHMS6xFHGX74PkU3OA+RxYP3EnkHJzZNjx0w5kfI/HRkHgrSMyps9BymlkzOx5yAAkcxJSmGm&#10;9HPVLEvT3zd7JthqgXBGj4RLs82ucxbibhN2aySMOTKbhXVhnQ+6b/as3FfjbfQvSxWbxkL3Y3vE&#10;fex+6HOdib/CGU2uY5s2ZOFmz6Dqvncv0mqPw3vG25zsyZGfcGAQ4dY8gXs9CxX2JAXcE1zdMGZ9&#10;WNGVFSmfuODxMbljFvnH3uHDR8fjmz3Dna7cyTpNN2wikfoxOUSGHw/os83hX3blMdvIIw66HGt1&#10;s2dAXThSKwW4zKH1NCjibB6UAFs0Qd17lvlu+5koGz0XOAzASV/6bT1fHFUh3OpuMukKGaElwkLe&#10;Q3s7ZO5H2RF/mSR5MtuOexHLl7MyyjDiDOQ4WNOK28btDq/raNxB9wng3pttzaDnsmOYpkuios/G&#10;hk37mfRczzdBeJLMU1hn7gtRnnGjGm2T1hl+7YehSFxLN1LgxuJf21qRQWNS/+aYcak9lsD5ZWU1&#10;hdmGAZ15Fc9oQurkMLSkLwaQDlae3r7Z8xgVAAVKG1aWjnMY0U4z1nvPXBlDvmSbMSJzOmRwu2cW&#10;uYMBF9Hr8UCjDu8kQUNsDw5tPXM/qUT8/Z6HeCdKLh8TJgzkJweI1usDsWExAoZEWjb7837PY9ST&#10;WF6yeFn3HmTkFlhkaeyZneHnBg/ks9Iz+8IDlNwRP4VGWQHfsMrSTQwYsMIV3Ox6nd0SNBlCWFgp&#10;Rsd+Yjed+URez//2+gMKyrpMFu+lpGLO3Isg/ImrFPdOeKzPl0RJFR4rn/fNnH7IqyDbyPMQyGSx&#10;6Ba77z2azEGuZ8t7l5T5KaOU+Cb1LcngVn1RZHLsoCjnUX7AxvkAsbCzY83YB2ec7xzN5SqA9vlB&#10;H0xQFHvUkWM6gtC5JMHGZAYZh2/2VOYXfdLJ55EM5ntnOPRtbsvChF/4vm6kND4mkh+y5mUh9qyM&#10;E/meZG2mdMhZ4G4AFtRkhtfzv74TxvpkoEyoWaof5q/j8VDl9d6smTaM7U/lD0ToIDTakxK67I9L&#10;qo/1XMpBp8BGBn/5qQP4REHXNBMfeBODBC1rvAmA1PO9T95MvX3jGdh1Q9xKRua0WwNez//6vCvd&#10;tHM/Esi1itfzv70+dqXZOQR0teuaLvB6/rfXB8o0jmXCDb8a1mmqfyIwgDenZvd6l+uqoG+nCsh1&#10;SRJxeHyxFzGyd7dFPuzFNz2f9BIDY700H51liCD06cWizpH+Uf1xKO2d5+tj9znl7F6XApj+RHJ/&#10;WAN2sK0ZYd/z2lRv983I0L0ugyWh4l6B0YbHKKE0cMSjWytwvaX8TlLjumdACk/04k4NkwXnnAr/&#10;M8JgcY4Bxyl/t2diXx92HY6p352LrORsue+hc9fFtmxdyPV2z5r3iDtEDO/Hx9xSYbLpfPvejBFb&#10;O99FSCfTMfTM2a8lbo/wuE/o3Z6HMZOdlELfgTCsrHjdGiGAge6+b+/2TG6JSa6TqzuXjE3rDGvK&#10;qeMjWvo0W7PUEB4VrHbkD7K5waADA4IyeEye6DU7I7MBOsg8CKWr9Ey5yFPxl3MYHoDvjAujlSQf&#10;DyqRNODJXueUiJltzDgbRA9MbsS+4q/eM668cSeZFwCUccyEQfpjJFmKyTMLjgYQkscW9x0V+4q/&#10;vGdcfg82XORqcCIP+dIW8kzZPcfM6YCejMSYK3kIOoTraSAXqS9gq6QVt575YBsHCuOUEJ3wSAaJ&#10;vuQm3Z9tFrnn4ALC2FdS+6DGfFHyoeDe0DNeiJ/ZBn9TSk+h5/guHllqGqlvLETsQM5OUHeEATxB&#10;4sxiurefUWlKjzt2JEgdoiQ2TcCgL6Tu+EteDfFBZwOWAnSqMObB9jxzmIbZPpN31XGDpofHp33M&#10;lSBSTU0bR252XetcTXqeSy9W2/xiZsrr+d939Z2bvF7srb8Fbb45UGrZ3h02x5ky3UcWtlZVXgDi&#10;efqhAg7pijaSHf26RE784OslcUJul8fiOCZsF4nf4yPWR59Xb5IdZDtdS4fn2oUgJ0gYVmAzUMB+&#10;qwtims+AXa7m9WyTu+o2Dydp8/krRMjqQasrjSTn030TmYq+wrGv+MvXWU6va7PukZ8LSWOucjgE&#10;Rrwxjnl8zGy3Kbk520PPGl9K9iS35eyZ2UmhCk7hOVSBXYrdXpntQc2iUbjEIw3q1MKsaT4YNup/&#10;0qu5SquwzoPtQPKv5ZEOsz2Yj5iqKYlstB6CdRlX9r19yhFgYO+DwXVWv0cOTuvUZULjDup7ahn1&#10;dYLkk7eg2rZ9qH3msHmbH+giddrcKAITum+j9XPSFUdo1MkEaiKKIxKs2biKOMseGSeylu94IA/W&#10;DGYOM9ptW7e4FmhKR20lIgi82B1fvn7IJeXY6yH2LDklgSCZe+1NjtyfX0eKI/O5shEqnbQ58VKP&#10;HQHyWv7XaxPhaSFETnuTpvp5taDGjotSe16t3PZAPelvmRPiKJweDLsmli6m4+NEDutDqm7Bzg3L&#10;rk+4hSUg4G+GACYBwjw8HHmQMKOPMI4szYoG2PzJDegeK+Lj/iBv3D6QRe3ThvY23+8P0qEU/hBj&#10;KX7bz4D8sD8ILSI1j7c4hx3NHjKTQeLsoT4jF+aCpFsEanuTDLDj4b39oQxSa5adFVN7dIgQDaFm&#10;dYFJmn8AUouqIzve3Qbpc+USAKinXcshKn+af0xps0CprcsSPq7WwIMjPU5B5Aunhxlvo78YoKyR&#10;JgBgg3TnPNCQklB+mHHvu/UGYgcq3t7BlAeNi+P5wE9ITnMGyZ63BCzW9+Sn1BP8auk1ZAhgn6Se&#10;cm3WtplR2ETKIk90Xd3uJl/E39FdFXrH5aruZjHRqVzbFjg8H5KAbDMHEMuwWm9xfeIvmz/dumN9&#10;4ic1lLs3iyloVraOhkXrg3QqX+cPsvyqTx2UNYyQjx7pS2HDOLkxxW/KRGWlO8/Ajf2yFTksXQLH&#10;XuIv40qlo7dxglObH+vjJH3LrzMgc1zgzEgQ0VEEobjy+EJXQQ4QSsKr1Zt84lCIzNgsSLVtdSBp&#10;cOf48ACzjjcRdk1I3JM94I8W3RPwkJaMKANyTM3qHgUMlNAptqZ7DXK+27v3epVD6Q1j0rG641Dl&#10;UbQZlEGQYHKivv1Scva/JT5P3cbtxQYQXt5GIjPOV8WrXfKAcCSnQ8sch88XFdxDJkVG6dRhDEd4&#10;+egQYFIsytOJyqtucWo9PYEO0h2eYPcOo+LJsdZjp2hjD7KRp6l9ervPI5TeqAU2iFaYTqO0rYDJ&#10;w/ndEApgMh0y4T27QfLWOIdmUSzpitthKFyNwRU2YZznJOD3Gn4+9elL2zY0WTMexSaEZcf3eMdr&#10;+V+v3RNylMjWgwxe63Ld9CHTxmKyPaIZhZdHXMgmWIZ+GA/bzJiTDHczkKfxXPXJ90BPJiQo1nC8&#10;LqfwTT3Gg3Fg1tP5lEiWEaxLmd74oT5kk4sAynb5kPB23UjfeMyr+V+rzoUHnFtp+04hYD9179X8&#10;r1dH3Rurkc1uaSpvV4k86e7PIp+EunwkBk2HdyhiAAZJAvyhNvuwrcopGQdSLpeDg7e2d7mkSReG&#10;QE+fb7wt046kg+oiz/DwFO/94T0WUFJBW0aSLy2zsfdJGqrHSPCugFRDp1j+pqqQYJw68/mLY4u/&#10;nA+GV/tK9W7HhvHbYjYmOWdKxTamwA2tdEukxhUHarlRfHbLDLvAZiMltTIqHV2KdV8kL+FV/Msg&#10;AiXfPTFLB8+TnghP9c1qY7s4rfGXTfKg6q5UzLC7qRkz6IJkqCkguup676rbQZXOo8VNN6tXH+8+&#10;FW0cX9r2wjv7qg4q3avFl50Dh1mfrQRybXHeGo/NFoYCft5h0XQhfdrc1yubaNiMszk1mHBFKw1W&#10;tpSSC+OPtEJDbJDHCkyOcgWlYHutao0OgZnZyCXsa+r0wjzGAjU7pGp1fzTmFbpqi0Zah+5CGMep&#10;qxrs4ftI0RUfgSHLjBKnzE4LB+M+uDtysdqbgJAV6Qk+rzNi6pMx5VwmJsGsbin0lCT6xguNI/vg&#10;xWJA2qWcuKcCBZhE9MxbL1b1m6wO9X1n+t+2J8GE5CppXGS9CxdorXst/3tZez7f+jYnDr8DA/fo&#10;h71NSv4Po9BH4y3moQAyBswnuqiNqWKtHwnQH2uTc2LxYTSdQo+fa7Nb28UtQAO6y+JzbS4Ws3Fi&#10;wHb97PMYV73NKgl833YAGFGcTiqSYMtR4mNoujwDyIjuXX0O38clu7iSR05Eyb9Og6ee7nLkAIqf&#10;I6SHlJLKtuFSp0YQe7qd6rhl9wxfHNQHO6O5TYybLObWrI6XBbOHWIyfH8Sz0CVHbQ3ibMZfbW4x&#10;8Gm3NYsJGZNYyf1ECx8PudYrHR8Q3GKHC0jI5Kj0ZZ++rrY/9MWVJiWEWf5gr3KYy1MscBF1ziZy&#10;1vV4lJ9lJHOlYJwmwkvm/grUjubF8QXEttOZQJKFL8dz2Sc4thlpYI06iTSwoBIuTPbpNqsWbnT+&#10;xEX0a+RJZLFPIN3ileFz1MdnFMI4CQy5a3jBvHTDYkmiMVXn/ThxZHHdyBus7PEfpM17WY7Bzkdj&#10;D9p08rfLz1OWRypNPhA0NByHtzhtMs4/X1L1u2s5vYczGh8uus5Oc0H+iVJfrvZNmgusezv6jKth&#10;Aoc181r+12jT4QIbEen3/d49r3U5HnSpzwJBzygHUBRcoNZI1p3tAfdWtpDFXLlVqJIZpDQks/gR&#10;0FybGqYJD9lUJlCn4o8Dgz+5otQCOKTZ2Ee5Jx728dqs6CKGFrMmu/xEWbyW/7Xa55c+Ie3evSfH&#10;l95tmrjmtkUCzm133CV4LDsh1JhfNcpvKZQ7co13PMUI9x1Nbnzk4/C/bTyIctdnR96ZI8de64on&#10;WEs+udB2Lad8I0pOEiNs1h5KWR0quA/2uPqmPdTXja+dNe/bKJTcb+vDxoepPo8H5WNoj77311L0&#10;3u4IYgZur1GbDL4f2iZYZUPjjv4e0XF6L+cKINM8JRhXN8EM7CqkH/14iL9Zdys9x2Qjn2XH8LuS&#10;B5d9DjpAR2DCFiE72O/T1xcO8F5GggYd8J7fLvsk38O0KSFD3cYVmj3up2o8njcAgt8/fnLsqDs8&#10;wRWiujzgaPDGnsUksZmUVEAlt5n8tG4oMgXkjx5I+ojrhgrikip7SGgsTDD2rV/Lesi96/FczSF4&#10;Dx5da1bBvBB9VnKpT/AsiLnK2uWeDlb5CGMv8ZfJM10GYzNJtDd+ZID7mDi60gg6Li8YF5WMaA9/&#10;6tho3zuxF59j643jkK5NuMNx2p3vtTGZAYpoH7SAjCitqS3iZ3Wsq23RyO2146KqcQiCOHV1hlaZ&#10;XSpjbeBafbqIXHt7ChZyfwfCnlBrr2J4p8AgAlrnhY9uscOgIHSrBWxsgGrSZzzbSOPExl9teumW&#10;k4veMF5WahhO9QDecegudLsTPDPrm7mo5FkSGhB0b5OsOHRsmIPUZthgVkrgjaN9t65xfB8YA4je&#10;D25iz0NGm60f+AKB6jeX97dcSxFeReC2aWR54iXCfMkBJm4PWZ0GNUwmRqTeVke3kHosGRcmLg6u&#10;T7+AkkyEGJdYkOg6qXhwDAQ1k+hmr1w8bxqIITc1co5UB3TbruqDGR5ezmwc24eVARRBLB1Es3m7&#10;E/PDyuh6FjteR+St7fNOEhYykr81ifkVDGjCyLr97niIA9P7S/ReQP2EmHWSrL1JUCjIcwVayTRr&#10;D53BOkHcSOAHyriWtlmj99ZFl/5YYBGUFek97or/x9n59fpxG2n6qwi+XCATSbYlORgPMMlsdi8W&#10;iwEGGMxeahU5NiBbhqRJsljsd9/nJeslq9g857CTXBz93M0uslis/1VUP/Bg6OzLwpcQL67DeYNz&#10;zRR/sE51qw9aIHxSFVF80fg3O43R6nohT9pguk0g0fkHDOw6g6B6QnVKLRPpXulPhB55omgNlU1S&#10;/I4+3AdyCvfLrPKFUn71jm/HhIT2Htd8UPvjkgwnX4kChqfC39wtBw7rC3Qgt8VHoSJ+d9/SdS+F&#10;jnAW8d/63HDv3kChutn5s1Lf6me5BM+fHXLR5MmdXfRS6DCH9DsiTzVmD9X0KhnV5s0hGfgHOnGi&#10;XXQYWlZ0mBzDG7oIsSq1Ve9iUap5+Sy2psNaF5mJaxmlq4+EJSNtuhCoO1h/dfJUVbwTlWEovQ7d&#10;6KNJgjPOqWdT44y0ThpJEEtpMHVwHqDPHUw6QhLCjpGiivJZNTjrp5Cw9dLvhEYNLgMnyj6zpCqU&#10;+quvU81Qg9FzfJcGLqoxcDMdjnk3y4wEpee4TQrsr1PfEQ2RQCsXrPaTG8Kl2ib0qbrAd2bB/yoN&#10;UT6BbtZHYmDewC1xRzW9E0x1mexCwEtR/yyryWxZZas4HYZzBiQf2do4OH0LLrwqmv4/yG9UG2Cr&#10;Bf1rREgf4zdsm9uPqJl0zUKDXFHf+2LJPq/8Bi+p/Zt0yHuoz4Fhdyohvquy/YY9Eq26A/vB9RDl&#10;c3IxfPSsoxQ1pM42kwusZlRQXOuUwxYZKv4ksl84oJ0m8O33U3NGh2pm2FdFj4+4b8I0gYjBsdI/&#10;q4v3ilaGuT86iUGTN/gKDNKSVl2Ha5EC8WzXk/b70fLBAANKpWunBm5/I5dfOn0kpOhal2UpaN5B&#10;fKT8kGNeYEJloV7StCo40hFu0aOpN+izFTGWLaOR3qghZU21zA436bC93jCycYczmJCJZdMwkLyf&#10;yAY3TtSdvNUBS6TEl2mhK4Z9dASTAKgqTbUrsH3c6Bl9cqXb7FISd6EhtQ+NXSErIorMzmBqmzpp&#10;qm915WVofja/6ZBF4XCZEDP0SJwQw9NbJUP91TmAZKBni/ip/bNJT3NcGgm23CSHCegrPNGlyeLQ&#10;hC7rrPyGikRVlDSsytawz9tv+W/MDaYc2eqoa1ffa32bOBAE2RkGrX9GF2G/9YjhIvdCVJrhssdl&#10;3lfyhOHCq+SotcWQnNR1T1MlMSlUuL6XiIGqSfBQgYE2ssW2tpjb7RalM8pg7yNx/BTCwxqhxXE8&#10;pDvw+hCx2ieE5+OGhOWzSOuOV4z5qqUxIfm/+oRQ2ssxoYxX7VL6Q3Tnpk5dKGS7TnBmTylXIixL&#10;UQTSE4LwipbGdEjhC8TD/PdUuYcJm46wthqTl07PnEclVbal7B5u6adCeYT+UDod42g+2jP6Qzfk&#10;hrA+JbSnwhBIf0P16LSgAoW6LyREOK2IkMqNWj1qj755YbI2dgfNI8icr3fdNCxYtJI2W1jmA97D&#10;irHOBeQGtWIzKHfCpF1GyHqaYVVxBBLY0jhnPi1n9Ic17vt7kdyVwZOvzjV5gXi58bVdY0IP7GVd&#10;2SO0wJai6fddRXttu8qcn+BFFAG9ioD4oKAxJV2xFi03rrSAtae+5GLJ3E7ZVcozHGEsjcA/tUxF&#10;E1A2q52A6nZWcQT6eKHBRAW8Ia3wCpCrFDsKL6owuYMS666S2ECCGrUHLyJMe6ee6zn+qcj6pAV8&#10;vbwCjgdN9glhu9VuHvAQRnaaH37FM9w2P0kfibFUzzZHV5Fz7Ri2b1WycOOyuP7slrNSHb5DeDJt&#10;hFcmarSLkUTPZtatVit9p/ANreVolTRXdHNKFCq0jwwTUT7sf/kcyla/VjPKvtM39bqsokK01bfS&#10;nAMd6xtdUk0sO2pftGvsgksvJ3vjbqR2R06cpvVc9Ve8z8HAiHmoOi9xE0rgHIFUZ8kHdKw6g841&#10;KfmQs6rBpCdgFQDZlQFxVfZGfz1limgkWSpM7nidFLQq4NlGEoesNERLExdJbfwcnNuIRZAjiE50&#10;DhPvjz0HVz9H4xd9QlSMVu2E1mAq2G2zhaPfuPuZZAW1g24j2c8qdDCLdQGiHl4NXtoBOY8WveWh&#10;zgDWWPtOKhA4jH48HMaN3/LfeJtQUvi3vqY8+FKRd3mb8H2fLHxm0Jff2lEWl4iQQ9DGUC2yqHyo&#10;Y/J0avX0cFk8ohjjZsE60Dd2WQ0XBttnZOEUcGBpiIKJinvpqARfiYewtRvWNcqEesO2z0KTVdbg&#10;/1O7x/6Qz9YJEX/GeGsPifEOrFZs1l9991DgFaFvI7GOal0Lt8U6sMNJW3sCkQ5kJBCAvKFfwQOx&#10;+zpMRGrlFKns9zVhperWwBWg9BnNFhdmXEN84fympb5C5SeEHv0azIz0fb/lv+Nt1w3Ocmkg+K0d&#10;DmlrY489rmlhLDFUOJvLCTfF8yTPBJ9WrXvHxGU9W5iET4JnYjms+iKpBQ78EKZadCGwEQeGAtOH&#10;sj683sAKWjZfEd4JFcUJTFhZ3kY1hGm0t9FGul2T3t6uB3FvCNBhdRCjGbt2Eux+uyhE+SFYuWHz&#10;pZFwh+o9pkjAKftoP0sYBmenL/nWrfMjT6eurP4KTKZ6TbIBXpRjjAPItQloRyqNyoREalAYX4Qf&#10;IiRyRiuzluI7PPodQ1NNHbUbeA2iQe98OKpBVKvYCekIpjp8drZC4rbiPGklqBWhF28qMHCohRUJ&#10;md0qSsUr5gA2PqTF308s0u4qlHbUqTwhshKsT8LOo+zoaJk47RwyUhPOiloCycGsCBzjmSt7jVMl&#10;dhNNjYLCc+ek4nP9LOqrKqlIuE1LAX9LUauaA8ZI3fPdie+yznqY8ZkFnyFMbb8SY/yW/3by5ixw&#10;jHTyoTPm5lX5rd2RSHWknO1ovGAKTHWkeA1VK5kWi0MQltmh6RqOfSKUYfcZyiEY8Ur1Q8dK5YMP&#10;rkfHvJMx2MQ1+Hiqo+YTMULeFk3Vb+9WPw+Ksi/ZsrzAVPa8KTlU1VVfCtHSaGJ42c0dTOjmVWTX&#10;66Lsri4Y49AUHpeGVd1dXO0VnLI6O0I5BESxSKywQqkYl6s2crzglU9dw9z4bkcib7/u1J32p0IK&#10;pkoQhVBbEzivUQyq7wnOHtFFjllkuo/FpoeE10bArEKpvwxzfpb4bnXX46gYE+IfeB4S1cLZfcP4&#10;IwJ4C/NxuT41Arz1S+0kxm4Y248oGsu+6cqiaJxE9sqrx2lfjd7CDDhXnJBisW9c0UEL+4ImWFn4&#10;VuTn6L7csW9KB+sHE/9DdCM/on3lr4W3VvplVdaaZtqJT6HARTNthmKjMu65ie4xZzDJ2YjkH2Jv&#10;670A2ISRXkFbxCXEKt9HyC3MWZXxd45SqaP+6vRJHN239Kr5fRV4ZOE4Y0YVx4t1Q5w6TGOCSRHI&#10;P1snuY6hd8JfmHDeT1bmtrp4bbkgqzxEcLj2hrBZd8wcwQR7Tse+2n85u12p6iXfg8wx9W8W18Bx&#10;JaI4xS1uS2sTVBRFmN2kidfvZWSnMDWl/6SznwP0Msf3Emu3n5QaOPOnWfllKfic3RVM18lV7Vlp&#10;p+E8VjJ4p4Qj3GKbOD9KdakVfbhbbJDu8j2oqOzns52a83XmNBLMxMoTQLWT1mjrsPp7cJFH6pnc&#10;SD1Kc7ZOzMpwMEDwi3cKDyy1W41MWO/i11L6UeD2rrsMWW/VQpHWQiYcFeRsh3n13xFVjhZjyGK5&#10;LE/pliR1py8S1FNsPJEmqIaHd5hXPyX6RfCEu+5PzIbQGPBNK5SYYaZo+cUfqwhXJPfM4PTRfsrx&#10;5gQxcdByVtAonYVz9TuTYMNRakgAdk/fOQL53RsCHjEQr0+BCG8hWaJv5yYRUynY/aFc9ue7iUaK&#10;YdphNgmZMYvmSBuKzt0UQ1gmRDw4BK9CE3dgwhPM4gmqLZ+FwIIyYTSVXWA94DXrLIEQTBfnR6iV&#10;8WSCv0Z2uGXIiXnEAupWq7zFqRp3Q02U3oY/Ah4OGSaqpWkKvLBvGQ07a2subDOsvojbYgRZa6o8&#10;fdG0kIbuQIHZjxrVT7TfeiR4x9sWuZZfTwTuUO6VudxU+EVTpppJ1U96RHi37i2MQzEaPVOKU8yw&#10;rqr+Cj1Ztd5OiYO+CyJJgnMlmWiiPvuOyXSA7KsXV0HUXwGQhv0uyGCihd+QPIBwjBWyc3U2akLx&#10;IuxjIrt3QBK6DQEixC2fJVCKKtQwx5FZHqKFxEkkZ+qO/QEFOkV2jLQOouCWBGDbScmogtlvCc5O&#10;cfdAGuIetZjnEeyjPUBVG3UnpvUpBDeIzEdGqSDhYxH5tAmdnf6UV4BBUPVYnW9pzFpnK4WqMHEJ&#10;hKcTFbtrEocwNyMHbrETx2fJFKm4JdPASVPkRN7Q71jK/Cw0VOk2ffYabc/JFc68OFxnytlAalXS&#10;zNkequMruC1JB7prvXOsSjX1l48noXhv2WWdWAijkE46eYVJQkeYbjdxSwWKWuM1MjEljP3EMYck&#10;7Q8xNBeYUFgYzoPAznCruk9TH6ym7idpDOPYo1QuuE0MA9bXRh7CRCMIs/h6BLEgVCbW+JDSPitu&#10;kc/B+sfJPoSJqyuiVgSEFqGPw5FQRIN5ZYxkNuCH6g+lyG5pyDLQ0oQE56z8xhi/taU4HDU2DJrC&#10;XBaOLES3rZMYpIGEsJ40Rp5hhZVRDvHQZ8lSG8UEsfABE5+3r9F9GKbXG1ghKko9YIdGRWEjYebp&#10;t/zXbxM5Wqkkvb3FIXPCjGwQWoZzwaE6hIVYgEXX6xXQz4iW9F2+yYXx96pZaDu1F06hQsNw919T&#10;jIh5OU/5Yb1vwQrF6WrbKmgEwJ8oatd98NaieHskFPmbWxx+8xIsdkaj1ITSu0VqpKqTGng435IL&#10;iIobvrCH17OHyXYE/7qqx+gPtnuvOWecM/UMaRNKfv8Kpf7yGZ3nGjfo4hml3ABXQvvsNWUPT9To&#10;ZwIS7nA+zltg6JqyR8xYd9hqKbuHg2dSlNrVs7MzTnqma2GJjr9YmDjhleArw8QaZ5ymXmTB9wm5&#10;AvEQ5pSBV7OO68ApRGifvRqE5GurxbCQIH3aPKLuYP0V+0nsFZOhj+Qc1nXiIHKkT7lhizaEQRFO&#10;DnocjmhQheIzY2hopw5roJF7nn7Lf/02S465yYU3wmh+zX/jdV6mn0RbiqLmXfAm3nd9HXXLr5P3&#10;s4ib9fUXcMke+AZlVOAtr9d1e0q4Kmx0Mac+aFAK2VBcQNVnoJTgWo9KVtrIbleuiYNZFdA6S3pI&#10;vYpPcg/EkzhQ37CQZAj6bjMllFVYXhQ5npb7sOkukeaiyJYPk5DgkCzAbCpw+QSNhfqSUQa7lXF2&#10;OuCqQ7Di/VjcE3QLJzGuf1j9HaoGRCgXlh5PWecN5oOnikaKMZTVLh+GNXk9MivrasltJFLYx+L+&#10;7zr42WqVdeKdwd9S48uqjKMnbP8wlsjiGYFFu/cQ07uVTYDZOS9yoqxmWQ9+gvDkU0Mjnpz3lm46&#10;bG+flOxSn+5KRPVXkJSum/bR5cQsiiYbb08CEXlx+wJW/eZC0xyOz0Mkv5EDu8/44qfF50soLz58&#10;cQ7LQla2hVguQcCo7jwDS292e664tH6JlqizgDsK6ZpjTJu8WoSYexShcRCI1tNDsAQ2XDPJEak1&#10;k+QKkVbUd4/6xSW7kVvTMd46JePZVnbDDuzCjORmm4Ogyhjk1/y3EwFii4znzpDppTNjcH5tRzkI&#10;KPzprqSgw2zhoXBAvAp92jQqonow4zI/xbOHxD+xUjTqua+cJCCDDfT4sijuci2f7sgI1sSWPbou&#10;JYU6h0Q1YVXxZg+Q813d5KPKe6gra7cadMJGSQuudUQmyoyycxmt+Wtoe/m0Arb90xyepVyN0U3/&#10;0LEgswv3vOVk3b36KwgAx5IzOskUYFELZCg08t85NUjOZc3qZxoogf09lGpsrBsm1pWjMVS6hS2f&#10;dufR9xFgFiV+z3/H90muCoEsnbtbBo99H33cq1DDKHtf/N0t5jiursBUwlH0t7FMhmNi7AYnI+88&#10;5F96jH/WxISs6SznjFqQyTSzD0oTIRaZ8BI6VJpHI4dGp+tjUrKCmDAk70GmSsXsGc+YsukToySW&#10;13odBOSXi75AIjwhoDExSiv2HG2PbZLBHPaCZan4rkBOj1v3sSKvlIKvDegnBAb+AC99APKc9bww&#10;a25kutBNsfPq5gcy/oggA9qUTNqtsOqvoGM8mEJhnzWnq2oGYBv11Z+Gd1X3MY/R9j2aRIIbfi/G&#10;QrzGl6As6ExkoKheTZljNCcj9hmeEXHuC237dI3VksgT81WL1L7D6dQ+gKPWmKPhSJe9LSkmMEZn&#10;s+NiaDmUhWzwKIPVPlqZpHuKXGeqFK+wYlD3yRUTLaaZXt8fl4CqM+zFjrm8r9Jrz4qrMlZ+tL4P&#10;Wx6YU3f1J/hj3R9585b5P4DpefYVC62R54Vk4BIL1ynUCHHt5f4DkDOh+5q+eQLzMcEWqyrycgIh&#10;zDuQy+EG8nIOMteB7VRDZeE6QPY+1lXWXz4NmHvh5VMGn0L+hXBRsoZGIBNgwTbeL6gg+B3Fg97h&#10;Cqv+MuQ8lnS+GjlBS0yflkawQm4WWfCsm9jWATbf2PC7/Jicqu7OmmSQUYLS0o3VC9fZr1mXXxpf&#10;+BRr0IKNTJuB9FyZTB6tnOC/d5+V77rsc4Ks9VXLhIm1JgPB/dp9K50T1VXWX97nJBNppLkkOfHp&#10;KXBx/+qCikKA6WSQf6ns/RuQp0yk2BtDc/k0fqcgA6q0lGdZICexR8SDBlI3ICcuxG1BS653EVy4&#10;Tt9cJOoUJkofu6ezgcOQbiTYLXEddLbmCWobSaBriWChTKJYhZwi01BmyDm2kyKqRrw1csanWdT4&#10;NAl27dPjVNGCxD2TCEiTPHljn+m5ofKRtii2ORrBzk8rfThQ8goC7EpZeowWEWcSp4h858drJhwD&#10;4QRkJdYVD1KrdIpkFFXmSUHLFNYusDZkdWa9wT2pHBopH6rDXNgjJqRDFulu7Lnm8hj83VqzspT7&#10;ml+r53E9Nhwj0hriMSlbi3wmEuwSaaLJxBTurJmgh3VzZOQqgLPdjBZOUXDFNs9d1tH8UHcgq9d6&#10;7DNhx5Vvw9NVrNUIEDVtVVk4Z7Rxj8fq12i9qfLL+iu4pzJRrTnuPk2jJ7hHh7yZGCZ7RAyVioW7&#10;4gZtP4VtjFmTwWYzkpfi/j63qExfFDdbrhup3C1vBhUUK+ljCdnipUvt9DVV/NZfxjZ82/IZe2Op&#10;aSHNqMX828TkXly0IfXwtB2FezguSbpoBotWTe6STKr+UfKRujB4WMvnfZKB/T581V4Yf3e/MnwH&#10;NuJIGFC4o7AihXvDm40M1sVW9TH+G8NkZd17c1nZHjKmkU9tQ9oCGZlkDXOHckpbLZFu7ya6g937&#10;6Gkk+NRFabO9Zhh/LeHhYZo3qQY3opoQSkIncmEVdnT4jK56dMjFLV+dYVAOJnXssHqb3eAXSHwl&#10;5HVqQgrX7k9sHVkA3kgiVItvkRgAi+6j4XhM45xfwNbhgjGWBPR1UXSPcVhD/YRrmwZExmvfqq2Y&#10;h3IWjqUwDdpfm7ZZ0pIiw6dZc6CEtp5kmBcyoEGE61XYFMb7PFVqrr+CX6hzjlkRV21Hg5whZlE6&#10;3dIOGqerYT1V9NHwzd40XqHVwn7NPteGiUQYiGSHRxGr39vPlB6BgSOc8RiYy1QoOXSfR2JTS6ku&#10;PBElNEIEHJSoqj07//Bn19yqRnxpHIYVRxSu745KfPBn192hl1hwHp3H8AReIHvtxpFOc/dsMIrc&#10;BO+p3/PfeF93HYxcKMKNFx68xanidCEt8E19vbR+e0mp0Qjn0A5xiQUpuiFfmU4qDKK1idtR/DpT&#10;gnNxDyTbQLTampvf81+vrEBBZWr7nqTLfmV56sjB3iRg0HVdOKHvSkwFm/DNO3ECLk3zpafow0Bu&#10;Z2JCRpSEz1k1X3SiLdRC6MDt9sApN002YrpQy37NhDRMiGT9kxFfPw1lEmPq28Vu9VuB5sTgHQ7A&#10;4cekgEmjL5DX3SG3dmTvoZ0+FUHAnwX/ikmQtD9sFX/Xf2P3iQ9hhMT7CPjRzMjv+e94Hxx0TZU8&#10;F46mOZLf22IOv5Bov6MGNtL124EaVuVIbLvJfNHX4M+ym9poFQPf4fxEU9U5pI8loLs4xiiMIWEn&#10;HhNHWVyJLwgCh9qOpkdqqs9GXaXXHjgimoo8iY8Ssu7LSSdqfR+8h+HL8giwmib9XoVmKDrmsRN4&#10;/EIeDpxSla6aibbw1tCzck3lrRomPcIoWDuhRlU9RPQTMoMvuwbCM/Vfz5FS8Wglpve/IxbWad7v&#10;+a/fL7PioB5RF7a7mo3FUhWgLudSDT9DfeYoXRFVsK9azC0m9ntAcV74Ffg0dUKVF+FocJqj6JDU&#10;xToxqXFxVuH10XbvwhH2kKGYSEgiBEK1UEkrhLVhMwQvQsrQvKdCRq2NuDlCCJbvuEGFte4O2UXR&#10;k5/dVCVeYMrv+a93EyXW0o/3ZzWS36vQYpRaGTmHVarYohnTjMGqHCkQNOGpm024xp1EeQwFeY4V&#10;lmdgmK9JW+rpXYzyRj18YlmYb69XkgaZ7QsmKjRD+VZFKkGn6vJZExLwfvlGZvmbUEvKnj2njYkl&#10;AUIsyt3PqIUc06FhkXAa2tngFcRAhoaFpUmf+gqZvBtzGrry3mmKouQYVOC+ZrjMUrHHYyYWaiNl&#10;zZGDNidG+lVkBlH1jMC1LlPxW3cTpg3M4IwY9+HOe3A3eZ880Ug9QZWctbv+rv96H0Wi4/v0eDWN&#10;+b06O49iv8PIUCf0wOJcakYUfHaJZFI0iskYeHwYEw9AVm1UjIURgRu4sCGzfD7t5eBeqG5Zkn+k&#10;28doNKbBkyus+quvGUGISeGxXDZQdTX1kuR78Wlov6dTzImpv7Yfywvu6rkKq/4yZKoJwmlASTxF&#10;8YUzg2u8KOPTGNgLSohwjHQo1UrvvWLeb8PEeI7uSHTNwkR6XNopCOx2mbyvDOkDLgJ9EmoIqSFv&#10;Uo2Iy1vguoyeyVWcrxACNr03m/zxB3SpZWV0J5bzo0lYgCNRlpmu78/Ux1Z517WudAK3e4ZP39k4&#10;jOK6kWXqyEjvGWdhaUIg88kp74wm1G/docKqv2LnyG92VcFLOiTAAcsJUaK9lV5qP8Da8ljtzDp2&#10;8OQ+lGWwhYzkplWIx1KBXdecEltxN5E/vU6MnnCGjNf4TkIg/cFdYyw3F7ZSXRRMIRJsBFnZ55lp&#10;EJm0i5XHTLONPpJG3DnPrIMrfIs+3z3849jTds8Ove1m6CakgTFwYu5b8Vt/xT6jjY62B3OnJmQc&#10;bWaU36KtVXUOzsjoODs49B/y0i9nQXGIsUcqSfJ8/Z7/eo7Kcg1tlpQQtQ6uOvN+ZfgPrOTS5Sdy&#10;NOfK0HttgBEwUGurspu67SJ4CjFBdaHqMCus+ivmy113inw23iCm2/0NAzJdNBQ37Y/hccuhlkZp&#10;EdBSS80DK6wFRxhtcCF/VPbLgqP1fTIe5s5pFsv7FZp3Qra3py6kFYUMPzxdsy7kMBZOErT6hwRe&#10;xM7OcUow6OvBcAYNzE/D4KxY7+gUDyXcr0MeZHx4NuHB+Axi1qa+CRkzxrrCPALpsYqYPNoYO4Sc&#10;D99mzdCWTS103+VWDKrUZOV4zQiHO9jG8W87jEaZXASmnZqLUhNW7/NGOKiowdjGtzzOd6Wp+ssU&#10;Ni9u27J3XC3jUOPyrjohbYWZ2IDMxG9IPLWyGejcCZYs0q4okewwZMnDG/wCN767qOIwM41MbGMz&#10;D9rGnVvTgJkJ9GkKk6jdQ17OP+5/TIKgDlxz6HaVp67v5/MnFbZRxFP6C14qPNUBRWxxEdazQolq&#10;G3hQm/pYOIJs8ijqlx7QzLZ0hMmKFyAgg99FcOEdcUtRICPXFsig3JZlu6nGq62w6i9zf1JXxn5Q&#10;FtebBM9FsdXRIU6QL4+JmkemgFIhKEbb8shldwgcOVDEKP7/FPdH651QoASfE393uzIyVKRbdE7I&#10;vzuljZXhXhsWBOkocJ/CNFIFoZQncuG3K9tDJm5sp6RK9WvYkUZ3oyUFn0ZGVXaFv1HRiZi3J3bG&#10;g9U3ayhAm0VhoQ9Wt3mMkjG4/3h8BjldY8KiUEAqicIIsJb6olQDU2ODOBGIy8WamQMmzjm2sQSd&#10;DwVk3UZaNjIVy/KYaSwTgwXZ1zsfH655VvBuP40Q9GagvWG51YlBBvZ6zscXyKbxOK9USfjeLcGk&#10;hX1gyu/5r9/nkkr7rNQgCG9M5ZxbCqa0kTyq2C4poxVprao8GKXywbv7cRwtIuPDNz135LKyPeTt&#10;2PRpLrAKRjkJ5YnHp5AJiXlRdIrpekD6NE6W0CImQ0iPCWqF/jIP9SFkqN80SC0wSkEhFO6jRSSs&#10;DGFCRnxHVa7CZWhZscMVv/VXUAdV78ofDF4j42qBTGzRAvHKQonkzW4FNBq4Y7F/Ta6KIwvkIcbY&#10;uSgs9iHSro9xcrojAGvm0N/QFpGezk/jOHAsK22Thj8a2e0ez6YUafRln9dTSIwCfSDwnObr9/w3&#10;9kXdjgaj1g3L5od+b7ubWbAQ31fD6qwHozf5AjRkuaRjfYwWbanFtnLn0jkdwULlf+jru6pGun1u&#10;kNlVscodiBDLuo6o86i6yvorMEVIbzg/JdIXwUJ+q9pN94ltHusKBsva8fip3URlInHGH2WvnuDB&#10;4u6O1bU52tfy+G7ipB46+sDKOCGpowCJzZBx9QiozdOACVPoHPyysi1OU3+cnbpJL3LVJ3ScvkE1&#10;qp4lTFtVHsdjZLm1uwqr/jLdz0vCOF2m+7FmJTuPRcm0qGtOXWseO5tbyFmL2B37pCbsHidRj4iN&#10;iZ1hO3WyYdYeO9eMKTOxfWVX0NYQDoObnUFGyjupVVwU/b0wBHofTj/e5jGGyOAX4/EhZFyIwz9y&#10;XTPpJfPTVzIgXDrlJdlzdygs6yYbHilvy3CGoYosfrYmtUz6coP6JFeaqr+CtrOOS6aYYkmFO2cW&#10;CrUt5gqC2pdV4GkAZTd4JLieUl43mlfI5LQ5k5yIA76AKja44cUFQkRi8MzcOM9IFDUwaLyAMPXa&#10;CIGo9zCU8EarcCajhCwt9U7vo9F2X9xYMwE+59zijkA41TXj+BupQDSEUmVfgZzq9HUvQ7dmzmi7&#10;BMXQIxedivSXwdapRVdlb4HMSTKLo4mNbBMeH0FWN3O3v1NUO6r9zElI8kKiBDqlU9aAgXLvQFnH&#10;NnlHt+oz1LaEOH/bKULVkec4ISsxyY+hoG5Mz8c5JQA32Q09kp1VBWlAZv7VvCN15/ngYZT7y+ua&#10;sE2bYvKDYjTMN6p4zrBNpE49Ydua8efqcunyadrpe81q6l1lFZEeUksCJWQLEBo732fS5lCJA/LX&#10;XPJWIZPX5SJ0fA9ArmsmB035A33e5LR1MjhbM2TlKldWwN22bdZjI4mfut6KVnWbNDFyIAIy2Av/&#10;2iFk8nDtuJbjtEfKJmRljcRmsBVKMMybQcvNwYdUsdJVlgtk62OdYyuXC6LomCKupP6a/Sz6Pf+d&#10;75Pi4feB4rPr9/zX75OW4ewIQusR1GFWfm8nR8hjE+4CCh6ulbA4ipESzxfxDxTGp81Xn5u2+9DJ&#10;HV0by5tMC4/F0uz8eO4B/MoZxlTsh9EyHzNx7yAz0y0MHZt1lfWXMYXH0FyRaSy2OTmHoCQmhidU&#10;vtKy+2QNOtBDlrPk6DFkpW3bEOUWMN1AlT9NNH9Yi6DnTU/XHGt+AUuNjHlOIhHvO5BJNvJG0k5I&#10;GYkFMmJtsGsqy5ZT/pyYnvNN8A5LqTleM/40973iH2SX1VPemH0QIKZANGYba0aOcPQ7hZFDoczI&#10;c8hIfFtW2Kfq8JjXTC3aSIShCFJd+dJjOA6PDfk7MnTOIZMlQ0aC5YhudCnYJhGGTweFKba1aGck&#10;RiqbuJ0qqDPuurvwlx1tE/VSZmGMhc0sfie1hpvJUMTpC0rg34yOeUMQUZ94CFmeO4/VzWBlnyFt&#10;MlE8sWvyj/Ry+8sI/Ym/nu4zMUhaqRidbGRlUj1IFJBRoKLE3xRGuSPR7pj3TKo4WzO3OpOI1LEt&#10;O7frGuPT6EDCcNtImdALtjGXhpdPPpIH8oq2+1ysljF2QCYMAwkasj89H2cv3xh9tmY0rpkWMSJT&#10;6dNiqYZ8iWupT9V4LDPkxqlSmYn3eXo+JmRVI3kjry4Ocv1nFH08PlwznGTG8i7uEWrOxrUcaja4&#10;cBIOlct68IB4M84g01MGbmB0XmJ5iuSZVVDDu4b6ADfyLefjQ8hwphHoHrMe2FanzRlktEtoPlaK&#10;g0/GTY8RucTzVF1tW+UgWvRvsK1ubJbu8/HZmuF+aHvG9uXA8h9we/rxhbZhJTQ5i8fDMXmBbH2s&#10;ayMIIXRff/RbroBfs4fX9+VsHe/btAeK3/Nff19tu+xlwJk27CG/579+n/wtK78zgyd9f8uPUGXc&#10;8I84voI8RZiK7Q5yGElxg1qgJHo0BeZGDtgFc3vIMkWN9WvuAikTw2a7JrYRmZquI+VwnbMjUpt0&#10;A0Bn7jCAapmj0OKW8VP9yPgAKkXHfgozPpd2CPihiuGrXkrLYXGTE+kYFcVDhZJWaRRiveHGxbmC&#10;SOkzRi9faumJg0oD7xoLohwunVSpN6TjWBuSSOy27dHuYlMMJoTRtXSyga3KzOlgYel1tWo45+MI&#10;f1IY/FSlUMWzg61qnlzd4XiZ2LIAe8kmfoOO6/DETQ8XiQlsoD+sBhAFjai/0XETFwC7V/RVPJe+&#10;JZD04Xurha1ZxszMYx9OVTJPJMPh6t5yCsaUxwad7S274yNyTV3G6yNXRJDUqtQhb4dIVVpQ9wEd&#10;gYVKXC3NcWj8PtEqUVkyjc2KcIcvaqzcbdZT7+YVU9IhGyQ4xsoTcP9gKAyW0WRcmRgE7lNEapBy&#10;4U/JGTaBdupF4eXqvgfvsKpCffUV7mBQUigL/xDkNkbDVM4PEjY6VoQXdeXO1CXNGMxwRI+J4Wl9&#10;bpJvuXj7Na8SDLXcPikyb57M79LdzCMjKGdI+rtbuSPH0NBkZcWVw4pY56Nm8VeBiEgeFQkzBfeI&#10;gOnnACMMz9cm7fLWY0vqM8jy0mFRdgoeOc9ju/BKTFVm8xjyHhlBI+34ELI+N9AJsotg40zC8sZj&#10;oTtzTj2Wbyrm7ceHkGW4Df2pLTAfy6agj8f+9EAJM5Wf5u+CrAYsQxsl3lE5L4nS+MDGmq+PicCP&#10;aLTQc+4tohsFccAx68unUb/VBv8hMiCriBtd/fgehRGpc4eknR7JfZJk6q+fHthul3z83ZDHXRJA&#10;vmwk3rqRf4VaHOickMtjYp3niiQBM5zXlgvXnHl1YJ6c5DIx8ldVhRWbcQ/bJbqu01lPFXIStS8+&#10;zcOuQY01qx5h8lkIfc+dt9xTnSod0NjU2KBBqR9TX9QwCCZkclTHxG7WmxBIwbPqT8stWFiFTEbH&#10;taY7aEImg3U4GWQC39hnhOgocNuIWeWNWuMhPLEKafLz0Hpi3ngUbmjRCLiU10JWZ3UsEy3g4yYh&#10;yLHGOwgAoBX60DGv7s084560ZVRXpL6RF3OFqbxQokB/jDGzJBkpiWZwz+G6u0C2nA4LlpShkbeK&#10;Dh03sDDK7/mv3yeeaB1FSSHdTZfe31KwzA2f2mlMDUIpbkVSWJejRXs3nA1eOIf6BndmM2i17LFX&#10;h6aKaK2uSWDXQ03TyGGNTQPygtP9mjmKU0U1Jcw1k2xslIi1rHQEc5q6s6nwEDJdZkby4MXapgUg&#10;nzaJXs8OeeyjdnQ6Ac4gy282cgtRcGr8At99So3aPNalY96Mu/yCm/Zsc+9Y0bx5JhXdjc2QDBu6&#10;82Chh2uW09yzxtqthijXICEqx2MJhsJCici7wzMle2Ll55aKynqGUoOR133iY1EU7/paMD59EVhF&#10;SI/HZ2tOd0ltP81CxoEdn54Ty3rLeHwImZiMLeyN74zq/1lxdFVMSkLveHwGWZtjE3xaIWNR9EWf&#10;pRVDYZ+PsUKHP36o+2eQ1cpx6rbyvBUS4jRPFneFrODoOO53IaN5TLvtClmKthmzlK1K28RJkx3i&#10;x4drljEwjs2FtgmM0HQv2Pq1rlhcbZzJYSofQpZoNXu8nmdyfYhvGrIP7NhnotZT53mYthepyii8&#10;zf4o0T17Dfye/4YU5lLBERSdGiHr83tbiYRjSFvUFQiRc63XIOtiBHEbv1geazVeuMisPT7Ead6u&#10;MXYgjQ5fE+WDRMfjZqQPyNraLY/02u2bh3KHREADvHQaWd9HyxgCeSjwT+GUPmH0njNOL+ydlA/C&#10;YX5stX+uDNocMdGbdKqI/FAHh7ScnwanTomZYnw8lrdunhDO6Q3dvDk2fOyHd21+ms0cR/eqflBA&#10;kJoR2LN3Rkek9AEv0Dk6FUzIhJUHk73qVLQixG/o0dbIDiGjjw/qx+1Z/Qu4k0cunGzMWkWobHJz&#10;lHZF0LmMTxez40rlw4XD0r1yKMY0alRqfHK3yNXrfUB+RH/5o+USmuOqmI4p6pLXYAH9RMxH1N6i&#10;rpZrUrCQYiwx1WEhVJ5Uf/Uzix+F6gsPvYQS0CfHekY6rDefTA5On8ey2nMjQa1Rvbe0Cope0ePD&#10;Smf1hy+5GmAVqynA3ssCoTe5mtI1djwTSAyWYl8iIn6Ka7fsLRXIg+0oxao/PdpbrNuZXMIZ6lkF&#10;AyyOmxH2gs6r95s7HHxLha4HAVlbTrzbW6zG4RhXFVv1OpJEOEKiSvWuJKU+xWbN5CUoffPUnb8f&#10;OlYLnVinmx+eT4mVxM4rh+SGz4Ybmeht1Xdvsx5CZj5eG1wQqTNd3EUyJoRtTiTPkiwFRalTTie4&#10;kSs1Vkvcw/KE3MWgizOSAjk2smezqfFhWqiP44WPrAY8OUB0sfSk8DCdM0daJNFS1kOJfxS9mOUM&#10;u2yHZM7t2CDUgxskRUTBfIiOatGWZKwWuWK5e831LqdA/rRzsfuKqKWtejKl1IMgMftX8GRr+Zun&#10;nPhxgLB7ejj0aG8x6EeitpzsdfdwWflySTVdVfZAnhR0PsByInp88AwsXRlteVDAtyRZImBGyhZe&#10;FNW8JrBqEWAfFekO6jxzyi6UHOcDxMUHypHKHyaR1LRKw0uyZ8pTLtswx5aHpW/Q0WrV5tWayRxq&#10;kiLi7F7GqZfmfKq08n4KMH7VOeV8tSiRcYCUHVUNS5y/7u0MWBy9JU5EctZoNiiv8o2QCe5qKgJi&#10;xsQT0Y0eQjJivsdux2qVOBk8TAbLDUpWtufYPaR8dWZTrsBVhjEpIq01ReVbJcAaLELjhluXCpeh&#10;D+muxhqNo3JuBOOkK9ewAaF+pZE3jn0zZ1wan9k5U4cyMpJJuxj+c1klNeWGq9lGNgg978KuP6Jk&#10;3Y3ljDI6pao2Ne0tiwFWrAdGWV3YutbXgo9AOqJ5S8nVbvuaDGAXzNNdUPPu5O/X/LermAjj0YVX&#10;eViDJfm1ne4iLm9pTmSR/cyLQu0cSWBE4MmHKU/BtKUF1xhO074Cqr9irkhz62LkQyy3E+oqR+MS&#10;Ub90RdSVnrZLn2O53zgnRDDeWOHFabWkRXMf8IiwgYml42WZFGes09WFcozsWCfVPz5c5N/hL318&#10;Cyk0cMD1ufTG9fUtLnV3TQ/bkK2O2Col2JIwEf8FPtMuh0V3FUZEHEcNkmdPlzuwumAxwrukm5NP&#10;WMDqqsUIR1JmQa5C8bjA6VQKpsMvbRLfeaClAqq45Co7d0Sug/xaHdw3AOvHLY24EQLDoi6fRhPB&#10;cpF4ugEk07fiv8HMkSWcrf0st2ARmMHdqCIBOeXgIP7dl4pyDNhvBQthhu6HH4Sg8A2wreS247Vd&#10;11E/jFwImUhaCun1FReQUWg0hDKQJ23KF/rerpYjHAJGLQZwxWU0iuyiIkAdufhVnxKW7IJabtFI&#10;ZDwCC7WPqyPUSrwadKQPOw8csErEzGCp7pmrHVM+Aoshb4+ISv3UKSDJAUoHnQ+KbKLMtYJVu9Mu&#10;itkMOO+NvRXHHEMVdSxgcQ8Zybi/llY5oMnNUx4jKR+kODoo09EfCwpFd1y7vCyvI0qiqxPaCBGB&#10;x6XVS0iRO2gaC4DtYOhrOWyAv+q/MRnu3qMlQnsdpHKmHn2d2hqpbf11RNPRbTewADfnY4upPSkc&#10;jUWNCz8o3IFZZPxDYq5G1VULnMOYXz0vdVHcq453pM+SOb56alEkYkTDVVERDTAWHFRYHXG6SiSs&#10;DcKj7eq6RK26NTl6fsvniG+sLAru6XNNKgLpPieLQhEK96suPEVXW2a54IDXX/TMAF5HOjeyTnSw&#10;XVQehCpRFWl4+vwkga2qqElahqsAP6oUs+2i9mDbRYONqrAQ8KdVbNGPuSvS9PwBc8tTEiCDItVu&#10;t1sGRwwHM0KMooElEycuHHj7u9hgomCRqYLExW9e2JEiOpEkSI8wOIiPWV1f/eUPk+cXQpq485uq&#10;SBNQGKsF/4sJJV8I2OlTRkm7IcPK7uEkXveW3TYakTXVWQ2JOkXl9t7iP4/6iDR0IFl92L23g2jm&#10;UzYoMHWXpLg5EIHYSepKydhm7Fh/imJXrXIkaWTFcMjpveuDVjez/upby92SVt1I2KeiN9Mx8arw&#10;eHERDXp4fYjR5JWCkxvyCz0mjDYutqD/bfksSpr1QZIOl0QDuvmF3UVGIpg+J+E3rC1mi3RaajM4&#10;wKYkvFlLlgruYfDZEI8RFMkzR6dV97PGhs6RphRuqzQZbR6CT8/2JsyGlZgtay4sQM3U/FlOaieT&#10;MSHe9mzv3f+NwmV1EVGLxyTTkC64Nfp4rU4oP+S032DAaSQt65QynmRZmhDXsizdN1D2Is9QHDEc&#10;tWf7OXGLCa+slAST/+DzSVX/4qaFT/hok0qiWvOu4dQTWcUhXTnD5CdbmY83rCZpuLyNahM6lPyI&#10;nfWntyukfvZFWbE14AQDsKyHpqHxQVXH1wtEEmWj/6g77tPr0cEK+kJFipvO0gzresrbymYKCH5r&#10;u555UmV81GYc6bypwK6K5LQ/mGGy13br2cKc1CRNcHGlzoOBmaX+folgUEeA006qOjU+QBM7mAgH&#10;c15qDvBRls/qvpb4LAwdHpNg4vKy5sFuqGp3t07juFMJVy5bSUIckg0bY/yW//ptxxGp5CC8t769&#10;W4/Kyk0ZY1ZmS1gwL7weznKV8hgzEQ6V6awM9d16djBR6s3yZZVW2wztyI4SXYy7wEwPiQ/egcnW&#10;xI6r8UH3/I11sqmBBI67CnvSvsFV7Zw45h9pDP0Z2Pll37ZYmXDoG4vt+MAksHppgFQezukTorlT&#10;fqULhoZQ4lqMYkylneD+waX2Kj98zX7aEKwrq786lXLyhkyHU1R3QUIccT7M3bxORIYlM2YaRltg&#10;tUKpvzpMdV+LDZ4jvfuPP+TUWvW7BxNJYB6DT0DcPhFVfghDXzppp5FcQH5DMufPCs+FTKQBBBJI&#10;vljqGdNI2GH0iziSzDA6KxlElvhfXmeCiVN7CRcrwm8ZyBl5YTlTd7DyOOk4vXst6hTn2FzUb/lv&#10;7PvcvXmwk9yrkGIMvtrBKVhOYeLYgOPhYECDkNJDLlTrsuEMh3MkLsn1qtGJpqtohVOYPsEusZHz&#10;M5FHIuUL00tnYoqSsc55mojAhKl7ts55gjnd6gCRzgTGk1UiaYfdYzFg4muKc4gbG2/u8ToTS1FV&#10;Z1U+8NdFlYcarC3ttvAPW/qSm8V3tjArxcF/LRW5u5TGfzHGb/lvpzWEDThoegilmTJBuwz1Wzv6&#10;lH0Q9EmbXVUPJBwmif2cxIHqSU9yl9y9CE8e7RsyxwJSzbj6SR1b01hUV6Zo37Q4YhOtwAwe0Hp2&#10;68yU/ZKtKetMrANrlM5PGQnpkKJmhcfkaJ15JDlPS7xg8k+8dGsMIz0cetQZzDTyoqiiAtm8u6pK&#10;mfOKG5p6Kjbrr+BxiWdz1JZ1TpggNnKhxmbP2VLHSW1BUGyFUn9dYV4sOIgxIm6ELbAL22cNEy+W&#10;XSHc2RitJM9wO9eJOFyK9NNncZQrNSkdpPxwmOtHMPNI+S8K3eaH8raUdSbqUx+0kaNdsVl/XWTW&#10;HGn0pbOyeTilwHx4tE5kjTkyZsoSYUlM95uLxyzxIfx06kzZuV5dWf3V15lsjqvnN5kyV8dv4rSk&#10;Nt0JIirKEWrT1bGbzEEy2pVQlGgo+UngF9OOriurv/o6Z49SWUC6kSt9VvG5UIGIP6gELD1kZZZZ&#10;Kucjur/DreVLh4YDM+7GQ5NDybWc81v+G2+z1xEA2769Ww+eRrMxHHokeeUpk9/lmyQxqUkALYeC&#10;sLlbaeAj4/G55JfHzdIdnhKKtI8FNrJL7ziVyikuk1L0YgREickbKXV59VdHEE3DnY+jzJclBwXf&#10;uKtlAKuEyQI2uZpfIwG7T/joPBL9t72hJMDqCUSldwgJ/++aUD09u9zHi19uSzO7pSKvHCNXfmD1&#10;wCRXM5elr7nj8B2jd0zoss5KeaRjxh23UAHRfNucfst/+zZAybbbUcVnWozf2q0n+da4LCvuqzfB&#10;JJcdiiJyMG9c8mKpKP4GT0sshKyRpaewzPlQ9khdR+3IMBPDQ+WInJILDnfrTGov1ZhKvkgsJPFu&#10;ktQWz1mywVve0TnvTqYgPWwVu08w80NM0UWfmzrkjHEdrTOJPuR7WA3ez6RbkSSni/LShJI9TBOA&#10;GT6t2Ky/4vhPbYVM97izwzCJetpDiERSMXaGiTfGXgpmfuMcwlQso67BImwufxU3edcSPR9MS/t/&#10;xCLOd/M3sLawXKCXpQ/Rb5R5180alQ5UkGmuVChPC77isv4yY/XdDJiAKKZVTrTgx+LS9TKT2gXr&#10;0JUroP2IgqQ1Bobwp0AVZcOa1thhQpndPTtg8r5H3rOS5fiyrXsxhDmt/uzVYk0aJKUs6gJ2us50&#10;UtA31rSWqSTCn5b4Z3IVYF4HSR/hNhn8tPOQ9EqHAZMPZHfTGOugBvmzPapedm1XjmBOm57i+eWe&#10;2qnp4bwReafpTC6N1/mOWJ5KIIqPvK3poxhQcLq+RthTdcHM2bxQdLAH7y5rtDTrJ0SzjIOnVntU&#10;fPb991v+G2+3WKzA0z5PtwHVl3dHMK+mNQVJqyEThlyY9jmyyWvQagZcyKaNawgua9kBRLCF05JA&#10;2KIazrAfuY2odxm1U1h/ByX1ZMwjgFNt4Np5Yv35oxyp0CdpybMoANhyEUhRJcQNf7jKJDufwHMU&#10;BrV5yFShEFDQXZ7M1PfI86LXTuxeRWLdcLwooa4psfCJaFJSy1WaNLwL/mQFFBx6Kuv4vmi6lSec&#10;9GIYDHOuD4c2DntWTlonxgql/rJUGOlANF1/2e8pNAJb0k7XMzGb6PNRYMps9UNCsDdgouGFQUNB&#10;xOuanEEaCNUj7SDoGoEFJmnTUTqCayAuCDwiTCxB5dnofOEcjfsYxzqJQMdSUFzXnrcEdMM0oCmy&#10;7ls8xi0ZgVFZxRm6ZJTy2b5OOs8vaR1EwVW9otkS7lEY8RQmTkKnsSJw4xZ0rxN1lFBU/yw8q6tI&#10;4yEaHQ7GBhNe24NkR7hFarncB66mNkuJr+kWijg2VCoFLxkwcUl4nWR93bBOlVgQNhnd9Ni+AnNm&#10;LuOZxwIuD/WfAgn4wvspO1snNBSaGU0mUf7KZ8Fs+K7VRrJqM1C5L0Mn+S3SOs5gztxvMprwkhSY&#10;sNvQQHHLLCUGdFQzvyLofuemlpSkDjGhsRSYsni6lET7jOz+sZ/Kp++4xcN0pxC0iZn4LK73euko&#10;2fV4qRtpyiRYtBmsgtDpVDrXDcsj3JL+Ck/vn4WIerTBSyHJ2RkHaqNRpQeZXyRux0iY8Z73mdd3&#10;TgsA596qDzaVNP1M+y3/jbdxfYREpAdd3DTAqvzWjpcrMB88jus2IqdgrAdrymjS7IsqRRkXxNLX&#10;QwHBjdgbOXh4LmIkZ7mcCZrRq75cLEXpBlUn5MIpembFQ7Ja9laF1xtYUfJ/x7v8hcNP4Lf8d7xN&#10;ckVAUCBuwfgWhxhywZEabyp8BV3DvnT6+URNnRGs0HhUWhDwx2cT0CqU+qvPU03oQ/EkiUDX2Sf+&#10;yU46YkVOY1yUMWBCpSG40DEiOndE+5g30pjb1uC/71nb47MQUjA6ZGwU8Y2HyrAOrOI1GVitK6u/&#10;Yp2z5g3mvVhJudIOWqm2PZRrbyOOc6Xon8pDju7oyvaaGp1Cn1RUYi02JMChlysP5IcKZzBGWkjv&#10;C24rxSH+cCn3D7KrT9BnqdGkWNqr8jd3OCQgp5Cx9g2vD40tMq2QsqBz1B6yNVV3wivuog4Gkt9+&#10;jEO4lVhC+yyiraqeOtb2u2DbVrlHuz3fVqr64qNsO9WABF9APFPHG/M0Vvy305TCtLYC36i97/L2&#10;DofQD6TQ1kM+H6c245BbgjBA4iFrK4cRFyrmUH+Ip7+f1AtNbGHit3cdFmK50iFtHDHD47MocK0m&#10;wucNLfvVtxGxgDs8oCMtWKEa0aFxnPjIzsdkjXza3kJl15/gEIGsYIJoAqzrWq3Es1oD7/6Q6E/V&#10;zSjVcFVLUy5iZhVndTUU9UHYDRZtVIaw9Uv+2wmC+8QUK9LEyJAY99/6pQqnD0FpkETsY3QHe14L&#10;D8n4DH7H2SvxInwLyNlOEPhgzmpL2A5XzMgwXKWSZ+q54Q0Msxk+PQxVv7Vfj3p/dISxsJpThNBF&#10;ivWHr1lsWSsi1bn61Db75FUY9VfMkvjza+hGWKcdaDlQHGF4Yt8Rf9S0DTCs1T4uhSQqiPorAII3&#10;iVgBpKa5KDNyAMo+3j9DBlhNBzUH1EdHTVTgvsd4ZqymeAP8N+YFMxwdF2buhF/aLgXXnRI123QD&#10;6QM/FD6h9Xe8xnTnM9JXQvXyRh6xIqVUKhYigKj3ldrV5t+cgxSccqxJomVg8Clo8Qh77XbPcEXC&#10;556gdlZEhnObGs6HC+/f4+/RKXPCIvmG7SjMHKsb7bUT5is0ti0t7CHSSSgY5oWiEfuchbYCNNzi&#10;BSWlmXF9pzHvTUkVRP01qOoycJLB/Ci7WY5zgveAL/vDx8/vu2j49e2XH5tXX//4H5+/hIf/85f/&#10;9v7jz//0j29/9/njh5/+9MefPnxoP979+P7n93/48OnZX95++P6rt+/evf/ly8uv9Ojth19/fNv/&#10;M1HhnhcCXX72iPbh8rEPvzz7ayNFNv7d21+//+qHD2+/tG/98lEAu2T59PnLv7z9/GP/chvf1/rz&#10;T1/ef7J44+N//fXz7z7/+q+f/ukf9a///fFP/+dfPz379OXDHz4yUZD/9pd3P3789P1X7758ajuu&#10;t/76+df+Ov949refP/zCf/r18/df/fjly6+/++1v29zffv6Hn3969+nj548/fPmHdx9//u3HH374&#10;6d373/7146c//RaV4Xn716+fPr57//nzT7/8+d9+fPvre1ah77/7n39hEj/9CWEJafzy9uf333/1&#10;x0/v3//w8dPPv3vW3nwGrQh97//2pWG//evZf3766fuv/u8fSND/l9d/fPWb31OV+Jtvvv7917/B&#10;X/V7okgv3/z+25f//M+v/us3/68tZo5veGhwxxT+DayAKE2oI+jt7/72w6efn336+EVSHD25qZY/&#10;fPjp1//Of/jqmf717/qXJsZyn/0N7xk+pdHYThqX1UEm/uwdL1DtRWIdJ/4d/EXJUHKL9P0RNH3q&#10;3X9Osnr7F5bbdvjPf4qF//lPgaJ3H3/55TPb+x9s2w8/f3j7/Vf/5bfP5FdGCX3212couHTLCgl2&#10;GfS/8iAC6GQ8f/vsRwYpmh5M7zLoP7TqCQmh9uL505DyIBJ1sTlePw0JDBVILOVpSHmQICFunoaE&#10;7JqQVPH56gB7eRDZcWpX+DQkhG6C9Jz2om+eXlMeRBiSZhkH2INVTEjqCvftwT7lQQp4Yjk8vSZU&#10;7wQJ2vvuAHt50PGaYA0JEi7V5weQ8iD2ieN5sCZk+IR0ShF50DFFoFVPSHRRxZ/wNEXkQVgmeN9e&#10;PL1PSnLMoLil/YAkyihg4QU8gZVPPC4YuYOfXpZq/8cMBQunw8G68pnnBlHqQQ9A5UGtASG09DTz&#10;y4eegmxSPg5A5UHKbqaK6wBUPvUYOOjwB6DyIEBRh/rdAah87LHY8JSfLCuP4gjDlQ5YLTfezS3G&#10;ECCucwIrjzpmTFIlBjkBS17+AxzmUcDi9oVvDnCYDz8tNUgbONmvPOoch/n4E7FSQ8mDdeVRWhf1&#10;1k+vS2HIhENauD4/YBplFIVncN0D4fgyH3/CuVyde8A0yijiiTQlenOwrnz+pYRhaD+NQwUcBjYE&#10;C7F6ACszANwLbNgJrDwKWOhnJ7AyB8C5jwh/ebCuPIroH/t1AitzAFDIDE9oI48Clu5IPcBh5gAo&#10;qGRKHNC8qqzTfhGMe3WyrswBdJkEnQQPcJhHsS5d0HqwrswBdO0FDvcDWHnUOazMAehTAmM72a88&#10;SrRBldjT65LfZWAe4U+5wQHNl1HKDaBbxwGswjfU2OKbA62aLjhzhoKF1/sAVuYAul8bp/3T+6UM&#10;yYGNfpZPYGUOACz8hCew8qhj2pA7cMwQny20cUDzZdQ5rMwB8B6SOnNAh3LJjhliN+m6oIP9yhwA&#10;WDi0TmDlUVjDMv0PYGUOwH7h2D3BYR4FLPjGAY9SdvvABucL4/0EVh51DitzAIwuFIcTHOZR8iiQ&#10;mfc0DokIpnVRvI9t8/T5KqOAhVviAIffZA4gdUOK+ZNekzJK2amUQR6sK3MAEkTIbj+BlUcBC/lw&#10;gsPMAdCjSKU4gZVHHZ9lYidpvwjNkZ14gMM8Cn6IcnNwlhWxmTSPK450igNYeZSaINCE6GC/Mgcg&#10;xIWT7kAuq3Z8zFCwaLt+ACtzAJReGn8cLCsPQh8i/n5CGpkBEDOkZ9cBqDwIs7zpeU/ayupZM3DR&#10;74E4AJUHybOB9vU0AhUyGKCoaCHM/jSoMggPAEG/AxpUhdAEdehsKIOOnQ0KoAxQBE04XAessIwi&#10;N4VasQMVSglrCZbKyr47QGEeBSz17TrYrXz4KdGAoA6OlrpOjhmqeJssiANY+fAj/qktPMFhHqUy&#10;OSptDmDlw48KRdbAwTlW5kJeF4LhgGWoymeMUqUhXoCD/cqjtF/kkh+sKx9/MrHItTtQrxUGHTMU&#10;HdIO8QBWPv9Iyef0EThYVx71khQwfABPw1LSwJghYUeSGA5glVHAQuAd0OGrzDZwoWLLH+xXGQUO&#10;cVIc0IbyFNO6FP0/WVcexbpIAT5ZV+YAKoOi+Pbp/VJCyJghsMhJPTApydaaoyiHwlV+wDfKKFyi&#10;aEMHZ1kZEGOGZGES6D8QlGWUeBQc8YAOMwegVJjg4QEK8yCpyeQbHYDKDIC0qf/P2bklOZbrOnRK&#10;aTvTj/lP7C64IyoB3w+tPF390xGNoqUtQRQFknnfOTq8UTH9mwvNhlE5/0PZM3lA+kwmNefXFJp+&#10;QuxiVA36z9MQ6yJ6x3+jwn9CsHw2NaC3/8ThevSfIsD7NYUy9C5OrgG9vcK7MdV7Pw0Azd0Ercjv&#10;73sH5Dhaz6PqrU9ODAUFxAQ2CFOEoMy3ar7gkpZ79XGxo/PtUV0xZUbVdIHAP6Has6kGwUzo2Myo&#10;euNz68+ry9lUg9hX2DKmeuNTJ0KFkqMX+rdstY+RfJN/qHfrMLPYG5QjK3fq8wrsjY/GmhoJYgIb&#10;RI5TZOVnU9GJ/Y5KMvuANLM/my3e2lNx5g+IoprJRBej6o2frk3myEep9jsVjCqlKYSp3vjk4eGw&#10;nr9VVMT/Zh1TeO/GVG/8/zpzCVMNYgKTpSlG1Rtff6sG+W/VGz+xKqPWeTboStyZbDsxqt74KVJh&#10;grpk2NW3SvqICc4k/fHfF0aZyJkvvlWDePsgKiYc3CQr/Jpi1ZoQ/ICS+o7+5jyByar5NfVOKTiP&#10;akAIQvNaJUw1W9hl8WqQXhbJsv83KjJHuReLUTWIBEkSeoUbEw3ymHrdhakGYSqXLDGBvfEJNpMB&#10;Ikw1CI075R7EIZKctBoVDwRmAhuEKUKlZgXOxo9ykfvm0blIVv6/H0he0g/2xAzOzudN4WVuxJHJ&#10;jy0ylISt2frUKMlzznlcg3onkpmV0YTBm0Je+4WtRjF/SWk4j4u4dE1H2q+RDH02tjCq4ZBWL2YR&#10;ZdBYIyRp4qwLY/+/5SpHNy09Hn8/9eVJIIiNefxoC8Ma8Rk1tqYBCoWnDKax1jBkv9RMUt+tmSBl&#10;1LgVGmsN4wgjK1+NrcmAauVkhihrDcPjoMawOFrQI/V3S+K7cbAXlszVCHLEKmlCSLF1p10jDfd3&#10;cWGNsYmrQ3rj/MK4eb1UOHlh2vlFOj7WkDMrTdnAsEa/CTOTI/SkHR/RNbNKBsYljEuE2QEj9WQh&#10;Uw3P7O6Bcbsk7mV2QBKh/h0bKY/PtV7st4H9F/lSM9mkQIUnknqUtYYRD+ChUs1kk0Lyn6lFaMbW&#10;MOjHBTp4ue6ZJHSb8PeZlQeGNcQbamzDJd+ci9/CpUNiVz8SJTarRH23JgWyKNIqy4ytYbGWC/GZ&#10;uZIi/rsmE3C/G93ywJhJwlpqJodLSMoij8CMrWF+lYz+8x2QNRd3JIQ1JX4HjAKU3U0oTYQJLgPz&#10;u3s0oDDXQ702v9tg/PvcnrlS1eMfDFYmidSsyYF5Vk6ful9rSes0T5g0sSmYP3GSiV/WkvqgxtYw&#10;f5qOFjTlBakMI3bAwIj8UchMvC2mGkKPjXCDCRwsDGtE5AyXpH5QzyR1MNQOaBgzScEq4wWlPWFZ&#10;S6dG9d0ahs9FsMyMbTSheHi8WRmeHFiskVsrWHlUoShdeTQwPDkwrKFQNjM5ulAWFqXJzEwODM+c&#10;O46yNlxCx0BqZ4odkH6k/z43t46kzpuZbFJI6yUKpBprDUvpDEpCGmtNCtwW0w7UWGsYkTpuwmps&#10;7WCkXwR1D4y1hnE3ZZWYszvlO/59AG75fALjBQ2MWz6V0tXYmhSo9YBnqFZJw4gOPukbbb5bk0J6&#10;ECBxNDPZMOIlpPaYsa1OlFIt6k0wnbZ+PwC/kDcFZa3jJUh0lEaHdoxtjLoRbgMkofjfIuGBinI9&#10;Yh4HRd4r5QNF7A7feIylh5wx1qgYg8vFEhmJKVkmvBmbi+nCWP8E44y1YQSsqcSFd2HAf9NPe2jK&#10;uhjaWsGotzZEgjX1dMzlsD5bSm9TpNZ8t4Fh7aWuHKkJ8zsl70owhiQX5mdyGCEJXSqgMCpV0rlI&#10;pTNuwopH0w/vx2y3hbEFCDSKNbn6USRMSguSen31AVKEUu2AVZBSrZIynGKVLIzEOPwSM7YmBQqa&#10;qJyJd4HFWlsPzl+z3UZESsiJWgdmZOOSoLjgbdOMrJkkFX6M2IrLcn80gt4XN43DCOT9KR3+ZdWn&#10;uHa8VZqhDSNgjSkxE7mwfDVlbYkkPaCUtYUlE9J4W+mU3ksL11VZWxjFpE2qIdGKsUadMPO89wGj&#10;0hgXU/HdVlBKaFJJQ6nD2z8Sa/xrrLVLwraRMzn6VTrePvB3jbUmkmTmu1WyWlSi0LTbNtaGE/R+&#10;WzWq3m8jLOWsoaaa2G6DonADdYaN25qKr/82AMLXTMg5wjsojKXWuJnHpgSM4bcaY42KMSK8xlgz&#10;AuW5UOgaY40iPZf6cIa1RpVK2VJV6oW/uyb/il/By5QY2UhMyUqlDKAY2aAw9rpdzJE9IlP86ogz&#10;zgtkUCkjQrjDjKxJBCkNNTKNsUZFI0kmgTHWHMLbHnc2Y6xRiKUoc2gWyEhNCVCp7HkooxdIyvoY&#10;MTEzULBvoiMkp4tv1ihuNW9p9flpI/3DfhnkxTSqb9aoXA+TnCaMNRd8J39efbNG4RozJWqBNBfw&#10;bJxbnpjGRuVyyDOaGVlzATk+Sv14oeLt7+T7m+jITlmM/BEjGxTTeI2zdP5mIzzV32xQ/puN9BTF&#10;BBlxZmTDIHo1jviUaK57sh9U9G48dZppbC5gTxMaMSNrFLGzdAcwxpoL6OdCqV9jrFEYI3Zg3IKR&#10;oKYwu1I+DApjxCDVNDYXUBuXaK4ZWaP+8M2aC0hHIuRvjDUKYQbxTjWNzQXffLMf4/CsfPVK52xV&#10;AWmkqCxgfqMY2aA4zsjCNaw/YlQypnAojLG9yNjDczSslFpAxWqMLYNQZ92kJxDfL/4mjk77AGOs&#10;UVyaaC1tFgh1Hn8PizwRKAYZFFctHB5lrLmAKoFcP83IGoV3xUu6WiDtTVDNBD/JGGsUxe+5expu&#10;HFkq2jV+pjE2DML765eRifNIUt8MZTkv2cZYo648LbNEBOunicevK6ensVF6GkkzKGO3pNeJaVyU&#10;XiDvGvb/RvZfI47zNC5KL/13heVfY+9OI8bYMAiVpVXuKqHvnkZ5zV2UvuZy2yljCDjINlYfrWEs&#10;aWrmiuX4Ln39bx5jTcULFhZrKqGfl7cZG7SKP3F09z9gVAFQb0Fp+Pa71XjVtzPZMEJs75T5owtO&#10;zdC2xsVaucUL452doLYgSF7txhqNWIxscGGkS3DwGmurSaU8PQpr8d0Gxss3JYGE+0hXsBkbRdON&#10;L7IwvwNWk4pqk8LNZmxDJTRPQ9t1pn9ooMdGp4rHTVkbGBoOGnQba00KPMVR8Excrwlc9Y9E/qfe&#10;ufAYG4abqwKdH7Bsbu6T5/22mlRKnqS+wplLFobXn1pOwlqTAooFWhMqawNLI28jwucY7Jmktjm5&#10;dWZsDWMHMLVqlSyX8Kxg0lAg7/qR7GwaVYnnIPyJgqHZIcnTjG1g7DYWqQiM8L+NNbqvoWs5r5KB&#10;MR/sHGVtSIETh/p4xlrDOHFgCbMmV5NKdWeY0lhrLuGu8b6en3fAalIJ/8JCxlpzyYUrmwpCcpr1&#10;d6M7GIMz1hrGKnHP2MRGxxrFdc3z68LwZUglVDtgSCFNxN13axjNANMZWzDXSFm5E9Hrypw4A8vY&#10;qCljrDUp5FKkQmgcTfUBuLHTItdY+9CkspJNMUr62421tyhSjO1Dk0rRRnWdGli6sAR23m+rSQXE&#10;RhU7YGDsN7qPK2tNCuQlSC4ZKavnki1zSkYVXSTN2IZLyATFfzUz2aTAHYcEd2WtYbxj0xNMWVsu&#10;IdtfccmtYVjjuUB9tyYFdjcNedTYGvZfSzq139rBSBYEIkzz3RoGbZHWKXSKXE1qm6IBTyNWY61h&#10;UQRAXmKVfGhScwqb/TYwzu4XIT9jbf0SKrSomRwtK7sbpbpZJatKJSBMTo+YyYFhjccXswNGzMrq&#10;x5r5bgNLwBXxmpnJJoU8G6g3ZpZTLS6a06ZtpLHWpBDlMovZzGTD8MzxldWabFLgkORNVVkb2Bey&#10;JJP4yH6uKWH131TLhU9YKiip79akwHlDT3LxQEqi1/xI9C1uJpsUsJZ3EfPdFkaJPPPQjNs5P5Im&#10;0SbN8hNGWUgyc86ewspSyYFIofzzHecDhmNi3kjxDWZspAaaEjgfMK7Bqto42Z9tjWbyuRqJsQ0M&#10;B48KFWYmmxT4jRCsiU+OCpanALabstakEH11rg9ibANDcUtdETO2JQX2DWQurA2M7AlIyFgbLqHq&#10;cN7qhLWBXUnXU97r1EblapQKmMbacMn7Xdaw8ghaOToQQ6mZHC6xSS+oK2oHYO3mGsYMLAGrZLGf&#10;uWSUqVyg04lWzOTAOIRvJIMaa80lWKOlkNCPswhrSnLkuxvVKFPT6dlFDAeGCCIKWjO25hKcJ5ID&#10;zQ5YQesNEYqKPI00FTeUwtHquw2XpNyNkfWxL+sDcFmhN6Q5TQeGe09A2ngKUy81hTR4tjNrcriE&#10;Ho4IAs13a1K4ENLJ0XFmrq20SkfW9JAS+61Jgagy6ejKWsM4cFy5FSra93cjg5RnWjG2gWGNeh/m&#10;jjMCVZxCHhfNDhgY13VSSJW1JoX3tc+IJHmiqCnJI2HqFJ2/26MdDCSClAAy321guCWUblJjWy4h&#10;+V2dpittfdeyMztgpK0o8fHw1diWSx6wghrbcsnzHi3neb+NJDbvI+6tY6qpEtgnHm24ZGBcackZ&#10;Nj7XVGHlxIHNjacwME6c19NISyiWWUs5p6m7UQ0Ma3eS6MQOGKUqIVvui+a7DYyzm152xi8Zqar3&#10;uQYGAb07nJx39yhcua7f3R1nYESZKWdlXjJHrIr3ij9peHJgHDd0cDC7+9lcgsfF5lbfbWBW382z&#10;Wa3J3PrylHze3QujARGxCLMmm0uQjaQIorE2MOgOnLE2Dga0xfFtrA0sPVlNaQuqxfVMIjFW3TA+&#10;YZRIMDUyrytZxaEMvYrv1hREmIXkX+PhfWhWX0/VzIluRT0laFm4CovvNlLXxPCIkImxDYxtCimY&#10;/TZaVx8xHFiutC46M2JX6JX7sxrbuDMp9qG4ZHWrUAnBJzOTzSUoB/K4Zb7bcAlx5dSEOa/JqffK&#10;QUUGgYmqbRXWpICp6MzA/Av0CF5T05MbhBlbc0l0G3wBM5PDJUhyVdkOHhtqv+Xax+OKsTakQK0P&#10;yMSMrWG5PqjShERH6kfyQEVTbrFKFpa6YLytnMd2mxKuafKWR/njmlwYOtQXLXaMtbms0DpUJaXf&#10;tvLrD8qBq7jjEELomfTWGsYF2lprUiA8T49YEXu9jVyWlNzb1cTM8c1mbM8AzXdrGNa+VTSUaNha&#10;w51Uq6RhWHumlsPRe2WfjDU0TyaCsbBU2cRXMNaaFIhWEtcRu5uml/UjsZa7sLHWpBBrP6avGpy/&#10;1uQqGQErXijZ/WZsA2NsRNXMd1vdK6Sg6hvdBsYqeah7AGUwakpgLmR/Zr8NLO9oX0anQMmrtUZh&#10;JJHjvLBYy8Y574AVsBKgx8kTu3tgb2umeAeRhx1bHBNjrWFYo1eI2QErYKUZBzn+xtpwCd5kjnwx&#10;k8slBHWMEhUVdU0Jb7voe9TYmhQoeANPqrE1jPqCN6UxJDe/fmTK69BezMxkw9hvtE8SEQxiD2MN&#10;FZL6bgPzXDICVh5f0U+asQ3Mn91TwpVNmji2mMmBxU1QJS4II89MouE2MfOF8RM5lc0OWN0rsTgc&#10;ITO2dmeoQkEwwjDXh+6V5xiTYUr+ak0J6aUkZZv99qF7hYFYymfvdWAkRhKfVDugSYGDg/2mZrJh&#10;eOakyIjbInlTNSU5piIYF2NrGKuEsI65B4yAlR3AKlHWhkvuuBgm0svz6oyNQIhaJQPzt44RsOJw&#10;MTbDJQPzHt4IWGFlDkazSgYGK1Obx6ySEbCmwTSNqcUqGRgnDolVZr+t7hU/gciysTZcQh0slY/D&#10;FMwq4XJqyngvjJl8qRyx2whY+W534uZmbOOXoN0j1iX8kq3FiuiVZq7G2nIJqeAm8kQTo5nJTIpa&#10;kw2Dud6S0rPPtbrXn8tNKVGJ9dWP5MRJg0ExkyNghSf5bmZsA0spMoKvxtroXqleQfKD+G6re00/&#10;Q3U3HQErsSDOALNKBqaV3zwJ1gfQWuyFUUKRq7HxS0bAGs2Zeusgebl+JFc+TmH13YZLyJHHWTPf&#10;rWE6G4E3yPqR0I/L2lpYIr2U0jJrskmBp2QqBqs12TBYi/Ck+m5NCjxJYlCtyYHRuj4pE2cu+SjH&#10;ykyaPCriWv0BvtjcaiZX95rONSYbgXYibQ2PiwNVjG0FrPhOROPEmlwY+lUqpBhrEy+hvYUqv44b&#10;MmOT6ujb6l5ZJqotzAfM1vHjCts/kodTVG5mJgcGmbiY+VZkRW/joqELS4VI5XN9VmTlTV6tkqEg&#10;WxCUR6meSR5AkYeamRyYrdFM2dyxhhZY3XEWduW1zyj2Ub2MNcSapqTZBwzBVabkzFwrYGWJqMpf&#10;kGn/SKylrJawNn4JNSmp+yC+2+pe8Xp5tTDWlhR+QJkTZ3WvyJDSmF2MbfwSrqZpP3u+Ca/ulcf8&#10;HxVTWAEr8gY8GmPtg0sItquxtYNBtje0oMY2MJwu+qCYmVxS4Cas/MnVvaKkIJvWWFtS4EXG5AlT&#10;wKV3wIWrior0roCVn0g9e/PdPiiI76bGNlyCnEgVvL59VHNN23Wzu1fAyntoCo6fd8DCvohhQwrn&#10;/bYC1jRHVbGghSEAUOpoirH05+brq2ZdC+Oq/lDtRXhcamu5Paj9NjCik1hTMzmkQCQIkZv5bg3T&#10;eYtooWdsqPDUDhgY92Aq+BjvdQWsBHVYlGZsTUEQF6XRDHOtgJXz/mnqYJApWlPCTZguomq/DSng&#10;cBHqNWNrGIyczn9mvw2XUALypWJ4o3slgsHhbb7bClipu8QpIMY2MLJxaKdkdsAKWPWL2MCIYOOY&#10;m5lcAesP2eTqxBkYwTHOKWVtuES/ZI7ulbdFXvvUd2tS4L2brWNeoEcuiw9EP2ITVVsBK48B7k14&#10;YFjjicrs7q3TqlVIA+MF+v5Up+mzSYFrN1mx5rY4MAJxVEdXY2tSQBdEo02RI8ZTbjNXvpvb3csl&#10;sabG1rD3KlHWVsD6nklzvg3sv5kUOvPbCFhxZSifYZhrYLiTzL/ZbyNgxRrf2/iTA2NsJP8YLlnd&#10;K5XO01Xy7OENLDVPaKEiTpzVvWpd0MBYJXQZNDtgBKzsAKkLGhjP/w/2jhlbOxh/sNawqNNJkTHW&#10;hkv8KmnYH2aySSHqMadVW93re02qsTUpZL+pvEWOs2auW5J/RK4R7kTBiOnw/ikiTwu7EAlUlTyR&#10;zI81FG6maO7CLlznVLYd14y1hr5EMNfCYC5OU7G78XHXGncqwVwLuyDhvuM8HW+LnINrDddEMNfC&#10;sMYLqOAS2n+uNfwSceIsjJnkpVywMoWU1xodOsU9YGH6DGBfrjX33r0wvKAvFQuiRPdYowyJOXEW&#10;FmtfPDaJVdKkwOyjRFVrsmF511JtW6hX8jE2FTNfGKuEdnDCV6Ys7FqTzDUwz1wjYE38iDPu7Cng&#10;89SP5En+me5z5++2ulcC7Rejn+RDrTWSjdRMDpfQw0zF8CjmPtbuL9WQ6Xt1r35sTUGskgdqUTOT&#10;wyV3mu8a7/V75LIXugLRXt5YGy5BbkCOvVklDSP9luKywlOgcWJ9ACrSsrrM+TawNICiLrMZW5MC&#10;1qAgNbaG8bTI06b5biNg5YUK+aRhroHRMI8IhrI2XGI9PF5l6wOkQt23qVRNtYCCJaagqkotDF0Q&#10;j/niRoU+eawRjTN65YUxNg5vNZNNCnAk0VezSkYuC9lhTY2tSUFnWpAQUFNCnAtpqLK2XELhYpOR&#10;RoBkrVHRxXhB1yaF1GuS1hrG2LBmdvfqXqlDwjksmGtgnktW90p1qIiqj/du1lLPJNVjSHAVzDUC&#10;VpiLHCXDJQMLkz/UmhwBK9aIfBhfeWD4XMRL1NiGS/SJs7pXFNV4XWYmh0soS5Fw9Pm7re4VtQNp&#10;RMbacIk+u0cuS80THu7UTDYpeA9v5LLewxvdKz+SvWMmsqkkxaFMlOt7VK/YQjBubDWRYCupjmfP&#10;dTSvsaUuwYPCllLzUpup6YCMUeWQDIrAXYo/n8f1IVylpKDZ1INCeQSvGlvjViTnylDxiF2p0aS6&#10;w6OT7zkkNdUkIi8qHoUbV7PHu/OoeErBY69f+ORGZeKRlP0tVGyZIhuLwpZbh9/NHDxkye/VqMyh&#10;0clQRavHRXU4tw4b9SDvQ/kEU9mVOkRufw3qQb6gWxt9l+GpXyVWcybXbGArZePFXl7e4AFLrcNG&#10;YcvdmlakSqKUCq8OKsUBjLKV16qaDco6pKrD+XAeFKaUMoD4R9u6Y8s4AoOC5VXHCrJO29bjOwwg&#10;xtWojEqtjdG0Ug/u28grCH7XL8QW91yxDkeaSkKc28uD8nPYDIDUQbUNRbtX4/Jroz0HpCaotMz3&#10;ahTFBx6Ids57eUWpRE7McyFvaD2uuF/GB1glKxRghKyk8Y8tvDEzrhWkUqpUXVkGxUUnaWnnOVw5&#10;agq5Gf9wUOQHpP2PsDW8QVRB7a+RsGrfZqSoJGUiKBLrcFCJX6hzefSrbH+iNcZW80bq8hsdMKKv&#10;WlH02Y7a48yHgyKjI52lxfdqBrhwC3ZrY1B5MFVh79GgXnj5NLp0rhg9HTDb02ikKPEzMOrWqFW/&#10;qNzB1DQ2CSSUo9zs0a1e0BClBNL5m40AFbdNRbwHRD9klqLZzyM/ZTaUezOgNDdT7cqRH9YXo2+t&#10;cjkGdKEwrOrrwZHVtvCXzXYeECXzqN6gvlezQIQyZiFOldYLmSYuhjmyUyRwKhQwIHK6eKI2i360&#10;qqRiPEwRR14/auZZ9IhOzaV5NaeIO0yFVm67Y4ymnTxsix02LJDaxuYGMQVaae7AU5QoKUe2a/9G&#10;uFS5OIuilH7Kg55HtoJTagKpAN+iEG3lnVkYmwsLHgSPbOeDbFSq6FzIVDC2mjy4d1D8wthqVAo5&#10;qYW/WlOq6CumGhTNXqheasbV5MFuITXUjGtQuOjOe1uhKa9r6sFxUdyAlVyOgEive44kU/3sA8WG&#10;RtNkpvGDCFTDR54E+id+RT+ojA19fF3w4cw3G5T2BqYmK5WRkiElNtmQzpf1c1Zjain/A2U9uJWY&#10;5sXEjGxR2jddhand04PSTvfqS3+QAxiuGpS+TKy6NCW3lK3mD31JWm3pEwGB+mB93dGXv6moemVc&#10;bnE05+hL7ZZhtUGIQdGhyAUhRlVKkZsf09WC+lNFVAQuIFNBiqMpfdtSa6Opw9qihE79QkQDEW4c&#10;aWpR5B5Si+o8rp+VoWpb7a3ElpGpUZOgxsXtmZuVGVejkGlS28CMqy8t33e+ugiUUviufiG2uPoZ&#10;W80A2Eo5O/G9GsWzc7ywo5/IG139QoKSzKKx1Siew/K0JWw1AxDYJQhhbDXqRldrMteErXYfCHPj&#10;2htbjUJewHuOsdUMgKCNGi7G1qDoDmR4A7VofS/cetWtflHpEsovPM/hiE5x68nHE+Ma1DdrQ83h&#10;aEcjYzD108ghqtngv75N4hnvS4Ui7zLik/P+GlTEP+ZuRK2oskWSs9JILopgTLLaxfcaBohkzvD8&#10;aE35WGQLGlvLAFS2Mmt+BKpIb/Hyja1mgIiF+Mriew0qfUaUrWYAzVFTXVVz1KhFNc8PSvP8lFbl&#10;Snoz6llefXv1pmCakOpSzaJQlIylr5v4XoOiFGxqK5zX/OhEv7n9mkpReBj1C7nWf1HVVthq3kh9&#10;BKNT541+bN0QlxpbzRuk1KpHKrK62xZd/4wYAXV/oejGHW/5vL8GRRpD6keLOWzeQGZNQWljq1EU&#10;OFDCB6p69LiIBZjajovizVOVrUR5Xbb0uTwocrFUyfWfUYZii8k3c7j+Bt/L+KKjC72hpzZ9c38G&#10;9U5yETJB+k71HCIVV+twUKxe6vyJdTia0HTHNJVvqVpevxD/lX1pbA0DvDP6xPcaHSldrSkUaGwt&#10;A5AUYO4poyLFFhpNY6t540bcxjzzoYObOXyRdGtsDQNQBJin4zNHjYIUeYBqFMqU1S9MkqLybQal&#10;9/IISMmP5MnOjGvYJhyl1vwwQEpSG39+BKSae0cKGmGG+17jb3CmMBvnM2WkoPhRX6b6AS51f+Wc&#10;lWYORwrKTlEvpYRP21YKlKhxNW+Q8PdS98qRneJHUUzOzGHzBv4hhU3EOhwBaVpKK45aASkVlxNa&#10;Om/mheWerSaxiQNZ3EN1MuOqW18MgYsqFs/h2KhXvrOhqYWlna6hxFGDoknEmVLT2NxBsFKlOrEc&#10;emT+mw1Mf7OmAQoBUX/XMNXUSOVSb/Kvif71wB5Z+sbWwPhiyvkdPSjFm+gRqWw1e/A4xW8UO3oE&#10;oX4SB6YnsdmDN7fwotjRoz6FBlTkYQShETGoRFBkY/WdiTw4W8MCXwzLlJYiFb9tUcjKbOcRhPKY&#10;yMOKWhxNOc8Ims3aGA6gLa1qIIDMocaVKvRqXE0BlIu7m/oGXK3b1Ls919kRGD3oi6C0ehAYFFoa&#10;ChOJKRw96AtFgSLfQWUrq+Do6EGf6RhqDudB8Q7ugqOrByULzZQVpxBpfS7yNEhFNnPYtJGwuVEz&#10;82bbttJFxPgBoyKl+hdeomCoQfG2R6FEM67e/3dkgkZhjJiixsVFgOkwtnr/37k0K8dtC6DeruqB&#10;lKK49QtJLX2ogMqgSD5W1ap+RkNKJQ+E9eZ7NW1QSDzCljNvjBg0/aOUPzooplB11CIlruaQ55GH&#10;CoANCgql0acY14hBqcWuFMZUu6lfSKkdVa+ZsjWF+kGJpB5VBkWhf1UVkdehtvVfv+bz/WFQBG/D&#10;AOe1MWJQLnKRIQlb7W1wNKi60DxE9bgIthvByKKuPJCarDBKEpYtIjckGppxNYoaBAntizkc3rij&#10;H1W2GsWdGUY0tpoBSJ5SBcVwf2o26O7CEWts9T0FbQrOqJnDRqHTIddb2Bod6ONJjwSzDgeFq0wH&#10;DmOrGYAaJu5Be8SjaANTzvO8NqZU6ZMgh+L5QV0I3qhHlZWB8giuHhIHxeWGRF4zrmYAqgXReECs&#10;jS1umnuv4ahRgVLum2bxxlazDa6oe+j4kI7ipKgo4sDufGSzl1cDmoCPqa9CE4TazN9kuhjByEd5&#10;0hexLLOZB8axp4LZqxvlxSktW8+HysCozKj28gpA80xnciDQN9Qc4hIoH3v1nzQco5KRGNfAiHOq&#10;K+zIPxEgybUxMLs2Rv5Jm748uZlxtZsC2ZgsAYK8NfFpwalExQsjY9BUOKGa9Nh6/OCAmXE1jBZ2&#10;KsA8olFk+6jAzf4aWKqWG+4d+ecfvtfwhv1e7TngDhG4Maq2UY1Coip+OKLRqPbT4u3MGwP7JkQk&#10;/A3opdfGVyo2CFsLgzfMuXwf0Sgn0YPUgvO4FkaI3tyJuCDPuC535fguDMWzOb/4PmWLODs/0Qyr&#10;UTK0fJ+ipWk0aN7AFvVfdbyza0PSYw3rkbYY6ms1yrqi1OhtW7iiVzWFjSLQrq7LnMJti2ulYflF&#10;8QyT96Wj23ufYqV32t2YV4dFkQHJ7cbY6gsHyYwILcwybBQ9CXFuhK1Rf1KHO40HjgxFElfNPMXm&#10;vh5mXKP+pHj9DwpaYasvNyThqUJnHIz1C1M0lENP2GoUnbC+TAlu3Ka2xROiqXK2qBtF2k2RB/qT&#10;rS1uzGZcjaKwckqvnNf8qD/R3TqWHxQrnkLLxlYzAEHHOJXiezWKvqsq5HAf9Sf9d5LCK2w121AZ&#10;NvndYg7b3biiXHTfq1Gc/4gkjK1mAHJBo7oT42oUTTaovyRsjfoTt5dkcmFrUA9m0OQIUoO31jy2&#10;vkzIYVE8LVES1oyrGYBiWcrDppZZ/UJbwIqHtULxwpk2LOfvNSjKgSuNFB9obF2/TL7ZoqiQfjHF&#10;l6ip17boaw2LinE1Kp0wv0Qu8300o3QdVPnFi+I+lJ5357086k9C3+hazbiaN4gD4jwYW80AXB1U&#10;lzDWeM08b19ono2tZgCbFsubRtvCVVb7a9SfqXVqlvyAWIOuhgrx3fqFiG2Uiz0gXpepJW3mcNSf&#10;tEYyASL+6vqByO6p9mjWxqg/CVSq42tAtGC6qicOtm79RMKbyu0dEGogumCZ/TXqT/aJKTSCz18/&#10;kO9FOoyaw/YcXlStUOuwQaxDcjPV2mgGSGhZqAHY8DMu3BS6I5w5atSfYShDUQPKuCjPaWwNAzCH&#10;4oWeqmQ7rmu25Xlco/58F1AxkzioFzyvuHfUnwh8uZAKnh8U24u0XTOuoQDeKn7MWTmaUY4URKPG&#10;1vgb8Jr6YKMZxdbDhHtJgu3PjBbeSA8WRRVQVaCIDhRtK5XnzaIflPajVvrJPcW8pnBbqF+o/cMV&#10;jJJGchUiPbpIrC2uvmZttOeAu0FJHrPmG6V97NF9XiBfI5wjhbvGRWwOTZAY1+g+KUNFWESMa1C0&#10;lk45jTNHjVyU0DcpjMZWeyl8PQocGlvNG1c0MCpGNGJRLlJUJTG2mjd4PuCPGVej0G+RJGxsNW+g&#10;Sk3DqfPdYcSiPKbw1mZsNW9YuQ3vILUO3/Eo4wOMWpTAEmoxM67mjcTZjISeGoj1C+/kB6qY3qDe&#10;G0WNqxkA1+ZLxfRGLZq4qMmXRodS44qO0M1ho3S8d4SfNFxJdut5HQ7qHcc2czjCTxTtKi/gPigd&#10;nx/hZ95gTV/h+6D0u8MIPwnpEww0c9i8wc8zKUVEd2tpXPDYaF9qbDUsr0TqczUBRBKcnyjWRsPy&#10;+qVsNQFwk+INzfg2IxeVagB+Uc8hcTYeOcy4GmZfK0ctyisskVETPxwYGtiHcW1G90nLRIIOalzN&#10;G2iPcIjOLsDoPtNYNkKM89oYmDm6RvOZhiwIU42d9jVSScMMqT0N3oe55ilTDSP6qkbVW58sDLQv&#10;ytQHTB0moxNN63KVyUnUvzYJGUumoh5bvUAo7V7o5szXahjOmgq+jk40hQJd2Gtg7xorZmn01ocw&#10;Xk8VwZ5Ko7xSGD0l4cWeQyKdKrtyYQiWTZcYOnytLafpWVhK85vAxio+rVaJDIX6iVQmVSfXh+IT&#10;/ZDRe90HZudwFZ+oS1X2MsHxGhc6UZP2RS2AApHNQs9xwxsDu8JR6ns1AfBA9OW8tRGKUjDNaAGp&#10;0t7jQv2WWnXn02RhUVOIvTyCz/jWab4rbI2DYm0NbyBydh7U6ETf3rUZ1/AGLwdc5824BmbHNbxB&#10;nbWXSfwikbI/MwnP5qwcwScZnMjzzJkysHRKNmtjBJ+0Subty6zDgVmeH8Enj6LoepWt5g3rha5O&#10;lLonaRJxXvMDQ1tiCrPQELY/MraS0SpsNSwVuExQeXWiTCBhZWOr6UbP4RAArJFC72JcDSP2oh6I&#10;PnSi+Dbq5jUwcmCUHzWCT3xRKrarcTVvkKxvigQir++1QViejBYzhw3jsDDBIaKLYws1lUloW1jc&#10;ecFRj9WJ8paobl4LexIRFecyS6HHdcfHNl07F/biyqHGNf4GpSZUtBxPvH8iPpt57eXvbhT/eTGh&#10;jQ8YIbarYHreCz+Mobc7r8QP2NfPy7x90eVpjNFZF+nRkTo+YIREDSfSm2SMoagyCT4fsCjMxCvs&#10;Y9SilDChE4t4uvmAXemco75Z0wDGkAQJD4eGmT0huAKGgqnt0agHSeCmENcHjIRY4/9ysrYximRz&#10;aIoFsrCEHQ2BjGKUev7fvEwbY8M73HOQ3R/jRCQRz8jiDgjG/4AR6Df6HpyGMcZZZmoEfMASb1cj&#10;Gwahm426s5Cw1L+RUKxxTJH1NopLlUrMWhjv+y+39IdBONlV3UU87PqNV5a+CYU9pmrohYDRl7mO&#10;LYxS2dEhidU4VIAxZOBm6TcMY9xPhbHRgOJHkAFtjpiFoRRQC2SkoxAqCX9mZAMjPP1zM3dootj9&#10;qbH2hWbnfKANDBUYikmRAfkYIWjKosfZFNaGemjdSecj89maRJA9vCvyCGsN496YQ81YazrA2tvh&#10;FNYahhqUavHivoSYYL5bmjiIu9nCwuAqvQNHbKwRJTDe/sKwlsIBZib7QsJ0WGsNwxoHtrK2lPCi&#10;z4faAQ2jc/hXpEln3hpdKGPjGmm+28CiGaa4hLHW3khygC8mI5IG7/W5EznJ+4kY23AJOQsquwlX&#10;53+z1qRAIhXPrmomGwZzfeWwF2NrUkjaVjy08+5eWWnKQKvTbRSiWCMeanhyYH4HTFnRK1p4mNmM&#10;rSmIR0rUwGa/jUoUa0ij1XdrCrpQFyy6XvHdmhSwxsOjGlvDeBR9t0YU1poUrnm6MZFAOLh3wPcV&#10;ojRrcqSiWOMJwbglA7twYUNkKmZyxKKxltvXeQcMDGvMpDnfRi6ameTTGWvDJRQZVr2cUXrVB/Cr&#10;ZGAXfOvkBpxXyQhN/Q4YGDsAgapaJe1gYE3u7tGasrtvX1dzBoxs1DPXwGAuOEFZa1LwrDx6U85u&#10;rBkumQKl1K9+l6ATO2C45IZCmKcIsUqaFLCG/E7tt4b5mRz5KNaIUBmeHNiF5iN5Mj2PbWWnCOzj&#10;Yp9ncmA86iQh11hrUmCV4JeYE2eUp+xuZIlmTU7FUazBeGomm4I4pd6pWmIm1y+5Eigwq2TUp/RI&#10;4cRRY/vgknfBR/HdGsYDNHU9lbV2MPBeibCosTXswvWBCidmlQyXUEBMlVRE0l1HB9aQUKs12aSQ&#10;zItUOhUz2TAKS/CapKw1KRA35eFFWWtYSky6SOFISrGGTM/st4FhjZC8GduISrl3Ey8x+21gtClG&#10;7GlYeWSl8UGJoIjvNjDavHJ9U9aaFCKZf5jXQ/it1yR1i9Aqih0wilTG9hZ8ntfkwP4wtiYFH52Z&#10;EqZ/+G5NCszku/SOGFvDeKWgcY3hktGlogl8i+6EteES4vmpVHc+A0ZiGgViyroKa8MltMkhFG2s&#10;NSnEGhJ/Y61hiJ3hc3MPGJkp1pB/GGsDy8sIb6tibKNRZZUQeTInzsD8KpnKpPjlMJey1u4MDREI&#10;tJvdPbVJs7S4CIjvNjDecXFelbXxSxD7MjhjrWGsLOqHKWvDJanK7VZJw/BKaEiqrDUpUOiCsamZ&#10;bBgPOCit1JpsUqDzEDp88x4wilWuz9SIVmNrUqCJIz0+1Xdr2IUS7HEwzsw1qlWeL1PZxKyS5pIr&#10;p1vCmmdrI0DlOoVPb8a2MNZxAo3CWgdRsUa6gIlgjHIVSkDuYVbJiFCTea1q35H1X54CwUmeFdXY&#10;2sG43rh1KC9o1atcF6kVaWaySeFK8JsYvVglH/rV6F6VtSaFP4xtYARMeMQ3Y2tS+MN3GxiCEvdq&#10;NHLUKx1r8wHOnsLCCD3dTO1HKgj34uIwpeuMsTYw7rP0nzMzOaSQ0hkqPjlK1isOJVd2YW1FqQTH&#10;kit6nsmF4SxT6c5YGy7hSZIbo7E2sIhsTP1Cep/2d4O28DCMtYHhmKCRNmMbLiE/hXcEY21hJHKo&#10;s3s0rYjaX+kPK77bUNCV76buAaNqTX9z0lSMteES3vKT1nY+caaQaSqM01jOWBsuIXyhqjQjLu1V&#10;wtu6Ulh/wKhkSnU8M7YlBdLolE5hJLHsUZhS5N89Rt1K0AOpumGuhWHtxVPy8btR2+5/mckPGLUx&#10;6GVnrP0/UjCrhHfS/pEEsfGyjbUlhVw7xH5jL7c1HIyXuS2iOGoYpfVuiCmOu/sDRuWP9CoS321I&#10;gdcf1dke8Wf/SJIMULoaa0MKWOMxzYxtYFhTWbxsk/6RvH+qQvYfMLKa5NiGS3BD6eluxjYwJEg8&#10;CZiZHC5hIp+mpBeZ5z0l+DJfND4Vq2T8kq/vb+WXkL4z1mBlEzMnU6BhX2hrzXvAB4z2OarkGwH5&#10;sUbZLCP0/oChJI1Q5DyTK3d9cXa7sQ2XEMBTpfM4PWtsOAqcXIZLBkYjoieMZ8Y2pPCVkrHi7KYG&#10;e/1IrNGIwHDJSFdTLerH6K+fC/PfrbkEYWju+WJ3j1I21TohLzOTTQrRDdxMTYDnal4RDj+4rIg1&#10;2aRAYaAvvF4ztoYRQmLDiUgvhTPrcxOw4gHU8OTAsEZ0xvglo1/FGjNp1uTAsMZUmrGtgJUXyZd5&#10;66DAVE0JE4I5s0pWwPqkmJ6p5vAcGNZSZ0msktG9aqE+j4I9tpQWMEpUot0FI9R+Vy0lF5ZQOxcB&#10;M7Z2MC44agjoxQ6Yiqt52lJ6LvQFPbYHR4B5XV8YofaUNTZjGy55YM7UJSI+WD8Sa4TVzBkwpVBR&#10;T/JuZLhkYMzkNQW2z8w1xVCJRKSbkvluTUGRRqu3RZylmhKskTllVsnAGBulhszYVsBKPoOqK80T&#10;WP3ISO95ExMzuQJW8g5v5r2bJ7C1htelrDUpUCmPo1vNZMN43CXNwuyAFbDy9ADliVUyMKzlnm9m&#10;criEdZzu7Of72+he+W6cOCKmADHWB6BLIvnDaiYbhjXObmWtSYE4IyVmzf1t5bI/3HDMOw43oRkb&#10;eaymMcjCGBsbwNyoVsCKoDRFS8R3Wy4hicRoQwksztiS0GdmcmCwMjlDZr+tgBUqV4oPPlP9SKwx&#10;k+Y0Hd0rVxVuwmpsyyW5eKuxNSnwqdEbmOjM6F4jgslj0/nEWQErpfQ5vcUqGVispeSBsDZcgnCG&#10;JhLGWsOSxqMaauBA1ufmhUoy18CQSsHKapUMl8DKLqYwuleeEDhwzO4e3SsSGPJB1JpsCsIan01Z&#10;a1KgOP4Lzbj5bg3DGn/MibMCVkJBqqw2f3d9bqyxlM13WwErKXrf5v2N23lbS08u87JCVKtg1IOg&#10;WIjZ3QPjXREqM+fb6F6pIUfROmWtKegP1uaOA5WoLJLn6F65c/OUrL5bkwJBFhJHzfk2dVcjYH0q&#10;z3wKr/Kwckk5ifNpOrDIq7hDC55cASt5hKr9MIX4anFlbA91E54yqhGqoT02YxsuIVxC1TEztiYF&#10;XQUI5emOjd1tmGsFrOSjqa5KFMhca3JNroCVroUpqHZeJQPju/FOrsY2XBL/wtQqoZ5cj+0Hka3R&#10;0D9XwGorRS0MLsm9T6ySFbCyJlVNJXqw7NjybGGsLZfkSmvOt9G9svzZ3cbnmrKqxBM4AwyXDIyZ&#10;tGNrUkDojwOrrDXMn6aje6VGJT1TlbXhEmqQ/ZiMa4SP9blRpbgqlQuLP5lmq2fvdQWsRGwxKHb3&#10;wLz3ugJW0mPQXRpr45fQV+ByMdHQ0b0yk2hzjWc+sP/GZqJqK2BN+Thnbf0SiEvdqKbYKjuAoj1q&#10;bMslrBp+pFglyyV4aupFbIq7ei6ZgqukKLkabXSfr42Tg5vIhxlbkwKewsvFlUf3+oexNSmgk3qm&#10;VMH5NJ0Sr+FJbjlmbMMldFK8KX9y5bI/dpWMgBUvCM2ZGdvAuJuyBcx3GwErYV5uRsracomNzoyA&#10;9fLkuynmGhiiaiJP5ruNgDU1eNKd57xKBobMmZLo5gwYASsvma56z3NgvAnTMUNZGy6BfxwrT+VW&#10;sth4gVarZEghmQ+KJ6fkK5WJEEcra80lNGMkBdSw8upetcJqda+cNyojDV5snoS68oxwPgNWwJre&#10;VKaeAiQ81nhdvxprK2BFLKsqirCUxhpbx+T2USJ+YOwAUyX5AxZWULf8D90rAUr1srKwJGWaqpY4&#10;qzO2pOOYe8DCiEUg6BKrZHWv7BpkSIK5FpYzX+3u1b0iYL2rO87CyNvlAmfGNlzCklSZ8jSM6w9A&#10;1MN55qt7vZL7oFQRH7A85ZsTZwWs5IOk3Of5xPmAcck0GaC8NuyUUCRUrcmB4Zp/m7eO1+pev0hB&#10;NyqkDxihb9Irz6vktQJWThyylM4z+QFDORNR9ZGVSZKrmUQ9RmBZWWtYcsKThC6sNZfgKURRZ8bW&#10;MF5oeRAT8RLS3WZsRKMNTy4ML+g7Qn8xtvFLEmk3qghSB+tH4uFF4WCsNSkk5Z27sJnJhvHaxy1f&#10;ja39EjxzF8MjGtNjSwTDqMfw6ArGEnExvIVxD7DWmhSwRjRUMBc67/qRUAnf2+yA0b1eyGxSr32k&#10;9641F515je41RfugZbFKBuZncnWv4HIRO54BPBzP2KInMmtyBKzUDs5aNtaGS/IbTbwEnXf9yOSS&#10;q+jMwpgR9276GgErRfBTNtSMbbgkzozxJyk8MmOjY4R5gV4Y790EbYXOnGD3WCOmYO44C9Nv+Zxn&#10;Y+1GRVpxE14Y+hKyJNWabFLg2CBFTe2AhsWaan6M7rTHRhVbWveIVTIwzgAi9Ia5RsBKZqsqAvAa&#10;FMacoBENbw0NW5TBMCNrFMpQTg5zlo58Ndn1ygUaFBJbZtG4dyN6JeboOHJQV6Y+EuezTzLi1VRs&#10;VTQyKITRXyrZGh+wvtmTvhimOuOidITrNdJVAoz0kTILpLnnDyNrEqHBGBIdY6xR5IsSuzMcMnpX&#10;IkDuyB4UC4R/jLHRrdJwkVQ0M7SBaQk26di1QpKHlibUZwdhYHAIi99s69GtXri25S1eWFsSgQ5M&#10;eOt1a78C6kdYoqw1LJVc6OUpNvboVi8XQuwmXZEsjPoAWOOOKuQJqMILhjuCr2UO0YFhzUlC8QfG&#10;GgyhyH9g/0lC1Uw2JeDYsUvFAyb7sn4k1jjrDSGv3JWLc2r1iTU5VPKWu6qxtV/B1n7fGoS1hjG2&#10;DE6sydGtctkgLmlWycD+YG24hJxKJQmlJc9+Nw43w5Mrd0V89FTfbWB+lYxuNdXgVfI/SR87Nrkm&#10;R7eqn0sJb6w1LhtmB2y9VjSyyZY7r8mB/WEmh0uSKaF48kPuall5dKsIPWg2ZXb3wDjfuBKZ3b1y&#10;V949VZEUHnnmu/HIZ1p00EmiYDzf8y6gxtYwPAXOALNKRrdKRVO8ZOMpDAxr76Pj7CaPbpVUFYJp&#10;Zk0OLAe+Kj3MA0rPJMXsSAQRO2BgSelDRiZYeeWuRK5d8HpgWIuc3VhrUmAmySs2gYuVu3IBUyXa&#10;+VE9k3ccDOVPDoxV8o7liFUyXIITBC2b79YwrMlL6ehWcfA4UNUqWb+E4LV5wHyt3JVo5pcKJQwM&#10;5pJcMrpVysEjB1IzuVxiAxejW0VaSFEiM5MDw3tlBxhWHt2qP00HFs+csLfYb6NbTW2bhwo4DewP&#10;1trBCJOkR/f57B6VrPfwRreaziU3UyiLYFGRAtZc4ic30YLhKxPPUWNr2B+sNSlgjR+prDXMe0FT&#10;5tWHygfG7iamYO4BK3fllc/5JQP7w5psUuD+RkBNCPWpbV+fO9ai2DifAaNbpa39O3Z63gEDwxon&#10;jrl1rNz1fVs0PDkwVkncVzO28UveN2FlrWHvNWnSTEnPrQ/Ad0tHL8ElA4s1VdwGPf9Ywy8xCbsL&#10;47uxlNUqaVIgFsS+UWNrmN9vo1slzsXLv7K2XGIj86NbxXUiOmaYa2B4QYS51Ez2ZYX4JFSixtYw&#10;fw8Y3SqhAgqxmSU5VPKNbFW5XCNbTbxWeZODIqhM+RfjJ4zYlWZq3N/EyAZFbJ6PZi4BI1olVTuu&#10;zJkjB4UxRmY4cjSrTAb3ImOs2cdrPEay+mDy1UPAoDDGTVF9s6YD+mWojlC8HBbTcWQ8KOQlyH8E&#10;q/QBVkVtiIKNMcrhmcRB9GsFozUvL1PmmzWKErREs9U0NhfwmkI0wRhr1B+msbkAZiS+ZYw1iisb&#10;b+lmn41YlaUf3jnvs0GlrGVm/+z5jMQVIlD1NdCT1Ze+5gVAHaAjVSVg4V5uBoXompGpaWwuoJtK&#10;UGIaG3WlFuPFZMRTLq0mhGZVqlHGohAS8tpkTs/Rqf5AV0q3OCjKTaWltFkgzQW0eHuaUqToCGo+&#10;EKlyyChjzQUUiUHebb5ZozB2TSEVsfSbC9CVfSuP50PaCl2pl4aRthILTnkAsRqHQfhoqsrw5Wuk&#10;rT9fl4tR/nzA0ixSpUqBazqg2QhUdx7cB4yCwU4BDa6vJt/0qjLByA8Y5wVhXbEmwTUl3MjYNyfN&#10;B4wivngwYnODayq5Iaa9iiolHzBusK/MynETgGvHguQsVWz7A4Y5fCY3uiYGgm9KTYu5hqXZrbrX&#10;g2tquBGlNZ7dB4wIFalWwtsC15SCClSFJD9guqEEuKYHzg5aLal917A0c3+a+gKXr1GrpuaLkQt8&#10;wGhfTm9FEbcA16xCz3P1WvoBI3D0pLam2QirV+WWYuQJmGsy4gTnNHbmmlVogqqKpWOuYX8x16xC&#10;gEV1dcdcwyjEDzu40TWr0OmBKKNZmSuQ5d1HVSzhZw49IGUxvt4HjEQ5auKpE2G1rihmTSMXzDUZ&#10;ESohmcCZa1a5+tE1LKUQlN6Dnzn0QKlEk6r1AUuRUZ5bzb5b3SplS5iUo2eEVz4qWb9UVrmKe2+K&#10;gGGuyQhXhSROIbEC1/TA7fb+I8LYHzAeW3kjUaf5qleJUFK33kzmsAqESTBDfbumhzS3pgCDMdcw&#10;ViY7QZ0Io2ClnUVcb2OuySglybkdq9E1q6SdvKmrybcbWMrpmAIf4IYefkjqcEtlYIztLidz6IH0&#10;T1OBmF85MLiBVqVqMptV8GnVPRJzA6OIGG2UjLmRsqKk5JJglsrCaHHN7VqZG3rAnFEI8cgxsHg4&#10;Jh8BXLMKB8KNm4zYCAujELcqP4a5oQe+gdt3C0tFbSOAwtzQA0vFSDc/YbzsfxsFFLihBxL1TMGI&#10;TxjicWr0q6Uy9JCm7eqyPDpY6rrobzf0gCjMPH4wuoH9wVzTA5E6o7jCWqNoLEKpazeXzQ74YaYE&#10;GdYaRbY2ZeyVtZG0UuHROSqDIsmSL6DO1pG0Iqk3ZRUi9a/AW5IsyWswq3IkrdTYdKtkUH+x1oSS&#10;ciTqHB8hLL3lCVCpW/lIWtMjXigcmclhoRtniHncz2NmfQEuIs5pGFSOx4dcJc0mkIIpCBOft34j&#10;UrIbRVXVKmlWuKdZnTl2RgiLKoYd4PZbs8Idt035siOERRXDk5cbW7MCLcNNQiEz2SjirPQ0VGMb&#10;SSuvgKYs3uVrUJS3owuZcpxH0uqtDZfkUnB1Y2vvRK/JEcIyk4xNMddIWn8o7a+O00Exk3RgV6tk&#10;JK2Enp0nNCj8NeIqbmzNJRRucm7eCGFpx00SkeLJqeAadnUzOVxCMYwHYUEReB4lLNd+oyZgBzQD&#10;sUpIkXLWmktwDXHrhcM8QljEy4TjnbVmBWoNmccextaoP7DySFq1tUEhQ85DivluI2klsueYa1Cc&#10;3fglaiZH0qq/26BQtMIKiidX0kpDN7UDBoU/yYXFja09DKSpRgfLfaFRf7HWXMKp6Hhy9bP4CUhI&#10;1CoZVtDWBgUlc7NV1poVIutQu3uEsPgl31QjUNaGSwimKy9ohLDv3e0885W06lWyXEL7MvMmHuFf&#10;eYY88RjtyQcq+lnV5RFcexh6BwwKv5xmJuq7fVRwDQOJM2BQnKY3XtfNKllJKxFOFaIZFPVsKVnh&#10;xtasQG955ymsfpautqouHt+tuQQud2f3oHCdEUGIer1Ya1ZgJbtXzkFhjcChYq6RtN44OdwqaQbi&#10;J/PdnLXmklSnddYahRKZwmzKnxwlrN/dwyVp8ujuOCtqfd/WxX4b1B985VW18iSozoBBJYeCXlFm&#10;d6+sVY+tb0acOLQ5ddY6XpL2ZYpLRkN7oW07WTNqbM0l3tqg0FqgJVTWmkv0mhw9LF4Q/OqsNZfo&#10;E2cEsX+x1qyguWR0tAn1pjituFFNBVfNk4OicQoiEjeTzQo6qjZ1X1HEogxQ1kbeyi9059ugSNF8&#10;l0EUMzn6VoLYps0pCq/2ZuAfLgKKlUfgStzD1CnC2nDJH6wNlzCT7mVsCr8SC4KZ3YcbWsjLmHqI&#10;G0EtWglkPG4um00QJdBwwjh5I45ldORhu9E1negngVHH0q2LheKsNZ1QatyJ2ab0K44hWgZ1DIzS&#10;9eG6yydPqS4QrBEqrKmr9whk2TouZDIorCFsMjOJdK5+pQ1RLgo6STxCEDPLsKyl7qhx8haVmCE9&#10;tJS1JgZeElQQg5f2+o1JVUghuDNV8ppWOOvALoo+FXgm7rsNm8iwAs5//UYO1Jd71SciN7gUCzw7&#10;sJ8owhFqdxPZKWvEMEzsaUEXRITZOOazNZUkqOSGNig6uqW0vLE2pCD9Vy5sNSE5b5KXbqy1Z5J3&#10;OzeTi7L3fAQp9Sut/7oo7oukc6nvtqJYeV8kjlC/kQXKtUNttxG32lgv/DbW0PCouzBndeEgV/Wa&#10;vyji8+7kJpBTxiJAUxtgUDB0Kr+aJTnC1gxNJKvx1YZ/ELOTBq+sNZNQr0jptNlgNSMkHD7w1MRu&#10;G1WrfX/jxa2N3dkB6mybuq8RN5hLPs9Ebez64sBXI2tG4D3YHdsjn03WmXp6IGjavxE3WZHWoJCJ&#10;UlTMjGzUrK+7KjDLtm4WiVbafbORwEZ9Y+o1xkmqCUlWqArMkNxdMHa5qh2EtYZxzkQ4Kxb/FHCN&#10;bMNke2OtyQfqoQyXsjZ8QDaLSfzDWsOouqhaLgJrPqA/uUrG+4Dd8f7Vkyna9PpuSDaoxW2crYER&#10;cUppNvPdmhGuXGZNVRjG1jC4Du2YstZEQrqsk7gTsasp4aqRjrZibKNhRbPxY1Lnc1Fuazw8qFsi&#10;D8cFQ6HwVPf7hdG471s9KyI8bWusSZVXsjD8CtWSiilpUrgSmTH1rD5gZJWq7HlgTQqkXSAlMjtg&#10;YMlXVuE7kq9rJiklQ5MQZa1h1IImyU2tyeYSJDp5rxBXqRG9fv/XV8TsgOYStAYc3cpawyBlloka&#10;W5PC7Y4f5aw1LJXQufCZsTUp3J5YczM5MNqTmOoAbMsmBYiLaqBmJhf24mldeckjXsUajpuy1hR0&#10;ozmD+24jXo1qQ6URo07ujXO/PxxPjniV2k0U2ldjawrCB6KrulklI17lwY4eIcraUhCxebUDRrxK&#10;UUnpcw2MN/zkRokdMOLVxODUWwBhn/puBKr+j7Tz2ZklN7L7qzTuC+jm/yphehZez9ILe9lqC6MB&#10;ZEmQ2rbsp/cvKhnMjJNV382DaTTw3YpMkkHyMBiMQzLvnYYDTKdkfKp3ujkCzsm4++PuCDgbhbt3&#10;EjBMz8nYlbs+77Xk2SjwdTv2l95CyTkZmz04XHOn38rmVe5+5b60O6WVZHFFxi3ymZjiqd849s3n&#10;gW+Vdk6GEzTeC12UzasM7Vu36EZA96Tk8CB6fqvfyuZVAvMsaG/V7WxLuJvz3oZ2YrMnJVnhsBP7&#10;VmnnZAThbnqvZfMqkdp79xEQsD4pyR3N3zm0esOWlC2vQY3cC/GWZDQQDO2t0s5G4YktubV7mA1O&#10;p7phXjmod6dqZ5vAMXg+lHCr287J5g0a+VZhZ5Pw5Abf8VZgpux45ZNZd75gj8dzdkoIwnFrxS38&#10;l3Rc7XPrJCHL3lPrQ5Nw7uTOucyaLqIXt6bSunOVs6R8d/dOt5V0HBe+FweqO1dx0+7RpaxNTm3C&#10;hS+3fJK6cXUiCs2oubEIKOlu0ol4xScNb99pG970KR0h0Fvjej27FhQ23vq2I4Wd060rRN2NcV13&#10;rTJnE1K71YxnKzLe28LFJHFqDvY+xmaUW4Wd023rcMuIlJ2u+GvEQG95rTUd2L/VaWWnK27ek+ta&#10;7lStpuMDgbfGdd2zSjNyic2t0or1idjRHYzUPasznxDDkb8x1Eq6lbXNrcLOxoAVI912CyN1qytL&#10;0luFFa/CKOycThajv/vl9//+P/7tH7/967/88vtf/sQ/fhf/+vWff2ky/vXTL3/595+/ff8WD/72&#10;13/89M+fv/3617/85R//8dsf/xuz0f89fv73799ITpakatl8lZjuPScerMR4j+fEo5WYXjsnnqzE&#10;tOY58WwlxsSeEy9WYkzmOfFqJcYEnhNvVmJM2jnxw0qMf3RO/LQSB8V8Ts1vC2MKMg9lQeeW0j2c&#10;BatbkntIC8a1JPewFhRqSe6hLTjRktzDW7CcJbmHuOAtS3IPc8FEluQe6oJbPCfnt4O6YAtLcg91&#10;Qf+V5B7qgs8ryT3UBUFXknuoC8atJPdQF8xbSe6hLjixktxDXZBcJbmHumCtSnIPdUFDnZPz20Fd&#10;0FEluYe64JdKcg91QRiV5B7qgsopyT3UBaVTknuoC7KlJPdQFzeGlOQe6uIKkJLcQ13c6VGSe6gL&#10;wuKcnN8O6oK4KMk91AWlUJJ7qAtqoST3UBdcQUnuoS6i+CW5h7oIy5fkHuoiPF+Se6iLwHlJ7qEu&#10;bn8oyT3URWj7nJzfDuoixF2Se6iL4HNJ7qEugtAluYe6iCqX5B7qIt5bknuoiwBuSe6hLiKyJbmH&#10;urhWoCT3UBdR05LcQ12EQc/J+e2gLuKhJbmHughUluQe6iLyWJJ7qItYYknuoS6igyW5h7qI95Xk&#10;Huoi8leSe6iLWF5J7qEuomwluYe6CJudk/PbQV3Ez0pyD3UR2CrJPdRFqKok91AXx6xLcg91cW66&#10;JPdQFwehS3IPdXEeuiT3ULcJ6vht9bugjhPMTvI4THxWnt9WckEdp4Wt5II6Dg1byQV1nOe1kgvq&#10;+F6NlVxQx4lbK7mgjiO0VnJBHWdireSCOg65WskFdZxadZLHsdMz6vhtJRfUca7USi6o46ColVxQ&#10;x8FPK7mgjoOcVnJBHQczreSCOk5aWskFdRydtJIL6jgLaSUX1HG40Un+Op54hl0IvAwEeHEE0ctA&#10;oBenCr0MBHxxUNDLQOAXZ/+8DASAcZzPy0AgGEf0vAwEhJyNMTMQGMZBOk8DASL7krwMLoSFzVgo&#10;EjnBZlXhQlog8DJQJMJjeBkoEmEyvAwUiXAZXgaKRNgMLwNFInyGl4EiEUbDy0CRCKdhZaAkRpyz&#10;8jJQJMJreBmoTYTZ8DJQJMJteBkoEmE3vAwUifAbXgaKRBgOLwNFIhyHl4EiEZbDy0CRCM9hZaDE&#10;Rhy48TJQJMJ1eBkoEmE7vAwUifAdXgaKRBgPLwNFIpyHl4EiEdbDy0CRCO/hZaBIhPnwMlAkwn1Y&#10;GSjZEac8vAwUifAfXgaKRBgQLwNFIhyIl4EiERbEy0CRCA/iZaBIhAnxMlAkwoV4GSgSYUO8DBSJ&#10;8CFWBkqAsHPMzECRCCfiaaBIhBXxMlAkwot4GSgSYUa8DBSJcCNeBopE2BEvA0Ui/IiXgSIRhsTL&#10;QJEIR2JloKRIbDL3MlAkwpN4GSgSYUq8DBSJcCVeBopE2BIvA0UifImXgSIRxsTLQJEIZ+JloEiE&#10;NfEyUCTCm1gZKFHCjV1mBopEuBNPA0Ui7ImXgSIR/sTLQJEIg+JloEiEQ/EyUCTCongZKBLhUbwM&#10;FIkmc8L3DGsUOgSWBkqe8BVhMwNFosmfcIeuVMFkUPgeh2ZgIhHSpITyuUHSbANFosmj8CEM1cBE&#10;YlwnWsLCJpfCZz81A9MmxqWfVQMTiUqocDmI1wtxNWfRwORUuC9fMzBtYtyfWTUwkRg3YtYMTCTG&#10;HZc1A9MmxrWVNQMTiXETZc3AtIlxuWTNwERi3BdZM/CQyMU0NYMQOEaV66A0A2925vPQmoGHRD5n&#10;rRl4SOSycc3AQyJHnzQDD4ljXJV47sYQeL0gSOQuKzMDQeJociwcm9cqmEhUjoVPzHtViEsBSyOa&#10;HAvXyGoGJhL1aAgXSppVUCSaHAsfQdEqmEjUAyKjybFwX5VqYCJRD4mMJsfCF9JUAxOJyrHwOQKv&#10;Gy9HRUyOhZv5pAomx8KXnTQDE4mXAyMmxzJejoyYHAu3fmgVTJt4OTZicizj5eCIybGMl6MjJsfC&#10;7avSBibHMurxkRBYE4seIBlNjmXUIyQh8DRQm2hyLHykVxvRtIl6kGQ0ORY+k64amDZRD5Nwbtps&#10;RLWJJscyKscSAqsb9UgJdwiZGahNNDkWvtMpvWByLFwnoRmYfqIeLRlNjoW7J1UD0ybq8ZLR5FhG&#10;PWASAg8HikSTYxmVYwmBpYEeMxlNjoU7daQXTI6Fb/JoBqZN1MMmfAnHbAO1iSbHMuqBkxB4vaA2&#10;0eRYuPFMG9FEoh47GU2OZVSOJQRWG+jRk9HkWEY9fBICTwNFosmxjHoAJQSeBopEk2PhcjjBgcmx&#10;cMerZmDOznoQhWuTzTZQm2hyLFzaLlUwOZZRj6OEwOpGPZAymhwL3yTSKpg2UQ+ljCbHMuqxlBB4&#10;baBINDkWbqfUNjCRqIdTRpNjGZVjCYHVBsqxjCbHMsYH7EoUx+RYuOBQMzBtonIso3lOZVSOJQRe&#10;I6pNNDkWrnbWNjBnZ+VYuM3UrILOzuaJlVE5lhBYjagcC5eUmxkoEk2OhQ8USi+YJ1dG5VhC4LWB&#10;rljM0yvcGa1VMG2icix8rMKsgtpE8wwLH2vRKpizs3Is3IZnVYEP7FYNQuB046QcSwi8DASJfAfZ&#10;zEBm58k8x8KFotoGnk3kekXNwEPipBxLCLxGFCROJscyxfefzlNbCDwNxE+czHMsfGdVNDA5lkk5&#10;lhBYVVCOhc8RmxkoEk2OZdILuELgVUGRaJ5j4a507QUTicqx8LkDswqKRJNjmZRjCYHViMqxcH+k&#10;mYHMzpPJsUzKsYTAq4Ii0TzHwmdrBAcmx8LHzTUD0yYqxzKZ51i4BFg1MJGoHMtkciyTciwhsLpR&#10;OZbJ5Fgm5VhC4Gmgs7PJsXBDrPSCybFww6xmYNpE5Vi41d5sA7WJJsfCBdFaBROJyrFMJsfCl2NU&#10;AxOJyrHwOSavEZVjmUyOhavApQomx8K14JqBt2LhFnPNwESicix8l8FsREWieY5lUo4lBJY9UI6F&#10;r5KaGSgSTY6F7zlKL5gcy6QcSwisNlCOhe+qmxkoEs1zLHyHRdvARKJe6TWZHMukHEsIvEZUm2hy&#10;LJNyLCHwNFAkmhzLpBxLCCwNlGPhg1ZmBmoTTY5l0iu+QuBVQZFociyTXvMVAk8DtYkmx8J97TKY&#10;zHMsk3IsIfCqoEg0OZZJOZYQWBooxzKZHAvfYZBGNDmWSTmWEHhVUCSaHMukHEsIPA0UiSbHMinH&#10;EgJPA107mxzLpBxLCCwNlGPhQzNmBrp2NjkWvtogSDTPsUzKsYTAawNFosmx8AEtrYKJROVY+GqP&#10;WQW1iSbHMuk5lhB4jag20eRYJuVYQmBpoOdY+NqhmYEi0eRYJuVYQuBVQZFocix8FlWQaN4RNinH&#10;EgKvCopEk2PhE9haBROJyrFMJsfCx4SrBiFw2mBWjiUEXgaCxNnkWGY9xxICTwNBIl+TMTMQJPIx&#10;JjMDmZ35CqmZgSBxNjkWvoGmOPCQyIdrNQNvduaDxZKBybHMyrGEwMKBciyzybHw1TStgolE5Vj4&#10;XqhZBUWiybHMyrGEwGtERaLJscx6jiUEngaKRJNjmZVjCYGlgZ5jmU2OZVaOJQSeBopEk2Ph24YC&#10;ZZNjmZVjCYFXBbWJJscyK8cSAk8DtYkmx8Knw7URTZuoHAsfGPWqoBwLH5w2M9DZ2eRY+OactIHJ&#10;sfCtQc3AtInKscwmxzLrOZYQWEBSjmU27wrjc9/aBqZNVI6Fz7l6VVCOha+mmhnI2plvjJoZKBJN&#10;jmVWjiUEVjcqxzKbd4XNyrGEwNNAbaLJsczKsYTA00CRaHIs8+VTKSbHMivHEgKrCsqxzCbHwqdn&#10;ZTSaHAtfPNcMTCQqxzKb51hm5VhC4DWiItHkWGb9dEoIPA0UiSbHMus5lhBYGijHMpscy6wcSwg8&#10;DRSJJsfC92cFiSbHwsd5NQNzdlaOhc/Km22gSDQ5llk5lhB4vaBINDmWWT+pEgJLA+VYZpNjmZVj&#10;CYGngSLR5Fhm5VhC4GmgSDQ5llk5lhB4GigSTY5lVo4lBJ4GikSTY+Hr1zKcTY5lVo4lBFYV9BzL&#10;bHIss3IsIfA0UJtociyznmMJgaeBRnHMcyyzciwh8DTQKI7JsczKsYTA00CRaHIss3IsIbA0UI5l&#10;NjmWWc+xhMDTQJFociyz3hUWAk8DRaLJsczKsYTA00CRaHIss3IsIfA0UCSaHMuiHEsIHA0W5VhC&#10;4GUgs/NiciyLciwh8DSQ2XkxOZZFz7GEwNNAZufF5FgWKJVyDCUEngYyOy/mOZZFOZYQWBoox7KY&#10;HMuiHEsIPA0UiSbHsijHEgJPA0WiybEseldYCDwNFIkmx7LoOZYQeBooEk2OZdFzLCGwNFCOZTE5&#10;lkU5lhB4GigSTY5l0bvCQuBpoEg0OZZFOZYQeBooEk2OZVGOJQSeBopEk2NZlGMJgaWBciyLybEs&#10;yrGEwNNAkWhyLItyLCHwNFAkmneFLcqxhMDTQJFociyLciwh8DRQJJrnWBblWEJgaaAcy2JyLIue&#10;YwmBp4Ei0eRYFuVYQuBpoEg0OZZFOZYQeBooEk2OZVGOJQSeBopEk2NZlGMJgaWBciyLybEsyrGE&#10;wNNAkWhyLItyLCHwNFAkmhzLohxLCDwNFIkmx7IoxxICTwNFosmxLMqxhMDSQDmWxeRYFuVYQuBp&#10;oEg0OZZFOZYQeBooEs1zLItyLCHwNFAkmhzLohxLCDwNFIkmx7IoxxICSwPlWBaTY1mUYwmBp4Ei&#10;0eRYFuVYQuBpoEg0OZZFOZYQeBooEk2OZVGOJQSeBopEk2NZlGMJgaWBciyLybEsyrGEwNNAkWhy&#10;LIueYwmBp4Ei0eRYFj3HEgJPA0WiybEseldYCDwNFIkmx7LoXWEhsDRQjmUxOZZFOZYQeBooEk2O&#10;ZdFzLCHwNFAkmhzLoudYQuBpoEg0OZZFv8cSAk8DRaLJsSx6jiUEjgarciwh8DKQ/YmrybGs+j2W&#10;EHgaCNu3mhzLqneFhcDTQNi+1eRYVr0rLASeBsKxrCbHsuo5lhB4Ggjbt5ocy6ocSwgsDZRjWU2O&#10;ZdVzLCHwNFAkmhzLqudYQuBpoEg0OZZVz7GEwNNAkWhyLKueYwmBp4Ei0eRYVuVYQmBpoBzLanIs&#10;q55jCYGngSLR5FhWPccSAk8DRaLJsax6V1gIPA0UiSbHsupdYSHwNFAkmhzLqhxLCCwNlGNZTY5l&#10;hVIp5H0IPA0UiSbHsuo5lhB4GigSTY5l1XMsIfA0UCSaHMuq51hC4GmgSDQ5llU5lhBYGijHspoc&#10;y6p3hYXA00CRaHIsq55jCYGngSLR5FhW/R5LCDwNFIkmx7LqXWEh8DRQJJocy6ocSwgsDZRjWU2O&#10;ZdVzLCHwNFAkmhzLqudYQuBpoEg0OZZV7woLgaeBItHkWFa9KywEngaKRJNjWZVjCYGlgXIsq8mx&#10;rFAqdXY2OZZVOZYQeFWQKM5qciyrciwh8DSQKM5qciyrciwh8DSQKM5qciyrciwhsDRQjmU1OZZV&#10;OZYQeBooEk2OZVWOJQSeBopEk2NZlWMJgaeBItHkWFblWELgaaBINDmWVTmWEFgaKMeymhzLqhxL&#10;CDwNFIkmx7IqxxICTwNFosmxrMqxhMDTQJFociyrciwh8DRQJJocy6ocSwgsDZRjWU2OZVWOJQSe&#10;BopEk2NZlWMJgaeBItHkWFblWELgaaBINDmWVTmWEHgaKBJNjmVVjiUEjgabciwh8DIQjmUzOZZN&#10;OZYQeBrIimUzOZZNOZYQeBrIimUzOZZNOZYQeBrIimUzOZZNOZYQeBrIimUzOZZNOZYQWBoox7KZ&#10;HMumHEsIPA0UiSbHsinHEgJPA0WiybFsyrGEwNNAkWhyLJtyLCHwNFAkmhzLphxLCCwNlGPZTI5l&#10;U44lBJ4GikSTY9mUYwmBp4Ei0eRYNuVYQuBpoEg0OZZNOZYQeBooEk2OZVOOJQSWBsqxbCbHsinH&#10;EgJPA0WiybFsyrGEwNNAkWhyLJtyLCHwNFAkmhzLphxLCDwNFIkmx7IpxxICSwPlWDaTY9mUYwmB&#10;p4Ei0eRYNuVYQuBpoEg0OZZNOZYQeBooEk2OZVOOJQSeBopEk2PZlGMJgaWBciybybFsyrGEwNNA&#10;kWhyLJtyLCHwNFAkmhzLphxLCDwNFIkmx7IpxxICTwNFosmxbMqxhMDSQDmWzeRYNuVYQuBpoEg0&#10;OZZN7woLgaeBItHkWDYolcIzhcDTQJFociwblIpoYCJROZbN5Fg25VhCYLWBciybybFsUCq1DUyO&#10;ZVOOJQReFSSeuJkcy6YcSwg8DRSJJseyKccSAk8DRaLJsWzKsYTA0kA5ls3kWDblWELgaaBINDmW&#10;TTmWEHgaKBJNjmVTjiUEngaKRJNj2ZRjCYGngSLR5Fg25VhCYGmgHMtmciybciwh8DRQJJocy6Yc&#10;Swg8DRSJJseyKccSAk8DRaLJsWzKsYTA00CRaHIsm3IsIXA0eCjHEgIvA+FYHibH8lCOJQSeBuIn&#10;PkyO5aEcSwg8DcRPfJgcy0M5lhB4Goif+DA5lodyLCHwNJAVy8PkWB7KsYTA0kA5lofJsTyUYwmB&#10;p4Ei0eRYHsqxhMDTQJFociwP5VhC4GmgSDQ5lodyLCHwNFAkmhzLQzmWEFgaKMfyMDmWh3IsIfA0&#10;UCSaHMtDOZYQeBooEk2O5aEcSwg8DRSJJsfyUI4lBJ4GikSTY3koxxICSwPlWB4mx/JQjiUEngaK&#10;RJNjeSjHEgJPA0WiybE8lGMJgaeBItHkWB7KsYTA00CRaHIsD+VYQmBpoBzLw+RYHsqxhMDTQJFo&#10;ciwP5VhC4GmgSDQ5lodyLCHwNFAkmhzLQzmWEHgaKBJNjuWhHEsILA2UY3mYHMtDOZYQeBooEk2O&#10;5aEcSwg8DRSJJsfyUI4lBJ4GikSTY3koxxICTwNFosmxPJRjCYGlgXIsD5NjeSjHEgJPA0WiybE8&#10;lGMJgaeBItHkWB7KsYTA00CRaHIsD+VYQuBpoEg0OZaHciwhsDRQjuVhciwP5VhC4GmgSDQ5lgeU&#10;SmF5QuBpoEg0OZYHlIpoYCJROZaHybE8oFREAxOJyrE8TI7loRxLCKxeUI7lYXIsDyiV2gYmx/JQ&#10;jiUEXhUUiSbH8lCOJQSeBopEk2N5KMcSAk8DRaLJsTyUYwmBpYFyLA+TY3koxxICTwNFosmxPJRj&#10;CYGngSLR5FgeyrGEwNNAkWhyLA/lWELgaaBINDmWh3IsIXA0eCrHEgIvA+FYnibH8lSOJQSeBjI7&#10;P02O5akcSwg8DWR2fpocy1M5lhB4Goif+DQ5lqdyLCHwNBA/8WlyLE/lWEJgaaAcy9PkWJ7KsYTA&#10;00CRaHIsT+VYQuBpoEg0OZanciwh8DRQJJocy1M5lhB4GigSTY7lqRxLCCwNlGN5mhzLUzmWEHga&#10;KBJNjuWpHEsIPA0UiSbH8lSOJQSeBopEk2N5KscSAk8DRaLJsTyVYwmBpYFyLE+TY3kqxxICTwNF&#10;osmxPJVjCYGngSLR5FieyrGEwNNAkWhyLE/lWELgaaBINDmWp3IsIbA0UI7laXIsT+VYQuBpoEg0&#10;OZanciwh8DRQJJocy1M5lhB4GigSTY7lqRxLCDwNFIkmx/JUjiUElgbKsTxNjuWpHEsIPA0UiSbH&#10;8lSOJQSeBopEk2N5KscSAk8DRaLJsTyVYwmBp4Ei0eRYnsqxhMDSQDmWp8mxPJVjCYGngSLR5Fie&#10;yrGEwNNAkWhyLE/lWELgaaBINDmWp3IsIfA0UCSaHMtTOZYQWBoox/I0OZanciwh8DRQJJocy1M5&#10;lhB4GigSTY7lqRxLCDwNFIkmx/JUjiUEngaKRJNjeSrHEgJLA+VYnibH8lSOJQSeBopEk2N5QqkU&#10;licEngaKRJNjeUKpiAYmEpVjeZocyxNKRTQwkagcy9PkWJ7KsYTA6gXlWJ4mx/KEUqltYHIsT+VY&#10;QuBVQZFocixP5VhC4GmgSDQ5lqdyLCHwNFAkmhzLUzmWEDgaDN+VZHlJzCyEZiELj/EjgcDxJTG1&#10;ENNIFh4iSSCQfElMLcQ8koWHShIILF8SUwuZrMnCQyYJBJoviamFTNhk4aJTiZfhu8m8kOCCTpN7&#10;IYsLOk32hSwu6DT5F7K4oNNkYMjigk6TgyGLCzpNFoYsLug0eRiyuKDTZGLI4oJOk4sZvisZ85J4&#10;Y0TpGLJwbacSMmTheZUkuKDT5GTI4oJOk5Uhiws6TV6GLC7oNJkZsrig0+RmyOKCTpOdIYsLOk1+&#10;ZviuBM1L4qFTKRqycNGpJA1ZuOiElSm+Klm4M7sSNWThrXtIcEGnydWQxQWdJltDFhd0mnwNWVzQ&#10;aTI2ZHFBp8nZDN+VtHlJPHQqbUMWLjqVuCELF50wNYJOk7uhzIvtNNkbsrig0+RvyOKCTpPBIYsL&#10;Ok0Ohywu6DRZHLK4oNPkcYbvSuS8JB46lcohCxedSuaQhYtO2BtBp8nnUOYFnSajQxYXdJqcDllc&#10;0GmyOmRxQafJ65DFBZ0ms0MWF3Sa3M7wXcmdl8RDp9I7ZOGiUwkesnDRCaMj6DQ5Hsq8oNNkecji&#10;gk6T5yGLCzpNpocsLug0uR6yuKDTZHvI4oJOk+8Zvivh85J46FTKhyxcdCrpQxYuOvX6MrJw/U4l&#10;fsjC9Tv1CjOycCNKSv6QhRdzJ8EFnSb/QxYXdJoMEFlc0GlyQMN3JYFeEg+dSgORhYtOJYLIwkWn&#10;HrchCxedSgaRhYtOPXJDFi46lRAiCxedSgmRhRvvVFKILDxWiAQXdJq80PBdiaGXxEOnUkNk4aJT&#10;ySGycNGp9BBZuOiEDxLnwGSIKPMys5scEVlcZnaTJSKLi+00eSKyuNhOkykiiws6Xa6I+L30SEgs&#10;dBJ2vWRhopPY2CULE50EMC5ZmOhklXnJwrSdLAUuWZi2E3/tkoVpO5lUL1mYthPLd8nCtJ3A85KF&#10;yRUNF64oJB46L1zR4HJFw4UrCompxQWdLlc0XLiikJhaXNDpckXDhSsKianFBZ0uVzRcuKKQmFpc&#10;0OlyRcOFKwqJp8WFKxpcrmi4cEUhMbW4oNPlioYLVxQSU4sLOl2uaLhwRSExtbig0+WKhgtXFBJT&#10;iws6Xa5ouHBFIfG0uHBFg8sVDReuKCSmFhd0ulzRcOGKQmJqcUGnyxUNF64oJKYWF3S6XNFw4YpC&#10;YmpxQafLFQ0XrigknhYXrmhwuaLhwhWFxNTigk6XKxouXFFITC0u6HS5ouHCFYXE1OKCTpcrGi5c&#10;UUhMLS7odLmi4cIVhcTT4sIVDS5XNFy4opCYWlzQ6XJFw4UrCompxQWdLlc0XLiikJhaXNDpckXD&#10;hSsKianFBZ0uVzRcuKKQeFpcuKLB5YqGC1cUElOLCzpdrmi4cEUhMbW4oNPlioYLVxQSU4sLOl2u&#10;aLhwRSExtbig0+WKhgtXFBJPiwtXNLhc0XDhikJianFBp8sVDReuKCQnLX73y+9//edf/u0fv/3r&#10;v/zy+7//8dfffvrzz9/+/O2n337+9tu3n/7+87e/f/vpDz9/+0Ok+eX3f/vltz+1d+OfP/2fn7+N&#10;68x30ei0P8W/h3Ehnhqv/s+//u8//te/vhL99tM/f/42zBOHuPcK8RIXxmZY6njzz3+pKUa+Eb1H&#10;B8eV3RM9/J7v5d+/tRJGvsSzhwLj/blvks73fv3zX//xx1dFjjJb2mUex0Ycj8sEJ5R9dbz56//6&#10;w3/8+l/++P+Kjgs6to2OpJvX/S4fWmpXaRnWpe2i4THX7L6yPR6zq7JZ9BF9pyMMUcp6W/LMdXAN&#10;6aQd+a/1UWsMPszc9j7yeAmWa+/C9pgUzcfgMd8L6eG5GyWXtG+yZh/cbtHImjq9ANfrHDhogXwe&#10;m3Wmudva9pT2yHpdMmD3rrXnBwvQROC0oniOhBt1ftKRPe2bfl6WXqlpWnd/ryv2EV21Z7/A5zqv&#10;U4twjMtI12aA+8BnorxBb52nvACQFPh+mSLfy7/9/WVomyLj/bEb/3zvs3ZcwhVfGgliBVDRsBn3&#10;PpSrFd2L5MolDEYmA4MFwVwBMzQicET59hXPbFIuQxgaQcfTbT4cqR/25RO4t3A/Sbk7u4wMTpYv&#10;fVhdnzLAD6UybRjRHxfLd8ZaRIT2XdspvV4f7thocTSgu/BfGa7Ywa3t5djHVBrPH5cbW+Pnts+U&#10;tJigF+yzYJiPNQ5y7J0HsGsvwGqgWH/80VAkSBqY2NiaO6MoE7uXk06+l3/z/ZnNyWebkfXL92o9&#10;e6o1T4RTChPEa5o/arZMa2/xmRaXNqUvG4sWOp6uJPxhX0KRUHLqGxZQsubLvy3uNC4BT2lyvorT&#10;aC8eY4lysqm1zLq32g4Dh5TTBK3j8SmOfC//5vsjpaSOgKtPuPleLS1TYbsbVTsu69xCdr1NWYbm&#10;V8d4TJvWmuF15o57HjPLZz/WsuqvLJkPd/eSN9pUsqbRurXYhvY110MxpsPe5DT/sb77cW8OT8Zb&#10;GiI+lbtPDD1r2jG9uXHZlmVf65weU8/mphyPb9kEAuVknX30JusJbbpizG7FQuJsvXTdhy7m5Vg1&#10;/LjOYzRhzzrTHpV68rgrxgCunTENNENahS0Vu9Q5kdZ6eBqYtxLB51T5Xv7N90cMR29ZWioXE/ne&#10;WxxNMTR28pDuugBlmlBjX2TwGHP3mhd7xSeavPfIilV4Pzbfl4xj1IKboD/THlnPW56MjMc4FMXG&#10;T0vfqHx6fGnT9yUvS24qOKU9Sl4ex9zzRjGsfp8hYtSmta5lZatn72CDeqo7vRnTwDvMZL61tCyF&#10;z+20ICndhZ9abfyEqE/IfFBFpoCJUdE2Z+FoU80XjG+2KXXqM99jbcepjzZlfHSgYHz2uO3p8bR2&#10;PwJP59jU8OOxSSXz+1cslVhh1Nllwsh2350bkXZG+igZp6q7RsxSB8N6o2Rq3M7zUXKmPbI+I/jN&#10;Y1Y4vcX645utPTIBpz3CHu+hnKNkXLG+nHnzmH1SfUbtTXKv5DH6tpfMzFFN3UhrA5vdyOKl6ePw&#10;O3rq7KubJY+xDs6sX/b4vEbDVuJL5+OEUG8S3IFwe3fFHlgbZ66NpWiWfAXvgBHoQ5tveojnhPFn&#10;zZgl56C7V2coEhzOTIszWrGN4Nn7+TrcB5qkd8bZ5lTbUX81S8J+s7X31Bbr9mJ+2aWcn/qKeUHd&#10;Dw6A5LfIsLC8a1gS/MzHkO3VPbHekZwm3hqTjzv4mvHPMGDOGNsWPh6nr3lp7bSiWVsOW/eABiuy&#10;vqc138u/+/u4lsfAjzVCRszytXdNyt1HuRuORQtolJUUTlVijFXETmBkrZ+83b3vGAdZYC2o/mq6&#10;sj7q7XVdSWG4+lICB2J3e3uxRGe7WQ7H7v6g4ZLjw04Q16lW+UFjdI8IlFaXn0vj834OVsgMrvvo&#10;eWCeeuSBUxp1+YbZi2s6diPArFCH08eFeW3Wzyt7GDiA3zpxZgLtO4qPpX0ipAFvpmPbUb6RVVVE&#10;XEAzcM338m97n/XGmKGT+TnFbP71+xu+TGoUJjCdlcy31i1LYfWQhmNmapLBT2SSRcDejG8f47n1&#10;xxi/vo3sx1PqzNmFXF/TlLHEOY/uOUKVzTbM3GItC6qZDkhzSWvGBxX21qm1rL96T2CxmrtN2nm/&#10;YztHwjCzMG2bqeioV+i0KIYparvrefyaIt+W/EVMFaS3fVLjvI245U33j9hZuI8gXXeiNBHA3MvM&#10;vs2/rYYRvskZEj9v6ldB5Htv22XB1cgoYpSyb+bo7cKCfGvbx1Gb6ei16jgez0SA2vKClcLpk9sV&#10;C5/bZZsGLFgDW4AjlzWf22UjnJALp5gDFfNZ39YuLC3yG/EjY+r4aEa+93nEb9jx9KQibNwBdyj3&#10;rlHBbX7sY5xZYdRwMziMeOLLSs34EzsTkk3Kh9Mi/rw/PY/oWlD9tdcUszr1qYBg+lB8N757E3GA&#10;ZhwvpvM/YZO/NPaXiaKs8554T6i5KxUzUPZlrV/9tdcWzyiOErekTG01YyxpNvKbACOd2aPyzLfH&#10;fpkK2/KrFXsOiV6C28+VKqRSVycAT6pHMML1u285uVXwkZbxSnBw62HeS0oYJDyWs1kNC989VEzo&#10;HtS8+ExvGxmc9BVljABxak7h4WuxOIlp6w/q416xhDeS7HrjSzHme/Cr914fQCyI+qotIkrvJ4kc&#10;/G3o0LwdENExicN87V3j4AHAwOSIYjoqCIyR3Vs9nJH6lJB9XzBz/U03YrWg+qvpSqC2eyHdQvTq&#10;D3wEtHsEOsPy+e4eGDRn0I1hnvYjgtj7/twsFsv/bCfYmCBz8ulPN9KmUoQKdn/wFhQ2oJ3L6Bm/&#10;fHcWe8aYvMTYzJu1kYnp4ZTvHQRldNqLUAb2u0YO/z37diZgVF2kjSGW+MTnihjxyVv4OGvUgr6Y&#10;dogMtt0DhHuoVS4Hvp52CKtg4lt1g3Yrq8kHpra7bQxlrONJZ75dGzTLPu0w6RsrED68G8uZllQb&#10;A5+XtsyndH1VamSmTP+B1d6+LLoFDGxLfo5qnPFc6tIGpyXvzx9nDHFdgbxAlcXGIvu9jaj9tY++&#10;jWk0VyDEd1rSjscAenqZ16ef+rUW9BkYC42VuAuKrMfRvgbGiseRs9LE8COacer6ld7O+MaErzIU&#10;YKy8nUHDKWbK9EJF5zKi9qYiOjTlWj247RositHaRxgGcPetsiFXHqcVh3dZd5VvAQMvB7eqIY4Z&#10;az8F0DMGY91iXJU6twXWhFbbfe4btQXKaXiniK6U2Gzpgmsj4wPnbBCrL0bi7WIJmORsEA5HbUbM&#10;45KNjCcfTXrq+Y9wktp+9N5ju0dGV1lRbn3v3IHHnEDb6CFBO+83srplnmgVzdfyb76+rMmRTDP1&#10;1Gn58voznb4pSNTsvXzt88gaOT0Z5PfLihGHG/uO9E9VYd8BoZVm90gR4Z2903ppb8bEyAl31kmt&#10;HIZzHRQj9488MvJLtIB16bnD8JB53MqM+WwH2a1hMeJlRBzvVcMpgnAl64HISY+/Ho2Xw4b4arCZ&#10;LTVrlGOPY6llRc7eiwOeA7aqpWUGqEODWAMngduAPazaUTLRsq43HjR4vjs4QAxfZcs6Bw9dBiWP&#10;cRBTMdiRfdY7SibikwYMsAZBfr9kIh0ZWzuGdM8a7MRkt3cGjqSQmXzRj4kzH79isbdLJkY2pOmc&#10;KGWPIR0lE1Ptrc2dsnVmHPhMLhjdS5657onmuV8yvnpqPdOne08dJWNOuwdysfigb2IvSCsZbPfR&#10;WzFVfzWEEbYgiN3SMkqquwbTStatOWFO4j4SKnUoxshIK0lA47HHDW+NqgFY9M0aM+vB6p8OmNwe&#10;7Z4vPhkkLkdfUjHmyD2Meq9kojF93qZlwyE9VwprvCZ5EIGzOg0OVLhvoplZChyXTfx4PG9Mbr0j&#10;WdnUOWfABzrihyzvq7vBsge9s589V5PNI+Hktn5mR8Y+IntHxlaH3pHdnTweE17sgc2YGl8wuNna&#10;nMHtDjIVHIqXBEe09nhDhHzExK04yb3OsbXDGFV4QvmtSUJwuNq1nyk3+MHd/WZGFRisrMtRpj2m&#10;swzribnsq+L5gfNXh81K3D+nsjfBXIwaq+9WcqxTjdYOejrtNuFpCWVx2IAPjrY6M5rbNfO9n2MP&#10;Z08dd5oYrU3QIhYLr/ZiD6BQF0RkYzdXPo59amXQEdntFhAf4lPw4a0Ni9Vt1/rC1bBb4PyYjqwA&#10;hMg5triC8+5Z1bLSN2l2c2aXbjtpFDvtjotv8r38299flr5vue/MYwTle/k338fXaYcbsO0EZrIn&#10;8r38298nWpvNe26/fK/WJlMRjkheIKLgMgQg/Ppq/U2XRgQy16AoaKElttSkh/AOiBDRubR6A2PI&#10;jjydSmTaGyEsKKYeI7gyKSsd283Vm6HLCEm9jxj0PUu44pL3iYWtGTIEVhzcdl1BMAYR9zlPSytf&#10;gO/rZ9MSQg9MnYW5Glk2BPY9gcBaTfQ2UuVcF7rWnzVodiQxzxan6AaH9QKGuZm6N9NSbFfOqMDn&#10;GS8x3lAN9bDmohA2FT8iGvLzWCModegYq+u0t5nv27HDjErAtKlOSEEc0Y3YV58+3tVsyTOCIz1N&#10;5zYda1n1V9YPGo2Rus9Mb7wIcJSLhhmrLK47dNyclugI/1wQnHXPMmMXRWOIScWK+Adt+iCWnDoS&#10;9NtXa6c+eF8zvofVObVL8InpmF1K2eRXl/HBtNprxjptD+Zfava2ZF4+GNI3ji5rz9yTRwAag1zG&#10;5oNJJLdJsMkR8vp+bwZMctVxBGz6CGGd2w076+xGZh6P8Sg7O0qwfLcpN+sMErpXh4UQ/wgT3DfR&#10;EL1iiVLrTF/ljEO0Cq/5fp351nTfvnONnA2gux86gMmPjjlbQlYG4cu98D9hR8HZPr5rzwqCWbDh&#10;YLdUdNHuk50Qqe/PTKPN9jBhPPaw7+n9WlobJ7GprJ39HSfWDjWUzIKehWND8MSw3xut9ybdyz6o&#10;piO20vH82AeDi9HScjamLskJYrCsyUYjnlGneubEGLAtNcGTT735MaLFQqkPIGa2A4ifwkDwCmv2&#10;B3Hwg2PIfsi/e8syL8WXqV+dzuuYo9bp+dqXISoc3eb1jpixHo74pBtBLc53tOYgBYtEKS1L3ZXT&#10;9680mLwf35vI7cPkf3y0O9/Lvy1/jl8QR2m1f6fPF7XnNpcjLWvubro/1p4beQBLK425qXNsqVX+&#10;Te3wH3IlNRLN7e2b7+Xf/j6+bYMqBwrmfidIvve5NhO76zJwCqJjTbuP/U+VYRHHgcJWl1hS5zaJ&#10;LCv/7rpNKJ+7CIgkDYZqcZSob+5jEmicGhbjk26RIhb5L1C/avN1mDbe7xMg/nNsWqiezTubxBqQ&#10;z41mKbEPrJhTHq/9bA6mV3Y08pjQVqaOHQv37XyQcXnBMnFM9oqWKYTHhFNzXLIa3UmDtIacNgNW&#10;bUXJu7Ex7sd2nlRUNsHFWe5+r1N2dP5NMJb64QtmKfnehzYlatFbBYNUHAJpckZE8eVrP2KajNgC&#10;aR9jMgEsbPk/WuVoNNj0rhgzgtj5jxittfw8AMl8yn1NdBBr0x8NwAiYtU6Gn4ndsRWz2c57f7Dy&#10;YV5oQwJmlZBqff2zatOEu9tmbCIohxE+xl+tZRvyxF7TVWVV2XZVZoOyHIyw5j5EWSbsNxP2pzDY&#10;CTaMJtHApm0tqFYRv2CGb9+zRON+YVe+ln+bfvQx/ND+Oqv0C6BrWZmINNkWsR244JPJnn17LUv4&#10;/TouJ0xghqcomv13byv1rlg8VFZfLWN2Nuztka2FRxWBkr0msdukjApim/gQ+9ORjzAcF77+MLBK&#10;FDd26L4yjkOnlRtivdKPVmGGCFlHfbpS5SkhD6O2EblIAwVy6nndWNYdXgd2tRaLn5h7cUYCQsN7&#10;5LxtZBCZfjuLR1yVUh+I2xxvrFPiVP25tkQ8kqWgnU6fhftxIzM15jghEBtblM4ZU/ucmONUmPRt&#10;HNnKvgWMHzZwVeATXQ/Ha+9V3Laddzt54Pp6RDb66z/y2ej22Ca758558D6vZa75t9mlTzXI1972&#10;VDRKqvSmUejHfIru9SRXBIYzHGT2FAev8V1a1Via1UATkFhzsRqMeR38rKB7qD9OsXU6t9av/tqb&#10;iJ2+3dGcWIHsIynHGfxCd/pYirH15AyfiJBkW0wc9zf2RjMRd4KBzTjxUYgTLuMEXTZj3KxQUUsY&#10;ck3nBkLvuaMWiNX61V+ttrgWaeqOpL22GNgMwkywRLsL3Z8yUeUIPp7eK5YtErkSeFNbZqijPpdG&#10;xjfPEez2LQGu9FQ5+7jWTaPBVbUr6WFrqG0x7Jy7JzCzwzHoxD2weau2Eb7KLcusxgmznfsW+5Df&#10;PmJmATSl54n7swcnRwEW6fX0XrGv83ItKf5Z3aAIKXgYmuu4ffVKS8to2mebe8VGFDE1hkGvDDNx&#10;WfZItYz7jJGQYrs1rm97SiMb01hw3X3iHVhVlGZk33fsTm9zK75LmU84q9dvLmFjB75ndNCt2rLs&#10;xcK1jOm9fXdt1iecsqxtnFEbymxDQGZLC3esWe4Vy5SdSOYIr5zQOisVB7rrNBYhybRS0CXHOZZq&#10;IOqv5pA9YhTstX1TbFQn3bVrscSMMqh0LKNu1XZml1OyHQRlZInFqZJ+Qu+N30QcKE9+sKKBm77d&#10;t2dPjytxnjIyXztwWs9fkQyi0nTi3pw+e1VclJx32/Q8j3EyZUcpQ2eHC02Ur+Xf9vqnquVr77qw&#10;thYOXRknX7d0GWN9JXyrCwmQfoUN/JKMpbzBFcHjtPguYM9DrK8C+vBkq0w6EUyh7eaf/pS99Dm/&#10;cbUcZPBt5DCVPpICwAvARpwtPo5DJyyZfdv1Mr3YTwvA2pufV5CQTeza323SEDHDbs6OJWQiZAdS&#10;pMj1aqS4HiTT98fY1bUDlb0gVy/1K+2IfaV28PzEwVuzftSOpVw6kQGO6/nN2jKtTuFiNNs7PDm5&#10;V9e87Fwkfr+bMmwvXl2ZEXjMjr58zHLLmIlIy7fedjvIHrPYG3/ufSKleGv5mHm2uq48Ru98DFL6&#10;YYRay/or67zGjQ6vfsHuk7WUTCyqrafpPzaslrHPpkdSZ53PuKll1V9ZMpDvWmPp66Yg/CnWUm1q&#10;ADABnpN7G1Q/y+yGJ9rs+HJCsZbvSybMnbRwbNKrC2NcKhammTWDrTrWRJJn/P1WMnGaff6+mDTB&#10;PwE/XLpMFaBsGM738m9rnRGE5XI2hgu+/O5g5Hv5t78P093mWTzNtq3sNBF8aAmsSaYimFAZJ1qC&#10;WwXyMZOXdhEWMH0VvLDYq3fXCYr9dYT0WnswHe9HFtKisdcX3KVBApc1oALusD6JeGYCw7Wmbxkt&#10;mXXsKa9hYZxtNoW9FGNAvHa6F9wRNu2KsWDbycNL779vbTa3NIcTd5Osi40XI4AFK7ErHnN8IOuM&#10;x0zL32/tWAxmWlLu0cujtYvhY7OZlMxxsUb5U3neNUoGXljvvTlxk+MU3bk541KTtGxgIA5xlcfs&#10;t806s7qCb3lf54/0XKAMG9XKZ45lHtlb7Zg73vYVAcfcYQ8PgEWofcUuhtzAEeQETELRm9hhXjJC&#10;3JqZ5IPexVa1kYzvmdsyXnMXq97SJHRG82yDMI57B8pjtOlWlfVQJ4pqLeuvVjKBAPagNehj+ISX&#10;YGHJBJgjg2MrohgXvvTpkRDbbkvujQyI17XPI4RTGGGlUrRnWwjgbJB1bW32HWAwmmLPYf2w9BSL&#10;GRude0PGLsnso3zvfRutnNf8bB44U5bXJzENvw54lIrAg7dZCwsQm5CjnjfbKKJMbSSxWJWYAC4b&#10;QZ1sBGIRdQXHY/CcVo81Qx8HtZb1V+ICer7FXmLRCRdZe4f9490k4qfufFU3LpzLz4ubeI12zhFY&#10;y6q/smQaqW35YSzQXlLyaSzANa3Dqzl7yZRFtdvYBzZOnZnYw8LGwooBTnRJsj6Pf9YEu0k8Sv5k&#10;dWotv/J5OcKQbR5EZR/Hh91KnGZbcbNRiysM7Bg67t7K9/Lv8X4fr3E2bp8HTx6Dvk8DtvVpUKcH&#10;55PvfVWbjXPtDX0rTAkWasf959oQbWr+T3DK7JZuKXpp72xnzJDtmyyxzzL2GpThx3adFvuO4xIt&#10;9t17DYIvfRJsPov3V+rL6EwNWjsS6TraHY5yt9ef2zHebz4XpgIX64Xp0/sVI70UHKLE4xXq9D0O&#10;cTOBfZAdNcO+Nk7mNIIvNXtfMgO4cRjhZ1/cEqbwHKLs028O0VEya5fu87C+2CeNmyXTOM1nZvFB&#10;1nX0TzgHCSrO3gaZf+5s4qLJyTFpkDoRVGtZf2VrM/oT67FzSSweW8aYcl6tzZFK7t2oirH7qR8D&#10;Yo8b7dewW8uqv1rJcQ4weeDv8MwyE1Llfvkl7cFcV+oMqvvhEuYpZzs5L7Oy7oQ11Eudg4lnROe9&#10;Ik2EQIQ7xd4xMSZ/DZX9obVl7MRc2uOZXNOxOzOnsXB5n1v+WriLHQD4Oq1l873821ozdiz2OjH5&#10;dFYn38u/+T5EeAMzsTg8sVfznvR522eQvzm34peza6q2HOFSOm1vOXzh5oL2EcJtqOHXthAeQff3&#10;aBFN+e71g4B1SxVz7NctwV6o8Mj299lOetlHpvlHxDtJyDUQ/aP8ibNlLQiM9bk2833fcjhJGR0+&#10;jkQeTcOJOIberjSLBwzgaYRzAjFu1GuPcUw6empZ9dfe01iECCFkWkg7yfq8YZH4cd3nwsKQyGBT&#10;LM5cYnr3+ayWlXXPMpdj8LKajoMfe6p8L//m+4Ax49+sCdoJ/BMaL+8Tn2rbG3AtD08r38u/mT+D&#10;OGMGrKiP/YH5Xq1NpuIQQvYZzGLz87PPcNPw/bNpIMgqdcWMx5bh1u54VbFB60bLcRkbAN57K053&#10;9q0ZqWn+bTo+Yr2wO8PE4Yi93Jlj8WowKPskynEatmy8MN9rxhTTm4tbFvi/oJEjW0R8dx25pp29&#10;F3dqFouZ5ufhIsU2xa8xgXfNHpFWyvkYXrbA2z6L0wBt/t/vPijBNKDIsenWZ/hdcZHFeZwxJbEP&#10;PMvkmNZ7v+h9ydzemSPleq8CYxbFGhxiI0xlHEEPYeb+GO/NKBlPsO/OvF68EGa676h8HfGsTRI+&#10;Z1eM65/76rDWsv5q6GMtGyu7l9mKUyU1psrhIajGbE42D+8E7QEzAsBtpcY6jfikUWcWiP1O79dR&#10;3lopdtHHVQEvxeA38XFLP3MQiphsPmYyvoVgTu32SwExOs/uNSci82+OzfNx45jydWzq+xywy41/&#10;+EOEnL8eIdxZwNhstYC2HH4worjvoXsu2DO2/f4gf+LlSaQybRweber9FhPc6tdvw8GUxwbP8xDD&#10;XMXCYe+ZvlegY6LMN6wFP3iUqUFa6sfavRlOCkcI5ev5JrbSt/4HduwrlPff1QwHmHn4PAsXzKEs&#10;Y7h1ByHwuO3qVHH2aAOeBsnx8w6p9yVjlQgF7e7BZUMCe+mCjs3HeA9SMrcI9F1s4Kpvea5l1V97&#10;y+IaUnJqzaqm9iaEMyWnYkCwMqY8jpsgmmJEKIwRDg9A1pmWGHIdwhxbhDfOLuzbIRJHUKbcvpqP&#10;+4bBe6sxbjCKyM+rtXG9olPPHTkA8ERw7LaV1obT7EfA2cvJtdQNW7V966/W2nzcqt8aEvsJd3by&#10;qBT8XhpMGAxo96oY9iZnoINZvVdnOPy4hWavM26+0BAcnupHhTijxXGIUjKxgH7TLxHk+KLyPv5q&#10;Leuo5T0o9b2HaWZGcLZUvpd/W+uUdS5G5t6oLYvnWB3XURukYHMN4/DOJm3KHre8G2onSVLHWrP6&#10;K/U9czcwVXXbDdQOjlWGOXFw6uzIY1bm2Tqxf+d9ydpG7MJr/UjclXXED9aNLH56vIoePqLome/7&#10;mrHq7/GKNwTxmf4hy31x2WH84oD38YUTHQGIt2h5XzITRMZ34Gjb3pGeNTs48kuuzF0Mlzp04/aF&#10;RByeM67P/ZK5GR/MvUYIjg0kYJnXcDaJ2e4DiPhU7GopI+Qc98fXcy4biB3AWPhWMmuwfQV81Dk+&#10;rbVvH2dLPAyMlMx80fw7eE00/1DnL5glwn4wDWEbiI3gM2d/fYxpcr1VHpQZFniKva0+rudA7A/e&#10;/yLiGuRG22zPcYUg01ufftaO+E6iFyPywxU/AQjWSK3+KLrbxlNt3iI11m5t5sS/5MRVWXdz+zQ5&#10;tUHw2kyjj/HP9imd1FyGkm1ey6q/mt1hu0BcbbP3V4CnIpUoZQTq2uNwvAtSgwLM+CuKHRahlpX2&#10;oZVJqoV9IC3TUy/ke/n3Sx1/3KacHuk1S936SABqsWWmKcHqrdYM7OYJxjh5dHh9tWZfYY3jOCzc&#10;XgXEUqozCZ+xRhSZVWSmCBx95ZkyEhamueP9fTCf2kXbEVObswTH7NrZrtP7tW7Z+udU4HCP6hzt&#10;eH4MOSCeLIdNYC6bjkRujWhUGelxJZvsSKEyuPIta7ggcUOw/YTH8zG0kTMq2P+TfHGcyN7jMUed&#10;WRAkJczOfHV02ZjBN672kmPvbY9e1Patv7K1iRgnF0pjhdt69idjL1JOLPwrrqutj+EkE9RsE+2x&#10;tFqW4gKeJPuIApoN+CEuuHku50cCJbFaLKqEQ5GqMMnVUCI7EGAS8/HZ6ldN669so9gI09LiksQH&#10;HUvJrHHSHOKoynVkLPYjWrT3DpPNcQStllV/ZclEwpNcwaFoe3sOXLDQyI6PQ8xaZ3Z95B4bDl20&#10;+7No51pW/ZUln/Y/QAHSSbXOrNbbqo6JG7q54oLVFtNmqzOGrc9Ktaz6q5VMmKFvrSB6ijNTSmbE&#10;Q1HsWTPicKPkMTDIxxjZXbFLnQWRbPXs7BqZxnqdHj4hUt7nVhjCjK1+sbUx/d98723NzntKuMMi&#10;fOGCo3N3EZ+tUbiw6J0Lh6zAd2k61rLqr+xNVj25dyiu36qxMCB67KNhz1qEn4pip104XE52bG+u&#10;ZdVfWTKBh5zvWUC2ddGBYAZmGj6maV0AsRESumhv5+Ld1bLqryyZ3bQJFGaFWdhDNCHS3LKOaGr1&#10;TDlnyr347fFtT4PBnx+CCH+PugmO3mvKagqmZncN8L+1+c/mnSaUJT9HJPlOSkuNidgdiwvi35cM&#10;I537woh9Af3a8WwmSqOJn8fFDfVxmRCjf1pta1n1V/ZOBMWat4THd9m6dZoQQWecWC2IPOmNa2ft&#10;8uVUYp9MCVwRN6tZszDuUxqkM854Kfk0X+KsEhsw6hwXFbQ6r3GzgZQMp5xNQsMv6l+cpxmi1/fW&#10;3Mzp+alaDPVrZwXV+cKysURNNzWOWe46nt5/35uEpRojHCcTiNfURmNcg50XwNlc2O7RO4wAUZvc&#10;3owPSxjkfpviDuWB+9cxMGbLc3fx1Y++K4pgodwxRsj82GvHhpA4E7u3Tq1l/dUQfN7qBSMlhxDI&#10;+tinF5ew745or3NcDZVzc9knVMuqv7Lk0x4/Fl/yrccgsPK+rbjFEjagNslpBxH0a/sw1j17QYw1&#10;T29yswVrd82a8EkDeFxNrnWOzfz5GG/mg7f4vs5scEkXmAOXwXWUfj4dnXizE5TzOXheOwCJqB28&#10;eC2r/srWhpFsuxGiR5lIa8mAN72/JxM0A/ysGPcm9127cen9YNjIctQhgnCS9f/n7FwTJTlxbT0l&#10;l922q89s7vwncb+FtAQiyNxEd//YlQ4iBELoLbF6snDIbnKB2xaIJMWaFUWLid3t8+LfIy7Du10h&#10;wENBmHV8mtDBMyN9pgTBs0YG3fWpohKv2vrJmbvp2gRQqtCQaWXD+zpV9KaoNu+kWmcvubs14zqp&#10;WiYSMyCStpEK0jteCDsDeH8MU3PdGLpZXs50CRl1LjUV5e+T9LN9mlhDbCSPgbw9JqSUp4rH7iBx&#10;CZmGUamdEVfA39pPFcrZLIei/HDbDOzBav/1Ns8JrU/XakkkSHSA775mgkquXefeb3zf22MmFpwE&#10;clj6dPQTbG08TzIhHxIsEiadz8rb6HH+W+MRVo47VDAFzHpch5ZvyRWfHkkC1jR86CvDo1+XZc2a&#10;1aLgtV3Ol7YzZ8h4WCu7iAjGhlMsBinBA+WkOKSDYkKGOzvKggCZtWEdltfu1SLrfSxwTNBJVRu1&#10;4GgfT3IMik1MAjskbKBv41FKc6cpxVG9/PfvEzIpHHBgIyb45fu6BDjpkGM2O2F43n31XrUcZ8kA&#10;D8lkONmrPw9ZC4jKRr2YU7oDInAA9j7YqGfI6DvmM8+SWgiOCKCPFfmWm5gUg3A5F7N4cwMky2jv&#10;qghvFXT9sauTi7pUJ5peEOEjGwexL32V/ZfPIbzJNEAeB9pPh0yUPC05TswjJ1L2pyPjhCAzo/IS&#10;cuNSqpzpkBsDhDNvXAo1peqq2ZaQ35eQcbamI5zVw+E2bHPqTEL0NuG09omBo9RZ2Bf2ecz7ErJy&#10;X5O2kb9sVf80GrrL9vD7ZH/ouc/4X6GM4OvophFZuIRMVN1n95BWO4r3krap7Nk9P61gEOYWlsAd&#10;ZEWFnaSAeYKp29asixUtrEj5xATvj8kdS88/+g4XH43Hl5ChTgt3sk63DptwpCqTg2W4PKCwTfEv&#10;p3JgG35EocvYq0vIBHWhSO0UwWWK1rdF4WezU4LYYjLqgiz1Pc8zXjYgv6AwAk666TcgH0pVcLfa&#10;TCZdYY/Q4mEh7yHebpn7nXf0X8lJ/gO2HffCly9jZeVh+BnIcchPy2/bjzu0rtK4Me8ZwL3DtjDo&#10;XHYU061JVLfZOLDbeSY91/kmME+SeV7sM/1ClGccs0babPsMvVYxFIlrW0cKzFjs69wrMmiS61+u&#10;GZPavgTql5XV1LANAZp45c8IJjUpDCnpzSCkg5anty8hr14BokDbgZWmYwrD25nKekGmZQz5koEx&#10;PHMqMriGzCZXMODgvV4LGlW8szEafHtQaECmP6lY/D3kxd+JkNvLhHEDuXIAb70uiG2b0WJIpGVz&#10;Pu8hr15PfHmbxsu+l5ORLrDw0g6Zk+G6wRH5fAOZc2EHJT3iH65RdsAHVlm6GwG2WOE/xM3O+2xN&#10;MHkIbmGlGI3zxGma+UQe5781fomCsi8PjffIqcCZrQjcn5hK/ey0x7q+pHOq9lj5vB9w+iWvgmwj&#10;5yGQyZLeLU7f52gyhVz/ibx3cZmfMkrxbzI+kwyuxmtGycfGjPY8yi+xcS4gVuxs7BnnYPr55mqO&#10;u0C0z4U+qKAI9i4j13QERec2DrYmM0g5/HCmdnrRlU7GIxnMdzUcups7szChF+7X7TPtj/Hkt6x5&#10;aYiVlTEj3w9eu890yVmgNwAbmjzD4/zXJ2EdTwbKI2q2jW/4q3g8s/K4D3umA5PnU/kDPXTQPlpJ&#10;CcX7+5bqsp4jH/QMcmXQl6sOoBM5XTdMfKFNFBKkbNImAaTK9560uUH7G8sg2w3RlYzMaWsDHue/&#10;xrvSTYv64UCWKh7nvzUevTL1HBy6OnUhCzzOf2s8ocykWBCe8atlnx7jZwSG4M2U7B533Fc5fWtW&#10;hFx/bRxxeXw4iyjZv62LfDmLHyDP+eIDY7+EjyIZPAiFXjTq3dO/ij+K0j5Zvl67cUrtXnEBVH88&#10;uT/sASc49wy372yb6u9+WBmy1zxYHKqfFQhteYwQ2hYOe7S2AtVnyu+Da5whE6Rwohc9NZIXTJwq&#10;/pcTg8QpA+4o/3RmOqwvpw7D1L1z4ZXUlvsMzVPXv5X7Qq63LWvew+/QY3g/PqZLRfKm+fYdxvCt&#10;zXdh0pvq2CBT+/WrH4/2uBB6C3lZM9lJm+u7TQwtq7dbwwWwzLvO7S1kckuSc02qLipZP60a1i2n&#10;jku0dDVbaGowjzex2pU+yOYmBt0IkCiDffJ4rzkZOxkgg9KCULpKZcp1muq/TGFYAD4ZB6WVJB87&#10;lUgacLLXRImIOdeMsYH3IPlGh9V/FWRM+aROMi8IUPY14wapx3CyzScPFhwNwCWPLu4T1WH1X4aM&#10;yW9nwyFXg4o8+Ets5EzZnWumOqCSkVjzmzwEFeE6DeSQ+kJslbTigMyFbRQUdpTgnbAng0RfcpPu&#10;sc0mVw4uQZi8JbUWteaLkg8F9TbIWCGu2Sb+ppSeF5D7u1hk26fh+klC+A5k7DRxhxvACRIzi+nu&#10;PCPSlB43TiSROlhJ/zQOg9pI9fjbrBr8gyYDtoLo1Is1L7rnzGFasD2TdwU4QtPL46kf0xJEoimk&#10;cadmy1pTNel55l7sdtrFYMrj/PfTeFOTx3Vo9RZz8+FAqO367nI4Zsp0rawdrbf8giCe0w/lcNha&#10;tJHs6HaJVPxg623shNwu++IoE85G4nd0xP7oevXg7ES2t7Z0WK7FBKkgYVmNzIgCVlcX2DTXgB13&#10;84xtclet81BJu9dfwUL+sdPqJJFkfNo2karoHe6w+i/vs4xeS7OyyOdG8jGLHIrA8Df2Na+PwXag&#10;5BLbC2Stb0v2JLdlQgY7m6uCKjyHKtBL0dvfYHsRs0gUmnhsi5pSmD3dC8NW+U96Na20XuzzojuQ&#10;/Jt5pAu2F/URVXVLIlu1h6Zd9p39rJ9SAkzYexC4avXLczC1U/OEoA7GO7WM8aog+WYtaHQeH0bP&#10;HDZ/88u8SJ1OMwrHhPptBJw5r77CnJ1UoGBRlEiwZ+suYizbM45nbe/xQB5sKswUM2a3rSuqJTSl&#10;UluxCBwv2ePL+wdfUo69HqLPklPSJiR1L96k5H7ejtRXZlzlCpVOGka8xGNFgDzKfz0aD0+4EKn2&#10;Jk31+24xmywXZfRzt/ZvL7Mn/W2nhL4KzwfFLtjSAR1fEbnsD6m6L/Tctu26wq1tAQ7/VARQCWDm&#10;7eFKg7gZvcK+sg0rWmDYk/8SukeL+Ho+yBvPC7IYPXVof/Pz+SAdSu4PEZb8t1UD8sP5wLUI1xxv&#10;UYfd1R4yk4nE5UNdI9dwQdItDDXeJANsPLw7H8ogzc9ysnpqj4oIkRD6rBqYbPgnQJpedXjHp26Q&#10;xpU5AKGeaMuhWf6Ef1Tp1EAZrWYJX3drocF1Pp5BpwvPB4zH6g8LlDYSDAAy2HrOExpSEsoPGDfs&#10;gEbEjqh4vIMqTzSur+cLPcE50xgkez4TsNjfSU8bJOg102vIEEA/2SDto9nbUKPQiZRFvs3r1N1N&#10;tojfUa8KvWO+qt4syTqVaxuOw/mQBOTEHIFYlhXQ+v70X4k/dd1JmNhJEeWuz6IKppat0rCufZBO&#10;5X3+wstPMFUomzFCLj3STWHLOumY4k6ZiKyt5xlxYzdbkcFSHLhD6b+SKpWOHuskTp12rNdJ+pbb&#10;GZA5ruDMOiG8ozBCUeW4oesFH8CVhFWrN7niUBGZ9bNEqvOoE5Im7twfjmDWeBNmF0zijvcQf0zv&#10;ngIP25bhZYCP6bPqo4CC0oCia9pqkPEd795BlUHpD6PSsbvrUmVRBAalEGxhcry+1ZSc85+Jzw+w&#10;/XhxABQvj5VIjfOueNiRBhRH8jy0zX353KhgC5kUGaVTtzUM9/IASGBSJMrTxyxPYDFqnZ4AgK2H&#10;J7F7h1Gx5NjrFSjS2E428jR1Tq9hDld6zJawQdfCVI0SRwGVh/rd5goAmQ6Z8F52kLxa5/JZBMvW&#10;4nZZCq0xaGHT1jmRgN2b8fMHTG9tHGiyZuzFxoWV5Xu841H+69GVkKNEtnIyeNRx33SRaZCYdI+u&#10;RmHl4RdKBEvRb+vhmCVxkuGeCvJjPSeY3Ac6iRCnWMTxik9hm9rHg3KQ2tN8iicrJ6ymTB/sUC85&#10;+SIB5Ww+pHi7OtIHjXmY/+ZwGh5QtxLnTi5gV917mP96OOI+SY1s9kxT+bhL5EmXPQt/UtTl62SQ&#10;dFiHmgyBQZIAfxjNOYxdmZxxmcpxOyi8zbNLkyY1DGE+hW+srZSOpIOqkWd7ONl7PbwjASUVxDaS&#10;fJmZjQWTNFT7SLCuCKk2oGj+KargYFSdGX99bf2X6WB5tXaqwK4fxm7r2ZjknCkVO4kCM/QNWDw1&#10;FhyI5ZjxBAuGzbA5SJtYWYWOmmLds+Rf7VXsy8YCxd+dmKXC801OtKe6szrJrqO1/0okL6LuJGKW&#10;083InkHXOMM7AQSoknsnsIsofa4WMz21Xl3ePQVtX9927BXvrF1dRLqH9ZdNgQvWn1oCubYYb0Fj&#10;Tw1DDj8DfKm6kD6d5utJJ1oO41OdWlS4l1oapJwpJQflj7TCjNjAj+WYXPkKQiHP2lttdHHMPJVc&#10;3L4pTg/qMRpo6iFvte6vyrxcV7FppHWoF8K6TrVqyIefPUUnOiKGLDVKlPI0WiiM+2LuyMSKNwlC&#10;vuGexOdVIyaYrGnPZQIJqXVLoG9Joh+s0L6yL1YsCmQ25cQ8VVAAJCJnPlqxGh+8uo33yfTfOJPE&#10;hGQqaV1kvSsuEF/3KP89jn7Wt37MicPuQMEdcDjbpOT/sApdGp8+DzmQUWC+zYvRqCr59ZEA/XU0&#10;OSfpH0bSyfX4fTSnNRq3EBpQL4vvo2kslutEgS35bDz2XQ+sksD3dxYAw4q3SkUSbCklHktT8wxC&#10;RoC3+FzuxyW7+E0eOR4l306Dpb71cqQAxXWEQNhSUjk2NHWKCXGmo6rjSu9ZbhzUhZ1d3cbHTRZz&#10;fFblZU3twRfj+kEsCzU5ij3o2Oy/Arco+Hw3PosK2ZNYyf1ECo+HtPXaygcUbsniAhIyKZU+wvS+&#10;5vnQjSvBJRSz/EFfpZjLKRaYiKqz6ZR1Xo/ys3LKtBTsaMK9lOavgtpdvRg3IMZJB4EkCx/Xc4RJ&#10;HDuVNGKNqkRaSFAJF8n71M0q3I2mT0xEt5EnkSWvQLqileU66nGNQlsnjiGbhgfiBQybJY4GqmZ/&#10;nL6yvm/kDb454z9wm8+8HIWdS2PH3FT5W/xz8vI+y+QPOA0zjsNbVJus+OcmVfeupXoPY7Q//KV2&#10;dsIF+SdKfTmdmw0XaPdZ+oypkQyHPfMo/825qbggV0T6ffXd86jjepClxgJOz84HEBQ0UIspq2d7&#10;i3srWyh9rnQVepMZpDSk1Phh0LRNbWjCQk6RSahT/seFwP9Di9J04JBmk5dyP2jY602sqBFD+KzJ&#10;Lp9RFo/y3xw9b/pkand9T8ZN74km2tyGJ2Aeu9FLcGw7LtSeX7XybwmUG77GO04xwnxHkicdeR3+&#10;G+uBlVuejbwzR4496kQT7CVXLsSppcq3R8lJYoTM4qGE1RDBtdjR+iYe6nbjs7Fm2DlD8f3YHw4+&#10;RPV9PQifjPbovr9I0ft4IvAZWF9jNBl8P3wbZ1UujR795dHxfI+4IpCZlhKEq04wC7kq0o98HOzv&#10;KbuVnpO8kWvZUfxO/OAIc5EBKoFpR4TsYPfT1w0HWC/rhBYZ8JnejjDJ90hpistQ3bjaZ0d/qqDx&#10;/QDA+H35yThRNzRBC1E1DxgfvDizqCSJSXEFRHJg8tu+IcjkkB8QSPro+4YIoklVPsQ11hCMfuu2&#10;rIPvnddzwiHxHiy6+Kycec37rORSI/jJiGllbb6nwiqvsEPpv5KfqRlMYhJvb79kgH5MlK7EhEbz&#10;gnVTyYi2+1Nlo3V2OhTjOKFRDmlpQg/Hx+n8LI3JDJBHe8yFyIjSmmITv4tjtbZFIsdro1HVugSF&#10;ONU6Q7vMKZWytlCtri4i1z6fEgu5P4GQJ7PNV1G8N8cgDFr1wgMsehgzaGC1gUEGiCZd4xkr7Yjt&#10;vwK9gKVy0R/Gyto+DKXagTeK7hrY3zjPUvsGF2/yLHENKHSfSJYfun+YQupUbFArxfDW1X7a176+&#10;L4RBiN6Fm+jzTCOw9QNdwFDdubzespTCvQrDDTSyPb2JMDc5QMTxkN2JUMNDxeizz91RF1L7kjFh&#10;+uZg+lQDSjIRul/iFxxdlYqDYphQqESXUGk8nxKIJYcYmStVgW6cqlrM8vCI2b62LztDUAS2NCbN&#10;4S0j5oedUXuWLK/D8xbnvKaEhgznj0+ifjUFGjeyut+NhxgwBW+b7yHUj4tZlWTxJk6hxs/laCXT&#10;LB6awGpCdCRwQRltaUMbvdsXNf1JxyJRVrj3eirUDzwZOvuy8SXEi+twfuNcM8VfrFPd6pMWCJ90&#10;RRRfNP7NoDFaXW/kSRtMtwkkOv/BwO4zSKonVKfUMpHuk/5E6JknitbQ2STF7+jD8SKn8LzMLl8o&#10;5Vfv+HFMSGiPuOZH7Y9LMpx8JQooT4W/eVoOHNYX6EBum49CRfzuvqXrXhod4Sziv8XccO++QKG6&#10;2fmzUt/6Z7kEz58tuWjy5M4ueikEzJJ+V+Spxuypmj4lo9q8OSQD/0AnXmgXHYaWFQGTY/hCFyFW&#10;pbbqIRalmrfPYms6rPWQmbiWUbriTVgy0iaEQN/B/ivIU1XxTlSGoUQdutFHkwRnnFPPpsYZyzpp&#10;JEEsZcDUwflAnyeYdIQkhJ1viiraZ9XgLE4hYeut3wmNGlwGTpR9Zkl1KP1XrFPNUJPRc3y3Bi6q&#10;MXAzHY55mGVGgtJz3CYF9hfUd0VDJNDKBav95IZwqbYL+lRd4Duz4H+dhiifQDeLNzEwX+CWuKOa&#10;3gmmukyGEPBS1D/LajJb1tkqTodyzoDkK1sbB6dvwYVXZdP/j/xGtQG2WtC/KkL6jd+wbW4/ombS&#10;PQsNckV9j8WSfd75DV5S+zfpkPepz4FhB5UQ31XZ/sAeiVbhwP64HqJ8Ti6Gj951lKKG1NlmcoH1&#10;jAqKa51yOCJDzZ9E9gsHNGgC336cmjs6VDPDWBU9PvK+CdMEIgbHSnxWF+81rQxzvzqJQZMv+AoM&#10;0pJWXYd7kQLxbNeTxv1o68EAA0qlG6cGbv8il186fSak6FqXbSlo3kl8pPyQY95gQmWpXtK0KjnS&#10;FW7Ro6k3iNmKGNuW0UivakhZUy+zw01attdv3hzc4Q4mZGLZVAaS9xPZ4MaJupO3O2CJlPgyLXTF&#10;tI+uYBIAVaWpdgW2jxt9RZ9c6Ta7lMTdaEjtQ3NXyIrIIrM7mNqmIE31re68DM3P5jcdsigcbhNi&#10;hn4TJ0R5ertk6L+CA0gGeraIn94/m/Q0x6WRYNtNcpiAvsITXZosDk3osc7Ob6hIVEXJwKpsDfu8&#10;Pcp/c24w5cxWR117+l77aOJAEGQwDFr/VBdhj/piuMi9kJVmuOxxmcdKfjBcGEqO2lgMyUmhe5oq&#10;iUmhwsVeIga6JsFDBQbGmyO2dcTcabconVEGe7yJ46cRHtYILY7zId2B94eI1ZgQno8XEpbPIq0D&#10;rxjzXUtjQvJ/xYRQ2tsxoYxX7VLiIbrzUKceFHJcJzizp5QrEbalKALpCUF4TUtjOqTwJeJh/meq&#10;PMOETWdYW43JW6dnzqOSKsdSTg+P9NOhfKE/lE7HOIaP9o7+0A25ISymhPbUGALpb6geQQsqUOj7&#10;QkKE04oIqbyo1aP26D+/TNbGbtE8gsz5es9Nw4JFKxmzhWV+8B52jAUXkBvUik1R7oRJu4yU9TTD&#10;6uIIJLClec58Wu7oD2vc9/ciuTuDJ1+da/IS8XLja7tqQh/2sq/sCy2wpWj6sator2NXmfMPvIgi&#10;oH8yIF4UVFPSFWvZcuNJC1h76ksulsztlKFS3uEIY6kC/9QyNU1A2ax2AqrbWccR6GPAgIkK+EJa&#10;4RUgVyl3FF7UYXIHJdZdJ7FCghq1Jy8iTPumnusP/FOZ9UkL+H55BRwPmowJYbv1bh7wEN4Mmi+/&#10;4h1uh58k3sRY6mebo6vIuXYM27crWbhxWVw8e+WsVIfvFJ5MG+G1EjXaRSXRs5l9q9VK3yl8pbVc&#10;rZLmim5OiUKF9rHCRJSX/S+fQ9vqf9WMMnb6pV63qqgQbfetDOdAYP2gS6qJZaD217jGLrn0drIP&#10;7kZqd+TEGVrPU3/F+5wMjJiHqvMWbkIJnCOQ6iz5QcfqMwiuScmHnFUDJj0BuwBYXRkQV2dv9NdT&#10;pojeJEuFyV2vk4JWBTzHm8QhOw3R0sRFUgc/B+c2YxHkCKIT3cPE+2PPwdPPMfhFTIiK0a6d0BpM&#10;BbtjtnD0F3c/k6ygdtDjTfazCx3MYl2AqIdPg5d2QM6jRW/51BnAGmvspAKBZfTj4TBuPMp/czSh&#10;pPRv/UV58KMi7zGa8H1MFj5T9OVRJ8riEhFyCMY7VItsKh/qmDydWj09XDaPKMa4WbAO9ItdVsOF&#10;Yvu82TgFHFgaomCi4j46KsFX8iFs7YV1jTKh3rDjs9BklzX4/9TuMR7y2T4h4s8Yb+MhMd7Casdm&#10;/xW7hwKvCP14E+uo17VwW6wDO5y0vScQ6UBGAgHIF/oVPBC7L2AiUjunWMp+/yWs1N0auAKUPqPZ&#10;4sLMa4gfnN+0FCtUfkLq0f+CmUrf9yj/rdGuG5zl0kDwqBMOaWtjjz2uaWFsYahwNpcTHornSZ5J&#10;Pq1a98DEYz1HmIRPkmdiOez6IqkFDvwQptp0IbCRB4YC009ZH15vYgUtm68I74SK8gQuWNlGoxrC&#10;NMZotJGwa5bRx/Ug7g0BOuwOYjRj106C3b83hWh9CFZe2HzLm3CH7j2mSMAp+2g/WxgGZ6cv+dat&#10;85Wn01fWfyUml3pNsgF+tWOMA8i1CWhHKo1aCYnUoDS+CD9kSOSOVmYtxX/x6AeGpppatRt4DbJB&#10;73xY1SCqVQxCuoKpDp/BVkjcVpxnWQlqRerFhwoMHGppRUJmr4pS8Yo5gI0PafP3E4u0uwqlHXVq&#10;nRBZCdYnYedZdnS1TJx2DhmpCWdHLYHkZFYEjvHMtb3GqZK7iaZGQeG9c1LxuTiL+qpKKhbcLksB&#10;f1tRq5oD5pu65zuI77HOfpjxmSWfIUxtvxLveJT/BnlzFjhGOvnQGXPzqjzqdCSWOlLOdjZeMAUu&#10;daR4DVUruSwWhyAsM6DpGo5zIpRhxwzlEMx4pfqhY6XywY/r0TEPMgabuAa/pzpqPhkjZLRoqn/7&#10;tPp5UJR9yZatC1zKng8lh6q6iqUQLc0mho/dPMGEbv7J7HpdlB3qgjEOTeFxGVjV3cXdXsEpq7Mj&#10;lENAFIvkCjuUjnG5ajPHC1750zXMg+8GEhn9b1D3sj8dUjJVgiiE2obA+RfFoPue4OwZXeSYZaZ7&#10;LXZ5SHitAmYdSv9lmPOzxHe7ux5HRU2If+B5WKgWzu4bxr8I4CPM73J9agR467faSYzdNLa/KBrb&#10;vunKomycRPbKP99pX43e0gy4V5yQYrlvXNFBC/uGJlhZ+lbk5whfbu2b0sHiYOJ/yG7kV7Sv/LX0&#10;1kq/7Mra0EyD+BQK3DTTYSgOKuOem+wecweTnI1M/iH2tt8LgE2Y6RW0RdxCrPJ9pNzCnFUZf3CU&#10;Th39V9AncXTf0qvm913gkYXjjBlVHG/WDXHqNI0JJmUg/26d5Dqm3gl/YcLrfrIyt9XFa8sFWe0h&#10;gsO1N4TNwjFzBRPsOR37af+t2e1KVW/5HmSOqX+zuAaOKxHFLW5xW1qboKIow+wmTbx+f2Z2ClNT&#10;+s9y9tcAvczxs8Q67SelBs78GVZ+Wwo+Z3cF03VyXXtW2mk6j5UMHpRwhVtsE+dHqS61ow93iw3S&#10;U74HFZVxPsepuV/nmkaCmdh5Aqh20hptHXZ/Dy7yTD2TGymiNHfrxKxMBwMEv3mn8MBSuzXIhPVu&#10;fi2lHyVu37rLkPVWLRRpbWTCUUHOBsyn/46ocrYYQxbLZXlLtySpO32RoJ5i4wtpgmp4eMB8+inR&#10;L5InvHV/YjakxoBvWqHEFeYSLX/4YxXhyuSeGZy+2k853pwgJg7azgoapbNwnn5nEmw4SgMJwI70&#10;nSuQ//1NwCNfxOvTIMJbSJaI7TwkYioFOx7KZX+/m2ikGKYBc0jIFbNojrShCO6mGMI2IeLBKXgV&#10;mngDE55gFk9QbfssBJaUCaPp7ALrAa9ZsARCMCHOr1Ar48kE/4zscMuQE/OIBfStVnmLUzXehpoo&#10;vU1/BDwcMlyolqYp8MLYMhp29tZc2GZYfRm3xQiy1tR5+qZpIQ3dgQKzHzUqTrRHfQneMdoi1/Lr&#10;h8Adyr0yl4cKv2nKVDOp+kmPCO/2vYVxKEajZ0pxyhn2VfVfqSer1tspcdB3QyRJcK4kE030Z/9l&#10;MgGQffXiOoj+KwHSsN8FGUy08RuSBxCOuUJ2rs9GTSh+pX1MZPcNSEK3KUCEuO2zBEpRhQbmODLb&#10;Q7SQPInkTL2xP6BAp8jWm9ZBFNySABw7KRnVMPs3wdkp7j6kIZ5Ri3mewT7aA3S1UXdiWp9CcIPI&#10;9cgoFSR9LCKfMaG707/kFWAQdD1W51sas9Y5SqE6TFwC6elExQ5N4hLm4c3CLXZifZZMkY5bMg2c&#10;NEVO5Av9jqXMz0JDnW6Xzz6j7WtyhTMvLte55GwgtTpprtkequNruG1JB7prPThWp5r+y8eTULy3&#10;7LFOLIQqpJNO3mGS0JGm20vcUoGi1niDTEwJtZ845pCk8RBDc4MJhaXhXAR2h1vVfZr6YDV9P0lj&#10;qGOPUrnhdmEYsL7x5iVMNII0i59HEAtCZWKDDynts+MW+Zysv072JUxcXRm1IiC0CX0cjoQiBswn&#10;YySzAT9UPJQie6Qhy0BLExKcV+U33/GoI8XhqLFhMBTmtnBkIbptn0SRBhLCelK9eYcVVkY5xKfP&#10;kqVWxQS58IKJz9vX6H6G6fUmVoiKUg8Y0KgoHCTMPD3Kfz2ayNFOJcvoIw6ZE2bkgDAynBsO1SEs&#10;xQIsul+vgH5GtCR2+SUXxt+rZqHj1D44hQoN093/TDEi5uU85c9634YVitPVtlXQCID/UNSu++Ct&#10;RTG6Eor8zSMO//MnWAxGo9SE1rtFaqSqkwZ4ON+WC4iKm76wz+s5w2Q7kn891WP0B9u9z5wzzpl6&#10;howJLX7/DqX/8hmd5xo36OYZpdwAV8L47DNlD09U9TMBCW84H+ctMfRM2SNmrDtstZTTw+KZFKWG&#10;enZ3xknPdC0s0fFfGxMnvJJ8pUysOuM09SILPibkCsRLmFMGPs06rgOnEGF89mkQkq+tFsNCgvRp&#10;84i+g/1X7iexV0yGeJNz2NeJg8iRPuWGbdoQBkU6OehxWNGgDsVnxtDQTh3WQCP3PD3Kfz2aJefc&#10;5MKrMJqH+W8OZzD9JMZSFDUPwbvwvudw1C0PJ+9nEzf78F9wyQh8gzIq8Lbhfd2eEq4KG13MKV4q&#10;SiEbiguoYgZKCe71qGSlVXa7ck0czOqA9lnSQ+qf/CT3QPyIA/UNS0mGoA+baUFZh+VFkeNpuQ+b&#10;Dok0F0W2fJqEBIdkAa6mApdP0FgolowyGFbG3emAq5ZgxfuxuSfoFk5iXHxY/R26BkQoF5aeT1nn&#10;C+aDp4pGivkqq90+DGvyemRW9tWS20ikMN7F/R86+N1qlXXincHf0uPLqoyjJ2x8GEtk84zAot17&#10;iOm9yibA7JwXOVFWs60HP0F68qmhEU9e95ZuOmxvTEp2qU93J6L+K0lK10376HJiNkWTjbcngYi8&#10;uH0Dq35zqWmW4/MSyb/lwI4ZP/y0+HwJ5eWHH85hWcjKthDLJQiY1Z13YOnNbs8Vl9Zv0RJ1FnBH&#10;IV1zjGmzrhYh5h5FaBwEovX0EiyBDddMckR6zSS5QqQVxe5Rv7hlN3JrOsZbUDKebWU3nMBuzEhu&#10;tvkSVJkveZj/BhEgtsh4DoZML50Zg/OwE+UgoPCnu5KCDrONh8IB8SrEtGlURPXgisv1KZ49JP6N&#10;laK3/vCVkwRksIG+L4viLtfy6Y6MZE1s2dd1KSnUOSSqCeuKN3uAnA91k48q76GvbNxqEISNkpZc&#10;64pMlBll5zJa81/Q9vZpBWzj0xyerVyNt4f+oWNBZhfuecvJvnv9VxIAjiVndJIpwKI2yFBo5r9z&#10;apCc25rVzzRRAvv7lGpsrBsm1pWjMVS6pS2/7M7X8QgwixKP89/6PslVKZClc4dl8O376ONehRpG&#10;2fvi7x4xx3F1BaYSjrK/jWUyHBNjNzkZeecp/5bH+GdNTMiaYDl31IJMppl9UpoIscmEP6FDpXkM&#10;chh0uj8mJSuJCUPyHWSqVMye8Ywpm35hlMTyRq+DhPznpi+QCE8IqCZGacWZo52xTTKYw16wLBXf&#10;NcjL49F9rMkrpeBrA+KEwMA/8NIPkOes54VZcyOXC90UO+9ufiDjj0gyoE3JpN0Oq/9KOsaDKRTG&#10;rDldXTMA26iv/jS8q7uPeYy277dJJHjh9+JdiNf4EpQNnQsZKKrXU+Z4m5OR+wzPyDj3g7Z9umq1&#10;JPLkfNUiNXZ4ObUfcDQacwwc6bK3LcUExuhsdlwMI4eykQ0eZbAabyuT9EyR+0yV4pVWDOo+uWKi&#10;xWWmz/F1Cag6wz7smMd4lV57VlyVsfOjfTxsuTCn7uo/8Me+P/LmbfP/gOl59hUL7ZHnjWTgEhvX&#10;adQIcZ3l/gfIK6H7mr55Atdjgi3WVeTtBEKYbyC3ww3k7RysXAe20w2VjesA2fvYV9l/+TRg7qWX&#10;Txl8Cvk3wkXJKo1AJsCGbbxfUEHyO4oHvcMdVv9lyOu7pPP1yAla4vJpaQQ75GGRJc96iW0dYPON&#10;A79bH5NTFe6sSQYrSlBawlh9cJ3zmnX5pfGFT7EHLdjIZTOQnjuTWd9WTvD/us/Kd932eYGs9XXL&#10;hImNJgPJ/cZ9K8GJ+ir7L+/zIhNppLklOfHpKXBx/+qCikaAy8kg/1LZ+y8gT5lIsTeG5vZp/E5J&#10;BlRpKc+yQV7EHhEPGki9gLxwIW4L2nK9m+DCdfr7IVGnMFH62DudDRymdCPBbovroLMNT9DYSAJd&#10;WwQLZRLFKuUUmYYyQ+6xvSiiasTbI2d8mkXVp0mwG5+uU0ULEvdMIiBN8uSLfabnhspHxqLY5mwE&#10;Oz+t9OFEyT8QYChly2O0iDyTOEXkO79eM+EYCCchK7GueZBGpVMmo6gyTwraSmHjAmtDVmfWF9yT&#10;yqFK+VAd5sYeMSEdsljuxp5rbo/B36s1K0s51vyveh73Y8MxIq0hH5OytclnIsEukSaaTEzhzZoJ&#10;elg3R0buAni1m9HCKQru2Oa5yzqGH+oNZPVaz30m7LjzbXi6irUGAaKm7SoL54w27vlY/RqtN3V+&#10;2X8l91QmqjXH06dp9AT3CMiHiWGyZ8RQqVi4K17Q9k/Yxpg1GRw2Y/FSvN/nEZWJRXGz5b6Ryt3y&#10;ZlBBsZM+lpAtXrrUTl9Tx2//ZWzDty2fsTe2mhbSjEbMf0xM7sVNG1IPT9tRuIfzkqSHZrBp1eQu&#10;yaSKj5KPFMLgs5bPeJKBPR6+ai+Mv3teGb4DG3EkDCjc0ViRwr3pzUYG62Kr/hj/jWGysvDePFZ2&#10;hoxp5FM7kLZBRiZZwzyhnNJWS6TXu4nuYPc+ehoJPn1R2myvGcbfS3h4uMybVIMXUU0IZUEncmEX&#10;dnT4zK56dMjFLd+dYVAOJnXusHqbveAXSHwl5AU1IYV79ye2jiwAbyQRqs23SAyARcfbcDymcc8v&#10;YOtwwXyXBPR9UXSPcVhD/YR7mwZExr++VVsxD+UsXEthGrT/a9pmSVuKDJ9mzYkS2nqSYd7IgAYR&#10;rldhU3jf56lTc/+V/EKdc8yKuGo7G+SUmEXpdEs7aJyuhv1U0UfDN3vTeIVWC+c1+1wbJhKhEMkO&#10;VxGrx51nSo/AxBHOeAzMbSqUHLrPI7GprVQXnogSmiECDkpW1d6df/iza25VI741DsOKIwoXu6MS&#10;H/zZfXfoJZacR+cxPYEPyF67caTTHJ4N3iI3wXvqcf6b43XXQeVCEW588OAjThWnS2mBb+qvrfXb&#10;n5QaVTiHdohbLEjRDfnKdFJhEKNN3Ini95kSnMt7INkGotXW3DzOf72yBgWVaez7Il3OK1unjhyM&#10;JgFF133hhL47MTVswjffxAm4NM2XnqIPA3mciQkZUZI+Z9V80Ym2UQuhA7fbA6fcNDmI6UEt5zUT&#10;0jAhkvVPRnz/NJRJjCm2i92KW4HmxOAdDsDhx6SASW8/IO+7Q25tZe+hnf4UQcCfBf/KSZC0X7aK&#10;v+u/ufvEhzBCcjwCvpoZeZz/1nhwEJoqeS4cTXMkjztiDr+QaD9QAxsJ/bZQw6ociR03mW/6GvxZ&#10;dtN4W8XAbzg/0VR1Dol3CehujjEKY0jYycfEUTZX4i+CwKm2o+mRmuqz0VfptSeOiKYiT/KjhKxj&#10;OcuJ2seD9zR8WR4BVtOkx3VohqJjnjuBxy/lYeGUqnTVTIyFj4aenWsqb9Uw6RFGwdoNNarqIaOf&#10;kBl82TUQnqn/eo6UimcrMY3/L7GwoHmP81+Pb7PioF5RF7a7mo3lUhWgbudSDT9TfeYoPRHVsK9a&#10;zCMmzntAcV76Ffg0dUKdF+FocJqj6JDUxT4xqXF5VuH12XbvwRHOkKGYTEgiBEK1UEsrhLVhMyQv&#10;QsrQvKdDRq3NuDlCCJbvuEGHte8O2UXZk5/dVCVeYsrj/Ne7iRJr6cf4WY3kcR1avqVWRs5hlSq2&#10;acY0Y7AqRwoETXj6ZhOucSdRHkNBnmOH5RkY5r+kLUV6F295oz6fWBbm2+uVpEFm+4aJDs1Q/laR&#10;StKpunz2hAS8X76RWf4m1JK2Z3/QxsSSACGW5e531EKOaWlYJJymdla8ghhIaVhYmvSp75DJuzGn&#10;oSvvm6YoSo5BBY41w2W2ij0eM7FUGylrzhy0OTHSrzIziKpnBK51mY7fvpswbWAmZ8S4T3fex91k&#10;PHmimXqCKjlrd/1d//U+ikTr+/R4NY15XJ+d32K/08hQJ/TE4lzqiij47BbJpGgUkzHx+BkTHyCr&#10;NirfhRGBG7iwIbN8Pu3l4F7oblmSf6Tb59toTMWTO6z+K9aMIMSk8LtcNtB1NfWS5Hv5aWg/0inm&#10;xNRf24/lBXf1XIfVfxky1QTpNKAknqL4xpnBNV6U+jQG9oYSIhyVDqVa6bNXzPttmBjP2R2JrlmY&#10;SN+lnYLAbpfJeGVIX3AR6JNQQ0oNeZN6RFzeAtdlRCZXc75CCNj03mzyxz/oUtvK6E4s58eQsABH&#10;omwz3cfP1MdReRda13ICj3uGT9/ZOLzFdSPb1JGR3jPOwtaEQOaTU955m1C/dYcOq//KnSO/2VUF&#10;f9IhAQ7YTogS7a30UvsB1rbHamcW2MGT+ynL4AgZyU2rEL9LBXZf85LYiruJ/Ol9YvSEM2S8xm8S&#10;AukP7hpjubmwlfqiYAqZYCPIyj5fmQaRSbtYecw0x9tX0og755l1coW/0efDw1/HnrZ7dugdN0M3&#10;IRXGwIm5b8dv/5X7jDZabQ/mTk3IONrMKP9GW+vqHJyRt/Ps4ND/5KXfzoLiELVHKknyfD3Ofz1H&#10;ZbmmNktKiFoHd535vDL8B1Zy6fKTOZpzZei9NsAIGKi1VdtN3XaRPIWYoLpQBcwOq//K+XLXnSKf&#10;gzeI6Ya/oSDTRUNx03gMj9sOtTRKi4CRWmoe2GFtOMJogwv5o7JfNhzt48l4mDunWWzjOzTvhGxv&#10;T11IawoZfni6Zj3IoRZOErT6hyRexM7ucUow6K9iOEUD89MwOCvWJzrFQwn3C8hFxpdnEx6MzyBn&#10;beqbkDFjrCvMI7A8VhGT3zbGLiGvh++wZmjLpha673YrBlVqsnK8ZoTDG2zj+LcdRqNMLgLTTs1F&#10;qQmr9/kgHFTUYGzjW67z3Wmq/zKFzYvbjuwdV0sdalzeXSekrTATK8hM/IXEUyubQudJsKwi7YkS&#10;yQ5Dljx8wS9w47uLKg4z08jENjZz0Tbu3J4GzEygT1OYRO0Z8nb+cf9jEiR14JpDt+s8dR+/nj+p&#10;sIMiftJf8FLhqU4oYoubsJ4VSlTbwIPG1GvhCLLJo6hf+qCZHekIkxUvQEIGv5vgwjvilqJARq5t&#10;kEG5LctxU41X22H1X+b+pK7UflAWF02C56LY6uwQJ8iPx0TNM1NAqRAUox155LY7BI4cKOIt/v8T&#10;90frnVCgBJ8Tf/e4MjJUpFsEJ+TfQWm1MtxrZUGQjgL3aUxjqSCU8kQu/HFlZ8jEje2UVKl+DzvS&#10;6K5aUvBpZFRnV/gbFZ3IeXtidzxYfbNKATosCgu9WN3hMUpGcf96fAd5ucaERaGAdBKFEWAtxaJU&#10;A9NjgzgRiMvlmpkDJs49trEEnQ8FZN1G2jZyKZblMdPYJgYLsq93Pr5c86zgPX4aIejNQHvDcusT&#10;gwzs9ZyPH5BN43leqZLwvVuCSQv7xJTH+a/Hc0mlfVZqEIQ3pnPOIwVT2kgeVW6XlNGOtFFVnoxS&#10;+eDhfqyjRWS8fNNzRx4rO0M+vrt8mgusklFOQvnh8S1kQmJeFJ1iQg9YPo2TJbWIyRCWxwS1Un+Z&#10;h/oSMtRvGqQWGKWgEQr30SISdoYwISO+sypX4TK0rNzhjt/+K6mDqnflDyavkXG1QSa2aIH4ZKFE&#10;8ma3AhoNvLHY/yJXxZEF8hDz3bkoLPYSac/HODndEYA1c+hfaItIT+encRw4lp22ScOvRnanx7Mp&#10;xfL2Y5/3U0iMAn0g8bzM1+P8N/dF3Y6KUeuGZfNDjzvu5ipYiO+rYfWqB6M3+QI0ZLmkY3+MFm2p&#10;xbZy59I9HcFC5X+I9T1VI90+V2T2VKzWDkSIZV1HFDyqr7L/SkwR0ivnp0T6JljIb1W76ZjY4bGu&#10;YLCsrcc/7SYqE4kz/ih79QMPFnd3rG7M0b6W77uJk7p09MJKnZClowCJzZBx9wiozVPBhCkEB3+s&#10;7IjTpT/OSd2kF7nqEwKnv1GNumcJ01aVx/kYWW7trsPqv0z385IwTpfpvtasZOdalEyLvuala823&#10;s3mEvGoRp2O/qAmnx4uoR8TmxO6wvXSyYdZ+d64ZU2Zi+8muoK0SDsXN7iAj5Z3UKi6K/t4YAr0P&#10;px/v8BhDpPhFPb6EjAux/CPPNZNeMj/9JAPCpVNekj33hsJW3eTAI+VtKWcYqsjmZxtSy6QvN6hP&#10;cqep/itpe9VxyRRTLKlx55WFQm2buYKg9mUVeBpA2QseCa6nlNeN5h0yOW3OJCfigC+giw1ueHGB&#10;EJEYPDMvzjMSRQ0MBi8gTL03QiDqXYYS3mgVzqwoIUtLvdPjbbTdXy/WTIDPObe4IxBOfc04/ioV&#10;iIZQquxrkJc6fd3LENbMHW23oBh65KZTkf5SbJ1adFX2NsicJLM4mtjINuHxFWR1M3f7O0W1s9rP&#10;nIQkLyRKolM6ZQ8YKPcOlAW2yTt6VZ+htiXE+cdOEarOPMcJWYlJfgwFhTE9H68pAbjJXuiR7Kwq&#10;SBMy8+/mHak7fxQPo9xfXtcF27QpJj8o34b5ZhXPHbaJ1Kkn7Fgz/lxdLt0+TTt9r1lNvbusItJD&#10;akmihGwBQmP3+0zaHCpxQv6LS946ZPK6XISO7wHIfc3koCl/IOZNTluQwd2aIStXubIC7rYds66N&#10;JH7qeita1R3SxMiBSMhgL/1rl5DJw7XjWo7TiJRNyMoayc1gK5RguG4GLTeLD6liJVSWB2TrY8Gx&#10;lcsFUQSmiCupv2acRY/z3zmeFA+PB4rPrsf5r8eTluHsCELrGdRhVh53kiPksQl3CQUP105YHMVM&#10;ieeL+Aca49Pmq8/N2H3o5I2ujeVNpoXfxdIMfjz3AH7lDGMq9tNomY+ZuHeQmekWhsBmX2X/ZUzh&#10;MTRXZBqbbU7OISjJieEJla+07T5Zgw70kOUsOXoNWWnbNkS5BUw3UK2fJppf1iLo+R3pmrXmX7DU&#10;zJjnJBLxfgOZZCNvJO2ElJHYICPWil1TWbad8j+I6TnfBO+wlJrrNeNPc98r/kF2WT/lg9knAWIK&#10;ZGO2WjNyhKMfFEYOhTIj7yEj8W1ZYZ+qw+O6ZmrRKhGGIkh15Vsew3F4bMj/JUPnHjJZMmQkWI7o&#10;RpeGbRJh+HRSmGJbm3ZGYqSyicepgjrzrrsHfznRNlEvZRbmu7CZze+k1nAzGYo4fUMJ/Ju3c94Q&#10;RNYnXkKW587v6mawts+QNpkontgz+Ud6uf1lhP7EX2/3mRgkrVSMTjayM6kIEiVkFKgs8TeFUe5I&#10;tDvnPZMq7tbMrc4kIgW2ZeeGrlGfRgcShsdGyoTesI25VF4++Ug+5BUd97lZLfVuQSYMAwkasj89&#10;H69evnr7bs1oXDMtoiJTy6fFUg35EddSn6p6LDPkxalSmYn3eXo+JmRVI3kjny4Ocv1nFL0eX64Z&#10;TjJjeQ/3CDVndS2Hmg1unIRD5bIePCDejDvI9JSBGxidj1ieInlmFdTw7qE+wFW+5Xx8CRnOVIHu&#10;mnVhW502Z5DRLqH5WCkOPhkvPUbkEs9T9bRtlYNo0X/AtrqxWbrPx3drhvuh7RnbjwPLf8Dt6ccP&#10;2oaV0OQsH5dj8gHZ+lhoIwghdF9/9G+ugN+zh/fxcrbWeJv2QPE4//X31bbLXgacaWUPeZz/ejz5&#10;W1Z+ZwbP8v0jP0KVccM/4vgK8jRhKrZb5FBJcUUtUBI9mhJzlQP2wNwZskxRY/2Zu0DKRNlsz8Q2&#10;IlPTdaQcrnt2RGqTbgAI5g4D6JY5Ci1uGT/VjxUfQKXo2E9hxvfSDgFfqhi+6q20HBY3OZGOUVM8&#10;VChplUYh1hduXJwriJSYMXr5VktPHFQaeGgsiHK49KJK/SYdx9qQRGLYtle7i01RTAija+tkA1uV&#10;mRNgYel9tWo45+MIf1IY/FalUMWzg61qntzd4XiZ2LIE+8gm/o2O6/DESw8XiQlsoD+sBhANjai/&#10;2XETFwC71/RVPJe+JZD04Xerha1ZxszMYx9OVTJPJMPh+t5yCmrKtUF3e8vu+Ig8U5fx+sgVkSS1&#10;K3XI2xKpSgsKH9AVWKjE1dIch8HvF1olKkumsVkR7vBNjZW7zXrq27xiSjpkgyTH2HkC7h8MhWIZ&#10;Q8a1iUHgPkWkBikX/pacYRNop14UXq7wPXiHVRXqq69wB4OSRln4hyC3ehumcn+QsNGxIryoJ3em&#10;LmnGYMoRXRPD0/qHSX7k4p3XvEsw1HL7pMi8+TG/S3czV0bQmiHp7x7ljhxDpcnKimuHFbHOR83i&#10;nwIRkVwVCTMF94qA6ecAI0zP1yHt8tVjS+o7yPLSYVEGBVfOc20XXompyhweQ96VEVRpx5eQ9blC&#10;J8hugo0zCcurx0L3yjn1WL6pnLcfX0KW4Vb601jgeiyHgl6P/elCCTOVn+Z/gqwGLKWNEu/onJdE&#10;aXxgtebnYyLwFY0Weu69RXSjIA5Ys358GvVbbfA/kQFZRdzo6sfvKIxInTsknfRI7pMkU3//dGF7&#10;XPLxP0OuuySA/NhIvHWVf4VanOickNtjYp33iiQBM5zXlgvPnHl1YJ6c5DEx8ldVhZWb8Q7bLbqu&#10;09lPFXIStS8/zcPQoGrNqkeYfBZCP3PnI/dUp0oHNA41NmhQ6scUiyqDYEImR7Um9rLehEAKnlV/&#10;Wm7BxipkMjquNd1BEzIZrOVkkAn8Yp8RolXgdhCzyhu1xkN4YhfS5Oeh9eS88Si80KIRcEteC1md&#10;3bFMtICPm4Qgxx7vIACAVuhDx7zCm3nHPWnLqK5IsZEPc4Wp/FKiQDzGmNmSjJREU9yzXHcPyJbT&#10;acGSMlR5q+jQeQMLb3mc/3o88UTrKEoKCTfdMv5IwTI3fGqnMVWE0tyKpLBuR4v2bjgbvHAO9Qvu&#10;zGbQatnvPh2aKqK1uiaB3Q81TSPLGpsG5AOn5zVzFKeKakqYaybZ2CgRa9npCOY0dWdT4SVkusxU&#10;8uDD2qYFIJ82iT7PDnnsVTs6nQB3kOU3q9xCFJwev8B3v6RGHR7r0jFvxlt+wU17trlPrGjePLMU&#10;3dVmSIaV7lws9HLNcpp71li73RDlGiREZT2WYGgslIi8OzxTsidWfm+pqKynlBqMvPCJ16Io3vW1&#10;YHz6IbCakK7Hd2te7pI6fpqF1IGtT8+JrXpLPb6ETEzGFvbBd0b1/6w4eiomLaG3Ht9B1ubYBJ9W&#10;SC2KvuiztKIU9vkYK7T88aXu30FWK8ep28rz1kiI0zxZ3BOygqN13N9CRvOYdtsTshRtM2YpW522&#10;iZMudogfX65ZxkAdmwdtExih6V6y9WddsbhanckylS8hS7SaPT7PM7k+xDcN2Qe29pmo9dR5PtP2&#10;JlV5C2+zP0p0z14Dj/PflMJcKlhB0akRsj6PO0okHEPaolAgRM69XoOsiwriDn6xPdZqvHCR2Xh8&#10;idN1u+rdQhodvibKi0Tr8TDSC7K29sgjvXb75qHckghogI9OI/t4tIwSyKXA/4RT+oTRe844fbB3&#10;Uj4Ih/mx1f65MmizYqIv6VQR+VIHS1rOT4NTp8RMMV6P5a2bJ4Rz+kI3H44NH/vyrs1Ps5l1dJ/q&#10;BwUESzMCe/bu6IiUPuAlOqtTwYRMWLmY7FOnohUhfkO/bY3sEjL6eFE/bs/uX8CdXLlwsjF7FaGy&#10;yc1RxhVB9zJ+uZgdVyofbhyW7pWlGNOoUanxi7tFrl7vA/Ij+8tfLZfQHFfFBKaoS96DBfQTMR9R&#10;e4u+Wq5JwULKd4mploXQeVL/FWcWPwrVF371EUpAn6z1VDqsN59MDk6f32W190aCWqN6b2kVlL2i&#10;68NKZ/WHH7kaYBWrKcG+ywKhN7ma0g12PBNIDJZiXyIifoprt+0tFcjFdpRiFU+v9hbrdiaXcIYi&#10;q6DA4ripsBd03r3f3OHgWyp0PQjIOnLi095iNZZjXFVs3etIEmGFRJXq3UlKfYrNmslLUPrmrTv/&#10;/GqtFjqxTjc/PJ8SK8mdVw7JC58NNzLR2yp277AeQmY+XgdcEKkzXbxFMiaEbU4kz5YsBUWpU04Q&#10;XOVK1WqJe1iekLuYdHFHUiDHRvZsNlUfpoV6HS98ZD3gyQGii6UnhYfpnjnSIomWsn6V+EfTi1lO&#10;2WUnJHNua4NQD16QFBEF8yE6qmVbklotcsVy95nr3U6B/Gn3Yvcfopa26smUUg+Chdn/A0+2ln94&#10;yomvA4TdE+HQq73FoK9EbTnZ++7hsvLlkmq6quyBdVLQeYHlRER88A4sXRlteVDAtyVZImAqZQsv&#10;impeF7BqEWAfFekO6jxzyy6UHOcDxMUHypFaP0wiqWmVhpdkz7SnXLZhji0PS2zQ1WrV5tWayXzV&#10;JEXE2b2Ml16a86nSyuMUYPyqc8r9alEi8wApO6obljh/3dsZsDh6W5yI5KxqNiiv8ouQCe5qKgJy&#10;xsQT0Y0+IRkxH7HbWq0SJ5OHyWB5QcnK9qzdQ8p3ZzblClxlmJMi0tpTVP5WAqzBIjReuHWpcCl9&#10;SHc19mgclXMVjJOu3MMGhPqVRj449succWl8ZudMHcpYkUzaRfnPZZX0lBuuZqtsEHrepV1/Rcm6&#10;G8sZZXRKVW3qsrcsBli5Hhhld2HrWl8LPgLpiOYjJXe77S8ygF0wT3dBzTvI38P8N1RMhHF14VUe&#10;VrEkDzvpLuLyluZEFtnPdVGonZUERgSefJj2FExbWnCN4TTtO6D+K+eKNLcuRj7EdjuhrnI0LhH1&#10;W1dEXelpu/QPLPcX54QIxm8rvDittrRo7gOuCBuY2DpetklxxoKuHpRjZOc6qf7x4SL/Dn/p9y2k&#10;0MAB1z+kN+7Dj7jU3TURtiFbHbHVSrAlYTL+C3ym3Q6L7irMiDiOGiTPmS5PYHXBYoZ3STcnn7CB&#10;1VWLGY6kzIJcheZxgdOpFEyHX9okvvNESwfUcclVdu6I3F/ysP5ybADWj1sacSMEhkVfPo0mkuUi&#10;8XQDyErfiv8mM0eWcLbOszyCRWAmd6OKBOS0g4P4d18qyjFgvx0shJm6H34QgsIvwI6S28DruK6j&#10;fxi5kDKRtBTS6zsuIKPUaAhlIE/GlB/0fVwtRzgFjFoM4Ipb0Siyy4oAdeTiV39KWDIEtdyimch4&#10;BRZqr6sj1Eq8G3SkDzsPHLBKxFzBUt0zV1tTvgKLIW+PiEr91ClgkQOUDjofFNlEmWsHq3anIYrZ&#10;DDjvi70Vx6xXFXVsYHEPGcm4v7ZWOaDJzVO+kZQPUh4dlOnsjwWFojvuXV624YiS7OqENkJE4Lu0&#10;+hNS5A6awQJgOxj6Wg4b4K/6b06Gu/doiTCGg1TO1Nfh1NZIbYvhiKar225gAW7OxxZTe9I4Gouq&#10;Cz8o3IFZrPiHxFyNqqsWOIc5v35e+qK4Vx3vSMySOf7z06JIxMiGq6IiGmBsOOiwAnG6SiStDcKj&#10;4+q6hVp1a3L2/JbPEd9YWxTc0+eaVATSfW4WhSKU7lddeIquts1ywwHDf0VmAMORzoOsFzo4Lmp9&#10;CVWiK9Lw9PlJAltdUZO0TFcBflQpZsdFncGOiwYHVWEh4E/r2KIfcyjS9PwBc9tTEiCTItVuNyyD&#10;K4aDGSFGMcCSiZMXDvy//8sNJgqWmSpIXPzmjR0popNJgvQIg4P4mPX19V/+MHl+KaSJO//uijQB&#10;hVot+N9MKPlCwE5MGSXthQxru4eTeN9bdttoRNZ0ZzUk6hSV13uL/zzrI5ZXC8nqw+69LaKZT9mg&#10;xNRbkuLmQARikNSTkrHN2LF4imLXrXIkaWbFcMjpveuD1jez/4qt5W5Jq24k7FPRu9Ix8ar0eHER&#10;DXp4f4jR5JWCkxfyCz0mjTYutqD/bfssSpr1QZIOt0QDuvml3UVGIpi+J+HfrC1ni3TaajM4wKYk&#10;vFlblgruYfA5EI8RlMkzV6dV97Pmhs43TSncVmkyOjwEn57tS5gDKzlb1txYgJqp+bOc1CCTmhCj&#10;Pdt393+jcFldRNTiMVlpSBfcGn0M6xNaH3LaXzDg5U1a1illfJFly4S4lmXrvoGyl3mG4ojpqL3b&#10;z4lbTHhlpSww+Q8+n1T1b25a+ISPNqkkqjUPDaefyC4O6cqZJj/Zynx8YHWRhttoVJvUoeRHDNa/&#10;jO6Q4uyLsnJrwAkGYFsPTUPzg6qO7xeILJSN/qPuuD+vRwcr6QsVKW86W2bY19NGK5spIXjUcT3z&#10;pMr46M04lvOmArsukpf9wQyTvXZazxHmpCZpgpsrdR4MzCz191sIBnUEOOOkqlPjB5o4wUQ4mPNS&#10;c4CPsn1W97XkZ2Ho8JgFJi4vax7shqp2T+s0joNKuHLZShLikGzYfMej/NejHUekkoPw3j76tB6V&#10;lZsyalZmS1gwv7weznKX8hgzGQ6V6awM9dN6TjBR6s3yZZV22wztyI4SXYy7wVweEh98A5OtyR1X&#10;44Pw/NU62dREAsddhT3LvsFV7Zy45h/LO/RnYOe3fTtiZcKhbyy244dJYPXSAKk9nNMnRPOm/EoX&#10;DJVQ4lqMZkwtO8H9g1vt1frwX/bThmBfWf8VVMrJK5kOp+juggVxxPkwd9d1IjIsmTHTMNoSqx1K&#10;/xUw1X0tN3i+6d3//pBTa9XvHUwkgXkMPgFx+4Wo1ocw9K2T9vImF5C/kMzrZ4XnRibSABIJJF9s&#10;9YzLm7DD7BdxJZlhdFYyiCzxv3WdC0yc2lu4+P9zdnY7kl3JdX6VBi8NjFiV9ZNVA1GAZuSxLwxD&#10;gG6ky1azOSTQZBPdrRkaht/dX5w8J3OtrBqdrwUb4LSqouLsv7VjR6yImAj/dgdyRm63e6ZXsDFu&#10;bJxT9VrMKc7xhqLbb23/Xdf9snqXgx33XmtaZfDVnpGC4RSI8wY8//AMQOeNFD+kodrpbnBzeJHE&#10;JXndavQyTS+vVpBi25/MLrERfyZSklu+QC/OxOUqOY/zcpqIwKxPXTfOywnmdE8FiDgTPJ42k2is&#10;w5PH4qwTX9N6DnFj483V4wxImazONj7w161ZHlNg7arcFv7h7faFm8XfeVVn7zjwd7sV6V1K4b9V&#10;Zvut7b+nvcZlwxwsdgipmfMEPd2h22+9tj/nfbDuT8rsTvZAzGHc2DcQB9qTHvcu3L01PKnWjTtn&#10;uyCnGNfppJ6XZoGokzFF+aYrR2zsFcDgb1g9r40zd/aBpalxBnTwGqXyU05CHFLMrNVjosaZknCe&#10;ruIFF/zES3cdw4gfnu0opzMkXxiqmEDb8+6lqZTIO2i47Z6ezf7XinGB2Ry1q3FedDKxKxfqvNiX&#10;ryWPk9yCdce2lv7XS50vXnBsxjXiRtiCd+HyZzedeLE2Vwg9G9dSkm5uL+PkOrxK0o8/i6N8qElx&#10;kPKH5+e60pmS47+ofZs/HG9LjTN239RBO3O0ezb7Xy/urIvkNn1xVl754eUWuPxQjZO7ZkNknilX&#10;EZYA3fsXHrPAIfx0U5nyhHo9sv7XaZzx5njp+Y2nzEvHbyAt1KavCSJOlGM1m146duM5CKN9CEWx&#10;h8JPAl5c3tE9sv7XaZyXGqXzApqOXPFnJz63mkDEHyYFLH7IyLY7a9L5iO6/Nrfb/XLShgNz7Y2H&#10;JYeRu91z229t/11/m7VeA2Cv/vZr48HTuMEYDj1IXvnJ8Lu2TpI8qSGA1qEgbL6V0sBHxo/9zT8e&#10;t+12B1NWQ3o7FryRt9Q7TuVwiuujJnpxDogSk98mpYfX/zpNEEXDNz7OMF+uOCj4xrdsGdQOYbLU&#10;hqv5yA148gmr80j0f3tvDAmwPYGY9FsICf/vNaH64tmlHy9+uVf3zGtD5b7aYuTDD2wPTLiaaZZ+&#10;zR0Hd7bpPX/Qi3H2zoOOufa4ZRcQzd/enNtvbf89LQM7eXu3Y4pfaDHbb702nvCt0Sxr7Ve/bZhw&#10;2WEocg/mwoUXa5LivwLTAkJgjVzVFJ7n/GrsQV3H7EidAXiYHCun5MUcvjbOMHvJxhzyRUBIYDck&#10;tSvPWbzBF96Rx+54ClLDdmL3oTN/yFP0yp672JCXGJcaZ1x93O/rq2Fbz7CtIMlNo7z4oHgPUwTg&#10;Ej7t2ex/rcf/Yq3AdF97dmw6iXpuHkJupEnGTp14YzYvBV/+FecQUNnuqJfBIt5c21/FTX6yErfv&#10;4Wm5+X8GIvxq/g5oW18u7JerOkS/G+bd6VkzqQOtMr6VDOXLC77nsv+1AevWm4EnIIZp3xNL8OPK&#10;pbsNM8wuoGNarjDtageN1bjOEP4UdkUt2GI1nnSyM0/u2bNOfn+T/LpX8ji+trfui4cwp3X7sy9f&#10;rGFBksoyVcDsOOOkYG9c01ouRiL4dBX/DFcBz+t1S6u5jQc/5Tzm9orDwJOPyT49jXkddJA/36NT&#10;y25ZFaXz8qYnef6qT+3F0sN5M9s7PueC0nidv+ZavhiBGD7jbY0/ygMKpDuNEXhqF8zla24nOngK&#10;3r0Y43abnU7IfOV68KbUHhmfp/Xffmv77/rbSyx21FM+b7oB9S+/dgRzNEtRkBgNTBi4MMufg03e&#10;QatLwAU27dqG4MVYXlPIxbY6LQmEXZmGl7Af3EbMu5zay2X9zE46kTGVwovZQNt5Yv35RzlSqz1J&#10;SZ4rA4C33BpImUyIr/CHT5rkCSfwHK0P6g1DLiYUFxT7Lj/mYu/B86LWzrp6PYm94HhRVnNtiIU7&#10;0aQwyyc16exd2P5kK1oR+mKs4/ui6FZ+cNjFAAzf3D88W+PA83DSTpuxtfS/tlvhTAei6Prh1Kdw&#10;m8CFtHOyM3k2UeejdM6zdfshIdiv0ImFtz5oSIg4NjkDGgjZI8tBmDYCVzqhTa+pI7gG1gaBamPy&#10;EhyezZwvnKNrP8bzOIlAr0PBcL2ueUtAd30aUBR5+i3quYURuGZWcYZeMEr5s6dxUnn+itZBFHyy&#10;V+ZrCfdMGNHqxEm40Vi5cNcu6Ns4MUcJRZ3+LJh1MpHOP8Siw8G46ARrT0EyNbfcWlu6D6g2ZZYC&#10;16YLxXpsyFRaseSsE5fENk5YX1/xOh1iwfomo5oey1c6L8xlPPO8gOuH839aJwFf+OmUuXGyh1bL&#10;jCKTGH/1Z5nZ1Xc9ZSTbmmGXb83QIb+ttA6n88L9htGEl6R0ArerBYpb5irFgIpqG14RdP+aTi1B&#10;UmczYbGUznnxnG5JrM+V3X9ez+HTn+YWD9PXJIIu18z6Z3G9d9NR2PV4qZetOU+CK2uGV8Fq003q&#10;3OlhqeYW+iuYfvqzbKJTtGEbCiTnjXEwZTT69oD5BXF7lQSMX8e+DetPSIuCjXs7dbDJpDmd6e23&#10;tv+uv43rY70RqUG3dhpgVNtvvYblE5hfMY52Gyun4DweXlPbNM3XlylFGheb5TQeEgi+IvYGBw/P&#10;xSrJWa4zQTH6yS8fSBm6QduENJyiZtb6Q1gtr78qtvGuszLk/9O8j7/w7CfYfmv77/m3IVesGiYQ&#10;dzXjr84hD7kVkRZsKlzB1th86dTzWXPqtgme0PiaaUHAH5/Nqq219L9O3zlF6FfDExLBtLMP/GQl&#10;t4gVnMa1UcZZJ7t0vbiwMdbonNr7PG/GYl6WBv/9ibV9/rNspBXouGPXJL7zD4dhvc4qXpPzrPbI&#10;+l/rOC85b4D31SspM+3YK/22Z+du3kYc50PRt/chR/dcle1Ijk7tTzIqeS0ukwBCX7U8GD/U6gzm&#10;kbbe3i/mtncc1x8u5dMfZFV39mflaJIsvY1q+5uvzSEBuQkZz7rh9aGwRe4VKAtzjpYfsjRtO+EV&#10;35I6EITfrucQtBpIWP4sV1ubnnOsN78Lb9u+9yi3t3UrnfxixbabHJAVF7ieyeNdv3Oble2/pz01&#10;YdrtFfg05X2vfvu1OWT/sBWW8cDn49TmHNIliAfI+kPGVocRFyrPodMP8fSfTuqLPfGqTvz2Wx4W&#10;13LvQ8o48gxf/ywG3JITsZ03rOzHhzViATr8DRvpalbIRtxC4zjxuTv/s7tmfNrbEg673swhF/IE&#10;E2ZPMOvTViswayngffoh0Z+2zUjV2LJaFuNi/bKesx4NSX1s7EUXZVTOl+32S9t/TxuCfmITK5oP&#10;gyFx7n+7/VLrOYlgNMyNeJKZHuw5Fn4I43PFO85exYvwLXDPnjYEPhiXW8JybBkz8zC8vpW2L92+&#10;DW/g+mwGp88P1e23Xh/P1P44TRgDa04Rly632OmHRwZbY+VK3bj65DZvJ6919L/WryT+fGTfzKxT&#10;DrQOFEcYTDytyPZHt72NMl6rJ7kISbSK/teqkHmbK3YUktNcxsw4AOd9/PrPuAM2M52pEbuPipqY&#10;wKc1xjOzmSnbAmz/Xb8LMDxXXLhwJ7ZfenUouO6GqLl87jrp5/kh8Qmr/zSv6+defgZ9ZTW9toVU&#10;UDSUyomFjELM+97tU+Z/Qw4oOHWsIdEiuOIUe1HN3tLdc3VFgnM7u50RwXBePg3nwwvsf33+/tNP&#10;5oSt5BuWo8CcVzfW62ljPmKxvboXXtdIJaEVMF/saK59zsIyAizc8oJCaUbutNI877ed1Cr6X+dd&#10;9ULwsg0uf5TVrOMc+v6GL/vDx8/vT1fDr2+//Lh49ed//K/PX1YP/+cv/+P9x5//4e/f/v7zxw8/&#10;ff+nnz58WP7x7sf3P7//44dPb/7y9sN337x99+79L18O38yP3n749ce3p/8z4YsTL4R9+XmTWP5w&#10;/bEPv7z567IVWfh3b3/97psfPrz9svytXz6OwtPN8unzl396+/nH019e5E9j/fmnL+8/bdcbf/yv&#10;v37+/edf//nTP/z9/K8vv/37b/xw/ue/f/z+//zzpzefvnz440e+mXV4+8u7Hz9++u6bd18+LYs/&#10;v/XXz7+efp3/8ea3nz/8wv/p18/fffPjly+//v7bb5dhvP38dz//9O7Tx88ff/jyd+8+/vztxx9+&#10;+Ond+2//+vHT999iPdws/+vXTx/fvf/8+adf/vwvP7799T0Dmr//7n//hY/46fux375588vbn99/&#10;982fPr1//8PHTz///s3ym2/YNjOT73/7sizE8r/e/Menn7775v/+Ea7+Px3/9Pi7P5Cg+Lv7uz/c&#10;/Q7X1R8IKB2e/vBw+Md/fPzv9/9vGcxFfpmSRe/5E/6FCVqn5TRXb3//2w+ffn7z6eOXudAxmRcr&#10;84cPP/36P/k/LJ/DIN/8Br5PEGCFV1RT0WQFCT73zTt+AW/QFPtiLQEYSK0Emzf7Y3TMyN79x2Vf&#10;vf0Lg1yW+M/fr8P98/frxLz7+Msvn1nff2Wxfvj5w9vvvvlv374ZxzIK3vz1DRYu5bLWK+yF0L+l&#10;EBF0KM8Pb35EaMLpK+q9EPpXTL/QxK12e7OvKYVg6vLoOO5rYvlLE0PZ15RCo4n7Zl8Tl9dF06R8&#10;PorZSyHocVOvcF8Tt25ouqG+6NP+mFKIOCTVMsTsgRUXTVMW7kGsUwpNxJOnw/6Y2Mmhib33LGYv&#10;hfSYuDZCEz7VG6EphVgnwtBiTFziF012R6SQ3hGY1RdNlFHFobC/I1KIpwnut9v9dRqWY6qiTbvY&#10;EiWFLtyARleeeHww4w/eH9Yk/5+/cHThdRDjyjNPC1ESQoWqFBoaATaxUJWHnoxsOB9CVQoNvZk0&#10;LqEqTz0vHIx4oSqFUEUi6rNQlceeJxuucjOslOIIg0oCaml5d1liXgIEdoyulNLAdJtHH13j5hdz&#10;mFLoov3CvZjDPPzU1IA3YNYrpfwc5vEnZDUVJcW4UmrGRcL1/rgmDnk+kmP4kJGxr6ukyDwDdcXl&#10;eMjjTzyX3rkCNEqKgCJViZ7EuPL8DyWdl7YYV0qNLq5VoSsBAP8CC2Z0pRS6sM+MrkQAvPtc4Qcx&#10;rpQi/Md6GV2JAEwhX2j2Rkqha5qkijlMBMBAhSoh9vykWZ9370Q6cRUKXYkA002CUoJiDlMKXdOh&#10;VehKBJi+F3jcha6U8roSAShUArCZ9UopdIHz4nyN4+U881z+PHPEni+pIQdQrmN/Dilok7rwCN0L&#10;q7qkRhdub6ErEWAabOO131+voUieZ+N0lo2uRAB04Sg0ulJK7415sJ6/EKcte0Ps+ZLyuhIBcB/C&#10;nRH7cHyy5y/k3TT9gsR6JQKgC4+W0ZVSvIbnwS90JQKwXnh2zRymFLrADYFRQ28/zwbni8e70ZVS&#10;XlciAI8uDAczhyk1HgWoeftzSEgwxkX2Pm+b/fNVUujCLSHm8L5wA3NjDPNdr0lJDT2VPEgxrkQA&#10;GCLQ242ulEIX94OZw0QA7Ci4FEZXSumzTPAk1ovYHPREMYcpBR5i3IizPCGby57HAQefQuhKqamC&#10;QBUisV6JAMS4bghjCV0pNbqouy50JQJg9FL5Q6hKIewhAvBmayQAEDSkaJdQlUI8yxc7b9dROEVr&#10;zqt1agQhVKXQeDawvvYncGIGZ1WktBBn31dVQngAiPqJPTgpQhdV0tlQQtrZMBGUsyqiJhwuAYUl&#10;BTmFZDFhQg1jLXRNXtmzmMKUQtcU7hKrlYefHA02lDhaU3by/IWTvQ0NQujKw8/1T3KhmcOUmjw5&#10;Um2Erjz8mFDQBsQ5HupCjouLQUDGpPmcpSbVEC+AWK+UmvWCTC7GlccfKhbPKGFeTxz0/IWzD6mH&#10;KHTl+eeWvKGQgBhXSh3ggOED2Nc1rIHzFxJ3hMUgdJUUurjwxD58TNjAhcpbXqxXSTGHOCnE3hii&#10;Yoxrwv9mXCnFuOAAm3ElAkweFNm3++s1jJDzF6ILUqp4UkLXukiRD4WrXOBGSeESxRoSZ3koEOcv&#10;hIZJpF9clCU1GAUiin2YCECuMERvMYUpNGYyhCOhKgEA3tTEd3YN3qExnedCo+HQnM9S9k4uIX0n&#10;k5tzUQWpHxe7GFUKnSwNsS+G8HgeFfYTjOV9VSW02E9crrv20zDwLqqghj6Km6uEFqvw0ajKsz8d&#10;AM3bBLLI5fsWhxxX6/6o8uiTFENFATGBKYQqXFBmrRIveKTNu3p3s0P0zVEdUGVGlXABw39ctfuq&#10;UghkgshmRpUHn1f/RF32VaUQ5wpdRlUefApFKFfyEIbO21bbGJNwcpZaeoeZzZ5Cc2XNm3p/B+bB&#10;h2RNkQQxgSlEktPwyvdVDVHsMiqJ7CWkkf0p0WIhn4o7v4Soqjmp6GJUefCnbZO58qGqXaaCUU1t&#10;CqEqDz6JeBis+2s1NOLzrKMK692oyoN/as0lVKUQEzhpmmJUefD1WqWQX6s8+OOrMmydpxQ64Hcm&#10;3U6MKg/+VKkwTl1S7GKtJn/EOGcm//G8wlATufPFWqUQsQ+8YsLAnWyFiyp2rXHBl9DkvsO/2Z/A&#10;Sau5qFpyCvZHVUIwQidaJVQlWtht8ZxCeltMmv15VKSO8i4Wo0ohMiTJ6BVmzJCQS9Xzo1CVQqia&#10;R5aYwDz4OJtJARGqUgiSO/UexCUySWkxKgIEZgJTCFW4Ss0OrINPN5Chj+waF5OWf/5AEpMe0Cdm&#10;sE4+MYVn8yIennzpIkVJ6KqjT5GSCefsj6uklkwyszMSMIgpTLRf6Eop5m9yGvbHhV86pmP6r5EN&#10;va+sxSiHQ169mEWYQaUNl6Txs7YY53+hq+yaadPk8bLUt084gjiYu4vWYmjDP6PGljBApfCpg2m0&#10;pRjZUBRNUuuWSDB11HgVGm0pxhVGWr4aW4IB5cpJDVHaUgyLgyLD4mqBj5TrNpnvxsBusUldHUKO&#10;2CUJCFNt3XHXyMO9bC60MTbxdID/FGK8vJ6VO7nFtPFL3lhpg86sOGUlhjYaTpiZLKIn/fjwrpld&#10;UmI8wnhEmBNQVE82MuXwzOkuMV6X+L3MCZhMqPO1MfXxedaL81ZiJ8+XmskEBUo8kdWjtKUY/gAC&#10;lWomExQmAZpihGZsKQb8OEcHkeucSVy34/7eR+USQxvkDTW2wpJ77sV7YdJBsYuPhInNLlHrlqBA&#10;FsX0yjJjS7HRNg/ifeSaHPHLnhyH+6PhLZcYM4lbS81kYQlZWeQRmLGlmN8lxf9cHLLm4b4UIz5P&#10;iT8BxQDldONKE26C2xLzp3vSks4fCXIdVbR56YNxFvPINWU9zmKgMlmkZk+WmEflaVR30TZ5nSaE&#10;SRebEPM3zqTih7ZJfVBjSzF/mxYXdOoLUhpGnIASw/NHJTMRW5xyCDk23A3GcdBiaMMjZ7BkCgjl&#10;TFIIQ52AFGMmqVhlrKDpTxjaplWjWrcUw+bCWWbGVpxQLDxiVgYnS2y0kVwrULlYoTBdCRoYnCwx&#10;tMFQNjNZvFA2FrXJzEyWGJY5bxylrbCEloEUzxQnYBqSnpebV8fkzpuZTFCY3ktUSDXaUmxqZ1AT&#10;0mhLUOC1OP1AjbYUw1PHS1iNLQ2MaRhBIq/RlmK8Tdkl5u6e+h3nBeCVzxIYK6jEeOVTKl2NLUGB&#10;Yg9YhmqXpBjewScaR5t1S1CYJgRQHM1Mphj+ElJ7zNiaJ0qtFhUTnFZblwXgC4kpKG3pL4Giozg6&#10;9GNMZRSOcAdgKvSeNwkBKur1iHksKfJeqR8ofHfYxqVsmsgZZSk1ysBysUWKYkqWCTFj8zBtMfY/&#10;zjijrRABbSpxYakMeJ5++kNT18XA1nQbuoh5bSWGNhU65nGY2nADUqXWrFuJoe1ZPTmmKMxlbEsp&#10;GAOSLeZnshBhErqUQ6FYqqRzkUpnzIQmj05DvAdz3FqMI4CjUezJ5o9CYVJckCnYFwuAZ54yM0Zb&#10;IglFL3mXGkhu4imJcdglRluCAhVNVM7EUmEx9taR+9cctyKR4nKi1oHY/yVFSbQpVWVGlkgyJX4M&#10;2YrHci4aTu9bN42FCOT9KR7+bbNPMe2IVZqhFSKgjSkxE9lis2pKWwPJNIFS2lpsMiGNtTWt0nNr&#10;YboqbS1GNWmTaoi3orRRKMyE967EKDXGw1SsWxNKcU0qaiiFePMj0cb/N9oaSHg5q5ks/iotb4/Y&#10;u0ZbAslk5rtd0lxUvND02zba6pmiz1uzUfV5K2Ipdw1F1cRxKykKN1Bo2JitU/L1fAAgvs6E7Ht4&#10;SwplU2zczGNCAsqwW42ylBpleHiNskQE6nPB0DXKUor0XArEGdQqVip1S1WpF/52TP4Bu4LIlBhZ&#10;UUzJSqWokBhZSaHs+e7WXNlFMsWuHnLG/gYpqSkjgrvDjCxBBCoNRTKNspQajiSZBEZZYgixPd5s&#10;RllKQZaizqHZIEU1xUGlsueBjNwgU9bHkImZgRC7xztCcrpYs5TiVbNQq/dDG9NA7IIgz0yjWrOU&#10;mufhJKcJZYkF1NsiQdWMLKUwjZkStUESCwgbzytPTGNKzeOQMJoZWWIBOT6K/XhLydvL5PuXaNFO&#10;2Yz8PzGykmIaD3PF769ZEU/1mpWUX7OinsKYICPOjKwQRO/GIp/izXUh+5IavhuhTjONiQWcaVwj&#10;ZmQphe9s2gMYZYkFNHSh1q9RllIow3dgzIKioE5ldsV8KCmU4YNU05hYQHFcvLlmZCn1FWuWWEA6&#10;Ei5/oyylIGbg71TTmFhwz5o9GIOn6asHWmerCkhFRWUD841iZCXFdUYWrkH9IqOSMYVBYZT1Q8Ze&#10;nsVhpdQCLFajrBGEQusmPQH/fuA3fnSqRRplKcWjid7SZoNQ5/FyWUyIQCFISfHUwuBRyhILqBLI&#10;89OMLKWwroikqw2S1gTVTKa+2/5NfcVlxdpSFnHRUuGu8ZlGWSEI8dcbQxMnSBJrBrOcSLZRllIH&#10;QstsEYH608XjYsrpaUyp8ZipaSTNIJTdTXqdmMaW0htkKWJ/HtmpE8f+NLaU3vpLieWLsqXViFFW&#10;CEJpaZW7ius7p1E+c1tKP3N57YQyCBxkG6tFSzG29A0klf3tuNS+Ps/jaFP+ghYbbSqhn8hbjQ1Y&#10;xZ7YBZErMaoAqFjQdHy7HDWi+nYmUwwX25Iyv2uCUzM0tfGwVmZxixFnx6ktjEeidqWNTiyGNthi&#10;pEtw8RptzUmlPj0Ma7FuJUbkmwqEwnwkQlJjo2q6sUVazJ+A5qTC2qRwsxlbQQnd0+B2ifM2zeQu&#10;541WFcc7pa3E4HDQodtoS1AgFEfBM/G8xnGVHwn9T8W5sBhTDDNXOTqvxOZw857cP2/NSaXkydRX&#10;2MeSFsPqn1pOQluCAowFehMqbSU2nbwNCZ9rMGeS7h3k1pmxpRgngKlVu6SxhLCCSUMBvOMjOdl0&#10;qhLhIOyJEIOzQ5KnGVuJcdrYpMIxwq+VNtqvwWvZ3yUlxnxwcpS2AgVuHOrjGW0pxo2DsWD2ZHNS&#10;qe4MUhptiSW8NZbn+f4JaE4q7l9QyGhLLLnlyaackNxmuW60B2NwRluKsUtcGBvfaGmjuK4Jv7YY&#10;tgyphOoEFChMF3G3bilGN8BpjS2Qq6isvIlodmVunBKbsVFTxmhLUJhHkXKhcTXFAvBip0eu0XbF&#10;SWUnm2KUNLgrbQspUoztipNK0Ub1nCqxacMyYvvnrTmpCHFQxQkoMc4b7ceVtgQF8hIklhSV1WNJ&#10;lzklo4o2kmZshSVkgmK/mplMUOCNQ4K70pZixLFpCqa0NZaQ7a+wZPqXnA1DtBEuUOuWoMDppiOP&#10;GluKnXrSqfOWBsZkQUDCNOuWYsAWaZ2Cp8jTJKYEDvh0YjXaUmwYAYCX2CVXnNS5hc15KzHu7mdc&#10;fkZb2yVUaFEzWVxWTjdMdbNLmpWKQ5icHjGTJYY2gi/mBBSZld2PNrNuJTYOV8hrZiYTFCZsoGLM&#10;bKfYXHSnnb6RRluCwjCX2cxmJlMMyxxbWe3JBAUuSWKqSluJ3UBLMomPnOeYEnb/nWq5cC02FZTU&#10;uiUocN/QlFwESEn0qo+E3+JmMkEBbRMXMevWYpTIM4FmzM76SLpEmzTLazHKQpKZs28pNC2VHIgp&#10;lL//xrkSwzAxMVJsgxobqYGmBM6VGM9gVW2c7M/URjf5eRqJsZUYBh4VKsxMJijwjQCs8U9e8Vm5&#10;AZSF18xU+NXzfBBjSyzhDUJau7lNm5l6w7kBzIW2whKyJwAhM5OFJVQdnlid0FZitHpz1mvVRuVp&#10;NBUwjbbCkiUua1C5CK1cHZCh1EwWltikF9gVcQLQducaxpTYOKwmi30fS4qZygN6WtGKmSwxLuE7&#10;kkGNtsQStNFSSPDH2YQxJXPluxdVMVOn1bPzGJYYJIhh0JqxJZZgPJEcaE5AE1rvIKEoz1NRUzFD&#10;KRyt1q2wZMrdGFof5zIWgMcKbRnNbVpimPc4pI2lUPVSp5AGYTuzJwtL6OEIIdCsW4LCLS6duTr2&#10;kasrrdKSdXpIifOWoIBXmXR0pS3FsGVduRUq2ue6kUFKmFaMrcTQRr0P88YpgipGIcFFcwJKjOc6&#10;KaRKW4LC8uwzJElCFDElEyScOkX763ZMAwOKICWAzLqVGGYJpZvU2BpLSH5Xt2lTW5daduYEFLUV&#10;Jj4WvhpbY8kRVFBjayx5ehwu5/55K0rsxEdcrKOqqeLYxx9tsKTEeNKSM2xsrqrCyo0DmhtLocS4&#10;cZ6fDLWEYpmxlec2dS+qEkPbI0l04gQUUxWXLe9Fs24lxt1NLztjlxRV1dtcJQYALR1O9k93MVx5&#10;rj+6N06J4WWmnJWJZBZZFesVe9LgZIlx3dDBwZzup8QSLC4Ot1q3ErP8bsJmsSfn1Teh5P3T3WI0&#10;IMIXYfZkYgm0kSmCaLSVGHCHnNFWBgawxfVttJXY9GQ1pS2oFpczCcVYdcO4FqNEgqmReWjKKgbl&#10;wKtYt4Qg3Cwk/xoL74qz+vykmjnRrSinBC4LT2GxbkV1HR8eHjIxthLjmAIK5rwV19V7DEtsnrTO&#10;O1NkV+CV97MaW5kzU+xDYUnzVoESnE9mJhNLYA5McMusW2EJfuWpCbO/J6veKxcVGQTGq9bM1UkB&#10;U96ZEvMR6CK8Tk1PXhBmbIklw9tgBcxMFpbAJVVlOwg2xHmbZx/BFaOtQIFaH4CJGVuKzfNBlSbE&#10;OxIfSYCKptxil7TY1AUjtrI/trsq4TpN3iYov7snWwwe6jMtdoy2eqzQOlQlpd915dcHmAMH8cbB&#10;hZAz6bWlGA9oqy1BAfc8PWKF7/Wu6LKk5N4djM8c26zG9jSCZt1SDG33yhuKN6y1YU6qXZJiaHua&#10;Wg671ivnpLTBeTIejBabKpvYCkZbggLeSvw64nTT9DI+Em3zFjbaEhRG24Ppqwbmtza5S4rAihVK&#10;dr8ZW4kxNrxqZt2a9wooqPpGdyXGLjmqdwBlMGJKQC5of+a8ldjE0W4MT4GSV62Nwkgix7nFRtsc&#10;nP0T0ARWHPQYeeJ0l9iizRTvwPPQYxvDxGhLMbTRK8ScgCaw0oyDHH+jrbAEa3KufDGTjSU4dQwT&#10;FRZ1TAmxXfg9amwJChS8ASfV2FKM+oJ3imNIbn585JTXob2YmckU47zRPkl4MPA9lDZYSGrdSsxj&#10;SRFYCb7CnzRjKzF/d1cJVw7p+LHFTJbYmAmqxAVu5JpJONzGZ95ifCK3sjkBzXvFF4chZMaW5gxV&#10;KHBGGOS64r0SjjEZpuSvxpSQXkpStjlvV7xXEIitvG+9lhiJkfgn1QlIUODi4LypmUwxLHNSZMRr&#10;kbypmJK5poYwLsaWYuwS3DrmHVAEVk4Au0RpKyx5xMQwnl7CqzU2HCFql5SYf3UUgRWDi7EZLCkx&#10;b+EVgRVU5mI0u6TEQGVq85hdUgTWaTBNY2qxS0qMG4fEKnPemveKnYBn2WgrLKEOlsrHYQpql/A4&#10;NWW8W4yZfFY5YndFYGXdHvGbm7GVXQJ3D1+XsEu6FiukV5q5Gm2NJaSCG88TTYxqJmdS1J5MMZBr&#10;oZTu21zNe324vVNMVHx98ZHcONNgUMxkEVjBSdbNjK3EuHGG0mi0Fe+V6hUkP4h1a97r9DNUb9Mi&#10;sOIL4g4wu6TENPObkGAsgOZitxglFHkaG7ukCKwE5cm0MDdOifHk4xZW61ZYQo48xppZtxTT2QjE&#10;IHMm72TWVouNp5dSWmZPJigQSqZisNqTKQZq4Z5U65agQEgShWpPlhit6ydlYh9LrsqxMpMmjwq/&#10;Vi7ADYdbzWTzXqdzjclGoJ1IasPi4kIVY2sCK7YT3jixJ1sM/ioVUoy28pfQ3kKVX8cMqbFJdvRd&#10;817ZJqotzJWYrePHEzY/ksApLDczkyUGmDifefNe4ds4b2iLTYVIZXM17xWqzhDq9t8BLWYLghKU&#10;ypkkAAo91GgrMVujmbK5pQ0usHrjtNiBaJ9h7MN6KW2QNU1JsysxCFczJfvI1QRWtoiq/AWY5kei&#10;bcpqCW1ll1CTkroPYt2a94rVS9TCaGtQeEDK3DjNe4WGNI3ZxdjKLuFpOu1n909A814J5j8on0IT&#10;WKE3YNEYbVdYgrNdjS0NDLK9gQU1thLD6KIPipnJskvwX6imT7j6ck/CpCCb1mhrUCAiY/KEKeBS&#10;2niqKE9vE1j5xIPJ66CeVmmbIIkaW2EJdCJV8PruqprrtF03p7sJrMRDp+D4/glosRt82IDC/nlr&#10;Aus0R1W+oBaDAKDY0RRjyQVg9VWzrhbjqX5U7UUILqW2eT2o81ZieCfRpmayQAFPECQ3s24ppvMW&#10;4ULX2GDhqRNQYryDqeBjrNcmsOLUYVOasSWWAFyURjPI1QRW7vsnUweDTNGYEl7CdBFV561AAYML&#10;qDRjSzEQeTr/mfNWWEIJyGflwyveKx4MLm+zbk1gpe4St4AYW4mRjUM7JXMCmsCqI2Ilhgcbw9zM&#10;ZBNYH8gmVzdOieEc455S2gpLdCSzeK/EFon2qXVLUCDezdExEeiiy2ID0Y/YeNWawEowwMWESwxt&#10;hKjM6e46rZqFVGJEoB+f1G36lKDAhU9WrHktlhiOOKqjq7ElKMALotGmyBEjlJvINevmTndjyWhT&#10;Y0uxZZcobU1gXWbS3G8ldppJwTO/KwIrpgzlMwxyldgt7B7ney0CK9pYb2OZlxhjI/nHYEnzXql0&#10;Pl0l9y28EpuaJ7RQETdO8141L6jE2CV0GTQnoAisnADJCyoxwv9Hzo4ZWxoYX6EtxYadToqM0VZY&#10;4ndJin3FTCYoDHvMcdWa97rsSTW2BIU5bypvkessketukn9ErhHmRIjh0yH+KTxPLXaLJ1BV8oQy&#10;X9pguJmiuS12y3NOZdvxzGht8EsEcrUYyMVtKk43Nm5r400lkKvFbqFwP2I87b4WuQdbG6aJQK4W&#10;QxsRUIEltP9sbdgl4sZpMWaSSLlAZQoptzY6dIp3QIvpO4Bz2dpcvLvFsIJulC+IEt2ljTIk5sZp&#10;sdF2Q7BJ7JIEBWYfJqrakyk2cS3VtoV6JVdjUz7zFmOX0A5O2MqUhW1tErlKzCNXEVjHf8Qdt28p&#10;YPPERxKSf5ruc/vr1rxXHO23hj/JQrU2ko3UTBaW0MNM+fAo5l7aHp9VQ6b75r36sSUEsUuOsEXN&#10;TBaWPNJ811iv90WXvaUrEO3ljbbCEugG5NibXZJipN9SXFZYCjROjAWgIi27y9xvJTYNoKjLbMaW&#10;oIA2IEiNLcUILRLaNOtWBFYiVNAnDXKVGA3z8GAobYUl1sIjKhsLMBXq7k2laqoFhNj4FFRVqRaD&#10;F0QwX3gw4CeXNrxxhq/cYoyNy1vNZIICGIn31eySossCdmhTY0tQmCCCyrQgISCmBD8X1FClrbGE&#10;wsUmIw0HSWujoouxgg4JClOvSWpLMcaGNnO6m/dKHRLuYYFcJeaxpHmvVIcaUvXuu5u9lDNJ9RgS&#10;XAVyFYEV5CJHyWBJiQ2SH9WeLAIr2vB8GFu5xLC58JeosRWW6Bunea8wqrG6zEwWllCWYtzR++vW&#10;vFfYDqQRGW2FJfruLrosNU8I3KmZTFDwFl7RZb2FV7xXPpKzYyYyoWSKQxkv132xXtEFYdzoSiBB&#10;16Q67luuxXkdXeoRXFLoUmxeajMlHJAxqgySksJxN8Wf98d1RVylpKA51CUF8whcNbrKrJicKwPF&#10;RXalRpPqDg9PPueQ1FSTiNxSY1G4cSV6LJ1HRSgFiz2+8IkXlfFHUvY3pEaXKbLRUuhy+/A+kYNA&#10;llyvlJo5NDwZqmjluKgO5/ZhSh3J+1A2QVV2pQ6RO18ldSRf0O2NfMsQ6leJ1dzJMRvomrLx4iw3&#10;bhDAUvswpdDlXk1NUiVRSrlXS2qKAxhmK9GqmA3KOkxVh/3LuaRQpZgB+D9S1yO6jCFQUqC86lhB&#10;1mnqOt4PAohxpdSMSu2N4rRSD+7e0CtwfscXoot3rtiHRU0lIc6d5ZLyc5gIANVBtQ2Fuxfj8nsj&#10;LQeoJrC0zHqlFMUHjpB29s9yk1LxnJhwITG0HNeYX8YGaCYrEGCIrKTxly6sMTOuJqRSqlQ9WUqK&#10;h86kpe3PYdNRp5CbsQ9LivyAaf8jdBVu4FVQ56sorNq2KSoqSZkQisQ+LKnxX6h7ufirHH+8NUZX&#10;4sbU5Tc8YEhfsaPosz1sj308LCkyOqaztFivRIBbXsFub5TUBEyV27s4qLdEPg0vnSdGTgfI9mQ4&#10;UpT4KTHq1qhd31LzBlPTmCAwrhxlZhdv9RYO0ZRA2l+zIqBitimPdwnRD5mtaM5z0U+ZDWXelNA0&#10;N1PtyqEfxorRt1aZHCV0S2FY1deDKyt1YS+b41xClMyjeoNar0SBIcqYjVhVWm/JNHE+zKKdQoFT&#10;roASIqeLELXZ9MVVJRXjaIo4Ev2ImWfTQzo1j+bmnELuMBVaee2WMpp2EtgWJ6xQYGobmxdEFWil&#10;uQOhKFFSjmzX/EawVJk4LUUp/SkPuj+yJpxSE0g5+FoK0tbEmYWyerBgQRBk27/IiqUKz4VMBaMr&#10;wYN3B8UvjK6UmvCC2vjNNaWKvkKqkqLZC9VLzbgSPDgtpIaacZUUJrqz3ppoSnRNBRxbihewosvh&#10;EMl9z5Vkqp9dSXGg4TSZabwCAtXwkZBAfuLN8AeVsoKPm1tsOLNmJaWtgarJSmWkyZASh6xA58ba&#10;Oc0xtZB/JWUtuKaYTsTEjKyltG3aDFN7pktKG93NL32ADmCwqqT0Y6LZpVNyS+lK/NCPpOaWPkEg&#10;UAuWzx39+KuKqgfG5TZHYo5+1HYZVuuEKCk6FDknRLFKKXLzYLpaUH8qgArHBWAqQLE4pYsutTcS&#10;OqwuSujEF0IaGOLGLky1FLmH1KLaH9dD01C1rrRWRpehqVGTIMbF65mXlRlXSkHTpLaBGVc+Wu4f&#10;WXXhKKXwXXwhunj6GV2JAOiacnZivVKKsPNYYbt2IjG6+EKcksyi0ZVShMMmtCV0JQLg2MUJYXSl&#10;1B1drclcE7rSfMDNjWlvdKUU9ALiOUZXIgCENmq4GF0lRXcggxuwRWO9MOtVt/qWmi6hfOH+HBbp&#10;FLOefDwxrpK6Z2+oOSzu6NAYTP00cohiNvjXvUk8I74UUuRdDvlk/3yV1JB/zNuIWlGhiyRnxZFs&#10;KZwxk9Uu1qsQYChzBueLa8pikS1odDUCUNnK7PkiqEK9xco3uhIBhizEKov1KqnpM6J0JQJojKrq&#10;qhqjii2qcb6kNM5XaVWepHeGPUvUN3fvFEwTVF2qWYQUJWPp6ybWq6QoBTu1Ffb3fPFE73n9mkpR&#10;WBjxhTzrb6hqK3Qlbkx9BMNTJ0Zfuu4glxpdiRuk1KogFVndqYuuf4aMALs/pOjGPdby/vkqKdIY&#10;pn60mMPEDWjWFJQ2ulKKAgeK+EBVjxwXvgBT27GliHmqspUwr0OXvpdLilwsVXL9oZih6GLyzRy2&#10;vcF6GVu0eKF38KlN39yHklqSXARNkL5TOYdQxdU+LCl2L3X+xD4sTuh0xzSVb6laHl+I/cq5NLoK&#10;AZaMPrFexSOlq/XdvZrDRgCSAsw7pVik6IKjacaVuHGH38aE+eDB1Rw+k3RrdBUCUASY0PE+RhWD&#10;FHqAahTKlMUXTpKism1KSp/lIpCSH0nIzoyr0GYwSu35QoApSW3s+SKQauwtKugQM9x6lb3BncJs&#10;7N8pRQXFjrox1Q8wqXOV5640c1hUUE6KipTiPk1dU6BEjStxg4S/Z/WuLNopdhTF5MwcJm5gH1LY&#10;ROzDIpBOS2mFUU0gpeLyuJb2D3OLzTtbTWICB7S4o+pkxlM3VgyCiyoWz+WYUs+zzgamWmza6RpI&#10;LDYonESMKTWNiR04K1WqE9shR+bXrMT0miUMUAiI+rsGqapGKo96k3+N9y8Hdpytb3SVGCumjN/i&#10;g1K8iR6RSleiB8EpvlGc6CKE+kksMT2JiR7E3AYXxYku9ikwoDwPRQgdEoNKBIU2FuuM58HpKhS4&#10;YVimtBSp+KmLQlbmOBchlGAigRW1ORJynobQbPZGYQBtaVUDAWgOMa6pQq/GlRBAubhHU9+Ap3Wq&#10;Wtpz7RsCxQd9ximtAgIlBZeGwkRiCosP+gyjQIFvSc1RVs7R4oM+TcdQczmXFHFw5xxtPihZaKas&#10;OIVIY7nI0yAV2cxhwsa4zQ2bmZht6pouIsYOKBYp1b+wEgVClRSxPQolmnHl+X+EJmgYxpApYlw8&#10;BJgOoyvP/yOPZmW4dQHUu4MKkFIUN76Q1NKjcqiUFMnHqlrVQ3FIqeQBsd6sV8IGhcSH2LKPG0UG&#10;nf5Ryh4tKaZQddQiJS7mkPDIUTnASgoIpdGnGFeRQanFrhjGVLuJL6TUjqrXTNmakHqAiaSCKiVF&#10;oX9VFZHoUOo69Wvefz+UFM7bQYD9vVFkUB5yQ0MSutLa4GpQdaEJROW4cLYbwkhLHQiQmqwwShKG&#10;Ljw3JBqacaUUNQjGtS/msHDjEf6o0pVSvJlBRKMrEYDkKVVQDPMnZoPuLlyxRle+U+CmYIyaOUwp&#10;eDrkegtdxQM9PtEjwezDksJUpgOH0ZUIQA0TF9Au8ijcwCnnub83qlTpE04OhfMldYvzRgVVmgZK&#10;EFwFEkuKxw2JvGZciQBUC6LxgNgbXdx03r0Go4oFSrlvmsUbXYk2mKIu0HFFHcVIUV7EEntkkc1Z&#10;bg7oOHxMfRWaIMRhvifTxRBGrsqTPuPLMoe5xLj2lDO7eaNEnKZl6/6lUmJUZlRnuQmgE6YzORDw&#10;G2IOMQmUjd38TxqOUclIjKvE8HOqJ2zRPyEgyb1RYnZvFP2TNn0TcjPjSjMFsDFZAjh5Y+KnBaci&#10;FbcYGYOmwgnVpEvX8QEDzIwrxWhhpxzMRRqFtg8L3JyvEpuq5QZ7i/75FetVuGHXKy0HzCEcN4bV&#10;VqxRQFT5D4s0Oqz9afG2jxsldo+LSNgbwEvujZup2CB0tRi4Ye7lxyKNchMdSS3YH1eL4aI3byIe&#10;yDWu20dl+LYYjGdzf7E+oQs/O59ohpVS0rX8WEVLp9GgiYG11Kk63r5pQ9JjDOs4bTHUaqWUNUWp&#10;0Zu6MEUPagpTCke7ei5zC6cunpUG5VuKMMzEl3bN3scqVvpIuxsTdWgpMiB53Rhd+eAgmRGihdmG&#10;KUVPQowboavYn1SNm8YDuwhFElfMPMXmbo5mXMX+pHj9AwxaoSsfNyThqUJnXIzxhVM0lEtP6Eop&#10;OmHdmBLcmE2pixCiqXLWUncUaTdFHuhP1rp4MZtxpRSFlaf0yv6eL/YnvFuH8iXFjqfQstGVCIDT&#10;cYxKsV4pRd9V5XJ4LPYn/XcmhVfoSrShMuzkd4s5THPjAHPRrVdKcf9DkjC6EgHIBR3WnRhXStFk&#10;g/pLQlexPzF7SSYXukrqyAyaHEFq8MaeR9eNcTm0FKElSsKacSUCUCxLWdjUMosvtAWsCKyFFBHO&#10;acOyv14lRTlwxZFigUrX4cbkm7UUFdJvTfElauqlLvpag6JiXCk1nTBvRC7zY3FG6Tqo8otbivfQ&#10;9LzbP8vF/sT1Da/VjCtxAz8gxoPRlQjA00F1CWOPx8wT+4LzbHQlAti0WGIaqQtTWZ2vYn9OrVOz&#10;5UuIPehqqODfjS+EbKNM7BIiukwtaTOHxf6kNZJxEPGn4wOh3VPt0eyNYn/iqFTXVwnRgumgQhwc&#10;3fhE3JvK7C0h2EB0wTLnq9ifnBNTaASbPz6Q9SIdRs1hWg7PVK1Q+zCF2IfkZqq9kQgwrmXBBuDA&#10;17gwU+iOsI9Rxf4chDIQVUIzLspzGl2FAMyhiNBTlazHdZhjuT+uYn8uBVTMJJbUMzivsLfYnxB8&#10;eZAKnC8pjhdpu2ZcBQHEKh7MXVmcUa4USKNGV9kb4JpasOKMouto3L0kweYyw4U31IOWogqoKlBE&#10;B4rUNZXnzaYvKW1HNfWTd4qJpvBaiC/U9mETRkkjOQiSHl0kWhdPX7M30nLA3KAkj9nzKaVt7OJ9&#10;3gK+hjhHCneMC98cnCAxruJ9UoYKt4gYV0nRWnrKaexjVNFFcX2Twmh0pZXC6lHg0OhK3DjAgVE+&#10;oiKL8pCiKonRlbhB+ID/Z8aVUvC3SBI2uhI3YKVOw6n9t0ORRQmmEGszuhI3LN2GOEjsw8UfZWyA&#10;YoviWIItZsaVuDF+NkOhpwZifOEj+YHKp1dSy0FR40oEwLS5UT69YouOX9TkS8NDiXENj9DNYUpp&#10;f28RP2m4Mtmt+/uwpBY/tpnDIn7CaFd5AY8lpf3zRfycGKzpK/xYUjruUMRPXPo4A80cJm7weSal&#10;CO9ubI1bLDbalxpdKTZRIrVcCQBDCZ5PFHsjxSb6pXQlAPCSIoZmbJuii0o2AF+Uc4ifjSCHGVeK&#10;2WhlsUWJwuIZNf7DEoMDezSmTfE+aZmI00GNK3ED7hEG0b4JULzPaSw7RIz9vVFi5uoqzuc0ZIGY&#10;avSkrTGVNMyQ0tIgPswzT6lKMbyvalR59MnCgPuiVF2JqcukeKLTulxlcuL1j0NCxpKpqMdRDyGY&#10;ds/w5sxqpRjGmnK+Fk90CgU6t1eJLTVWzNbIow9gPD8pD3ZVGiVKYfiUuBdzDvF0quzKFoOwbLrE&#10;0OGrdTlOT4tNaX7j2GjGp+UqkaEQn0hlUnVzXTE+4Q8Zvtdjidk5bMYn7FKVvYxzPMYFT9SkfVEL&#10;IITIZqHnuMGNEjuAUWq9EgAIEN04a62IohRMM1xAqrTnuGC/Ta26/dukxYZNIc5yET7Htp7mu0JX&#10;GShWV+EGJGdnQRVPdLGuzbgKN4gc8Jw34yoxO67CDeqsPZvELxIpc5lJeDZ3ZRE+yeCEnmfulBKb&#10;TslmbxThk1bJxL7MPiwxi/NF+CQoCq9X6UrcsFZo80SpezJNIvb3fInBLTGFWWgIm4uMrsloFbpS&#10;bCpwGady80SZQNzKRlfCjZ7DAgBQYwq9i3GlGL4XFSC64oli26iXV4mRA6PsqCJ8YotSsV2NK3GD&#10;ZH1TJBB6fe4N3PJktJg5TDEuC+McwrtYumBTmYS2FhtzXmDUsXmixBLVy6vFnvCIinuZrZDjesTG&#10;Nl07W+yZJ4caV9kblJpQ3nIs8fxEbDYT7eVvpxT/vDWujSsxXGwHgfTEC6+Uwbfb34lXYjcPzyb2&#10;RZenUkZnXahHu9BxJYZL1GAivUlKGYwqk+BzJTYMMxGFPRZblBImdGIRoZsrsQOdc9SaJQygDEqQ&#10;sHBomJkTgilgIJjaHil1JAncFOK6EiMh1ti/3KypjCLZXJpig7TYuB0NgBRjlHr+90SmjbLCHd45&#10;0O53/UQkEdfIxhwQiH8lhqPf8HswGkoZd5mpEXAlNv52NbJCELrZqDcLCUv5jbhijWEKrTeleFSp&#10;xKwWI77/7LZ+IQg3u6q7iIUd33hg6xtX2LGqht7iMLoxz7EWo1T28JDEbiwoQBk0cLP1UwxlvE+F&#10;suKAYkeQAW2umBaDKaA2SFFHAVQS/szISgz39MOdeUPjxc6lRtsNnJ39C63EYIHBmBQZkMcigk5Z&#10;9DE2hbaCHlp30vnILFuCCLSHpSKP0JZivBvnUjPaEg7QthicQluKwQalWrx4L0EmqHWbJg7ibdZi&#10;g+AqvQNDrLThJTDWfouhbQoHmJnMBwnTYbWlGNq4sJW2hoRn+nyoE5BidA6/GWrSPm4VL5Sx8Yw0&#10;61ZiwxmmuITRltbI5ADfmoxIGrzHco/nZOInYmyFJeQsqOwmTJ3/mrYEBRKpCLuqmUwxkOtmLnsx&#10;tgSFSdsaC23/dDetdMpAq9utGKJowx9qcLLE/AmosqIHuPAgsxlbQhBBStjA5rwVSxRtUKPVuiUE&#10;3VIXbHi9Yt0SFNBG4FGNLcUIii6tEYW2BIXDhG6MJxAMzhNwfwAozZ4sqijaCCEYs6TEbnmwQTIV&#10;M1lk0dE2r6/9E1BiaGMmzf1WdNGZSZbOaCssociw6uUM0ysWwO+SErvFtp7cgP1dUkRTfwJKjBMA&#10;QVXtkjQw0CZPd3FNOd13NwdzBxRt1CNXiYFcYILSlqDgUbn4ptzdaDNYUgVKqV+9lKATJ6Cw5A6G&#10;MKEIsUsSFNAG/U6dtxTzM1n0UbThoTI4WWK3NB+ZkOn+2Jp2CsF+TOz9mSwxgjqTkGu0JSiwS7BL&#10;zI1TzFNON7REsyer4ijaQDw1kwlB3FJLqpaYybZLDjgKzC4p9ik9Urhx1NiusGQp+CjWLcUIQFPX&#10;U2lLAwPrFQ+LGluK3fJ8oMKJ2SWFJRQQUyUVoXTH1YE2KNRqTyYoTObFVDoVM5liFJYgmqS0JSjg&#10;NyXworSl2JSYdJ7CopSiDZqeOW8lhjZc8mZsRSrl3Y2/xJy3EqNNMWRPg8pFKx0bFA+KWLcSo80r&#10;zzelLUFhKPNHEz0E33JPUrcIrqI4AcVIZWwL4XN/T5bYV4wtQcF7Z6qE6VesW4ICM7mU3hFjSzGi&#10;FDSuMVhSvFQ4gQvpTmgrLMGfP5Xq9u+AopgOA3HKugpthSW0ycEVbbQlKIw2KP5GW4pBdgbPzTug&#10;aKZog/5htJXYREaIrYqxFUeVXYLnydw4JeZ3SVUmxS4HuZS2NGdoiICj3Zzuqk06W4uHgFi3EiOO&#10;i/GqtJVdAtmXwRltKcbOon6Y0lZYMlW53S5JMawSGpIqbQkKFLpgbGomU4wADkwrtScTFOg8BA/f&#10;xAOKscrzmRrRamwJCjRxpMenWrcUu6UE+xgY+8hVrFXCl1PZxOySxJIDt9u4Nfe1FQGV5xQ2vRlb&#10;i7GPx9EotKUTFW2kCxgPRjFXgQToHmaXFAl1Mq9V7Tuy/sNSwDlJWFGNLQ2Mwx2vDmUFNXuV5yK1&#10;Is1MJigccH7joxe75Iq/OrxXpS1B4SvGVmI4TAjim7ElKHzFupUYhBIXNSo66oGOtbMA+5ZCi+F6&#10;ujO1H6kgnJuLy5SuM0ZbifGepf+cmckChSmdofyTxWQ9YFDyZBfampSKc2xyRfdnssUwlql0Z7QV&#10;lhCS5MVotJXYkGxM/UJ6n+a6AVtYGEZbiWGYwJE2YyssIT+FOILR1mIkcqi7uzitkNqfpz+sWLeC&#10;oAPrpt4BxWqd/uakqRhthSXE8ietbf/GqUKmU2GcxnJGW2EJ7gtVpRlyae4SYuuKYX0lRiVTquOZ&#10;sTUokEaneApFieWMgpQi/+5Y7FacHlDVDXK1GNqeCSXvrhu17f4rM3klRm0MetkZbS9AwewS4qT5&#10;kTixsbKNtgaFeXaI88ZZTm0YGM/mtQjjKMUorXcHmWL3dF+JUfljehWJdStQIPqjOttD/syPJMkA&#10;pqvRVqCANoJpZmwlhjaVxcsxyY8k/qkK2V+JkdUkx1ZYghlKT3czthKDgkRIwMxkYQkT+WRKepF5&#10;nlOCLXND41OxS8ouubm/V3YJ6TulDVQ2PnMyBVLsBm6tiQdcidE+R5V8wyFf2iibZYjeV2IwSYco&#10;sj+TTXd95u52YysswYGnSudxe8bYMBS4uQyWlBiNiJ5APDO2AoWbKRkr7m5qsMdHoo1GBAZLiro6&#10;1aIeDP/6qcX8uiWWQAydd7443cWUnWqdgJeZyQSF4Q3cmZoAT815hTh85LEi9mSCAoWBbrB6zdhS&#10;DBcSB054eimcGcuNw4oAqMHJEkMb3hljlxR/FW3MpNmTJYY2ptKMrQmsRCSfTayDAlMxJUwI6swu&#10;aQLrE8X0TDWHpxJD29RZErukeK+aqE9QMMc2pQUMExVvd4jhan9ULSVbbFztPATM2NLAuMVQg0Av&#10;TkBVXJ3QluJzwS/IsR25Akx0vcVwtU9ZYzO2wpIj6kxdIvyD8ZFow61m7oAqhQp7kriRwZISYyYP&#10;U2B7H7mqGCqeiOmmZNYtIWio0Sq2iLEUU4I2MqfMLikxxkapITO2JrCSz6DqShMCi48c6j0xMTGT&#10;TWAl7/DOxLsJgbU2rC6lLUGBSnlc3WomU4zgLmkW5gQ0gZXQA5AndkmJoW3e+WYmC0vYx9Odff/9&#10;VrxX1o0bR/gUAMZYALokkj+sZjLF0MbdrbQlKOBnpMSseb81XfaBF46J4/ASqrGRx2oag7QYY+MA&#10;mBdVE1ghlE7RErFujSUkkRhuKI7FGtsk9JmZLDFQmZwhc96awAqUK8YHyxQfiTZm0tymxXvlqcJL&#10;WI2tsWQe3mpsCQosNXwD450p3uuQYCbYtH/jNIGVUvrc3mKXlNhom5IHQlthCcQZmkgYbSk2aTyq&#10;oQYGZCw3ESqJXCUGVQpUVruksARUdj6F4r0SQuDCMae7eK9QYMgHUXsyIQhtLJvSlqBAcfxnOONm&#10;3VIMbfw/c+M0gRVXkCqrzd+O5UYbW9msWxNYSdG7N/E3XuepbXpymcgKXq0Qox4ExULM6S4x4opA&#10;mbnfivdKDTmK1iltCUFfoa3eOECJyiL5/6SdzbItt5GdX4VxX0Cn/qsUzR543EMP7CFFM1odIZMK&#10;kbZlP72/3LtQG7lqn3tyRWtC3Tw7gQRqIQHkSgB7yntlzw2VXPpuvVMgyMLB0cr8lu5djQTWvbQy&#10;TxevQqwMcZ3E17NpUov0KvbQBT+ZE1g5R1h6fpiL+DpwRdu20k44XaMaiWrkHlfalnwJ4RJuHau0&#10;rXcK5VuAyDzNbWN0VzxXTmDlPFrpVSUuyMy1FTGZE1h5tTAuVPsaJUmN7wZPXmpb8iWxvqjcVcJ9&#10;cn3bFpJsKzn0e05grd4UldXwJbHvK6AkJ7CCydKdSrzBktsWtEWltuxLYktbmd9S3ivwZ3RX1lzp&#10;WlXiCcwBFV+S1OjJatt6p0CiPwvYUm29Wn02TXmv3FHJm6ml2pIv4Q6ypXLimsTH7nOTlVK7pTKr&#10;xXoyHlv9evWaE1iJ2FJhYXQntfrqNSewcjyGvMtKbWldwrsCw1CJhqa8V3qS3NzKyjypPdtWiarl&#10;BNa4Pq5WW16X4LhKO6p02SojgEt7Sm3LvgTUYGQBJdmXsFIrMWLpcte6L0kXrnJEqXZHG6/PdwMn&#10;Jm4iH5W29U6BlcJRiyunvFejbb1TIE9qj6sKvp5N0xWv4SfZ5VTalnwJLylOpfVkTpddqihJCays&#10;gsg5q7QtqbE3ZQhUvltKYCXMy86oVFv2JdXoTEpgHXa+W8lzJTWSqok8Vb5bSmCNO3jidZ6vUZLU&#10;SHPmSvTKHJASWGEya7f37EkNTpgXM0q1JV+C/6l55XRzK6fYYKBLKElOIU4+lPxkuvKVm4lIji7V&#10;1vsSHmPkCGjFK+e813KGVc57Zb4pnUjDL/Z+EtcVNMLXc0BOYI23qSr3KeCEU22w62OltpzASrJs&#10;6UYRoJRqY+hUzvZxRXxSYwRUbkkWtfAKpV2+5L0SoCwxK1ktDmVWbrVksZraFsdxKvuArEYsgoSu&#10;Akpy3iujhjSkgufKajHnl0Z3znslgXUt7XGyGud22cBV2pZ8CZAsnZTnwbj+AxD1qK3Mc97ryNmH&#10;UlaEqAWVX5lxcgIr50Hius+vZxxRY5NZOQEK25C7hEtCS5hMaizN5wrXceS81w+OoFeykESN0DfH&#10;K79GyZETWJlxOKX0dU+KGpkzkVT9pVfmkFzXk2SPEVgu1darxZnwOIReqK33JawUIqOu0rZeDYYW&#10;QqwQL+G4W2ob0eiKn8xqrILmSPQvtC2tSyLSXsmK4OhgZyQrvMhwqNTWO4U48s5euNKTvRpsH7v8&#10;Utv6dQkr81oMj2hM37aIYFSyx1jRdWpApBbDy2rsA6q19U6B2oiGFjwXed6dkbgSvndlBKS814GT&#10;TSW2j+O9ubZadOZIea9xaR9uuYCSpFbvyZz3il5sxL6cAyCOU9sin6iCyZTAyt3BgeVKbcmXhI2V&#10;eAl53p2RcZa8FJ3JavRIjTc9UgIrl+DHtaGVtiVfEouZynqSi0dS23gxosJAZzX4boK2hTxzgt2p&#10;NmIKlT1OVitz+cxnqbaJG2kLO+GsRn4JpyRLmOydAtMGR9RKI6BXi9pKjx+Td9q3jVtsebqngJKk&#10;xhxAhL7iuVICKydbS5cAHEmLymoJjeTwdk2jLq7BqLSs1yIzlJmjMpem9NU4XV9aAiUtUmzpxcry&#10;LiW9EnOs+cikNdL1keL89ZokJa/Gja0lN5K0SIz+KB22Zg3YfbOddzEqtzNmrXKE60ipqwQYeUeq&#10;ApDe9xgt650ID4yRolOprNfivCixu4oPSfmuRIBqU3bSAiD8r1JZylvlwUWOolWaltTKKdgcx+4Q&#10;EufQ4hHqrxcISQ0fAvgrwzrlrQ5s24KLL9SWnQjuoBLeOqZ+XYHrJ7GkVFuvFje58JZnYWCnvNVh&#10;IMReOa7IKYzuA1Abe9RCegJZ4Z0ayxHWWpVJNKlRWy0llPVAqg0PUXL+Se2ZElrqyd4lsLBjlBYI&#10;TMZlZyS1MddXHHJOd2XjHHf1FTCZXMkj3bXUtn5dwdB+7BoKtfVqtC0aV8Bkyltls0FcsoKSpGbU&#10;lnwJZypLKaE8yZO/G5NbxU/mdFeSj/bSd0tqdZSkvNW4Db50+J9DH7ltRUymvNUyXUp4I9fGZqMy&#10;AvJ9reTIxmm5rzGZ1IyeTL4kTkqU/KSku1a9cspbJdGDx6YqozupMb+xJaqM7pzuCu9ZuiQFkid9&#10;N0i+yhMdvCTRqUHfwwuU2tarsVJgDqigJOWtcqMpq+TKSiGpUdtj6vh6mZzyVjmqQjCtgsmkFhN+&#10;6ephCJS+J7nMjoMghRGQ1OJIH2lkBa+c012JXNeC10mN2iKdvVJb7xToSc4VVwIXOd2VDVjpinaM&#10;6ntyZYFRWk8mNVDyiOUUUJJ8CYsg3HLlu/Vq1FbclKa8VRZ4TKgllOR1CcHrCoF55HRXopkfpVBC&#10;UsNzFX1JylvlOnjSgUo9mX1JNXCR8lZJLeRSokpPJjVWr4yAildOeav12TSpxcqcsHdhvKW81bjb&#10;ZisFnJKaUVu/wAhPEm90fz13pyzZ+gov5a3GyyVT5aIsgkWdU6C22sFPdqKdGmtl4jmltvVqRm29&#10;U6A2jCzV1qvVV0Hpmtd6qDypMbqJKVT2ATndFZavti5JagYme6fA/o2AWiFRn7vtu88dtUXGxtdz&#10;QMpb5Vn7R+z06xGQ1KiNGaey68jpro/dYsVPJjVQEsvXStvSuuSxEy7V1qs9MFk5Zsrx3O4D8N3i&#10;Ra+CL0lqUVvpchvy+VNtrEsqB3azGt8NKJdQ0jsFYkGMm1LberX6eEt5q8S5YP5LtWVfUo3Mp7xV&#10;lk5ExyqeK6mxCiLMVerJfrNCfBJXUmpbr1bfB6S8VUIFXMRWgWRyJTNpq6UlV0pbjXhtaTWZtAgq&#10;c/1LZZ2Qkl15TI39W6FlSYvYPB+tsglISasc1Y6lzNc+MmlRGS2r+MiUs0pnsC+qVNZ7n3qOR0pZ&#10;3ej8EhGQtKiMnWLpm/XugPcySi9CwRx2no4pY+Mir4LzTwmrvANcutSGKFiqjOvwKgcHyV/r1Hia&#10;F2aq8s16La6gJZpd6sbeF8CmEE2oVNZrGd3Y+wI8I/GtSmW9Fls2uPTKOEvJqkA//M7X4yxpxbWW&#10;0ftfr3xSiiuOoHS/Bvlk3ZcegwEoTaApVZWARY25SVokXdOyUjf2voDXVEKr0I291shdjEPlRDzX&#10;pXUdwmNVpYcyshaJhLBNldkz5akuuKtS3mLS4rqpeFK6ApDeF/DE2165ipQ8gq4/SFJlkilV1vsC&#10;LokhvbvyzXotKhvjIpUC9HtfQF7ZXFrxSGor7qrENKTUVmLBcT1AAY3Jg/DRSrcMDx8ptXX5GIZK&#10;5o+oxWORpaNS6PXugMdGcHVfN07UuDC4lgGNXr81mXmrqhKMFDXmC8K6BUyi17uEiRP7lZlG1LjE&#10;lxVMYXCj17uSiWTasXBLiaixgz2iV74cBOj1CwsOZ5Uu2xY1qmPNVGtd7xgIvpWyaamuV4vHbkv7&#10;evR61zARpa2s7ESNCBVHrQqrLfR6l0IWaCkkKWrlByXQ690DcwdPLZXGXa8Wj7nvlfsFho+UrRp3&#10;vlTSBUSN58t5W7EQt0Cv9yq8eV5iS0WNwNHO3ZqVgZDzVdmlVNITqK53RszgzMa16nqvwiOopcvS&#10;qa5Xc6rrvQoBltKr7lTXq3ERP96h1rreq/DSA1HGCjJzgiy8T+nGEsxM7oFUlspaT9Q4KMedeKUZ&#10;Iee6kjFbeciF6npnRKiEwwS16nqvMtZb16vFVQilfA/MTO6BqxIrR7VELS4ZhW6tjLuct8q1JXTK&#10;lysjVuUpS7YOlZy5yvK+cgkY1fXOiKUKhzgLKVbo9e6B3e26FMLYogbZCkdSms1z9ioRSu6tr3Rm&#10;8io4TIIZpW/Xu4d43JoLGCrV9Wogk5FQmhFSBivPWcTSu1Jd74ziSnJ2x6XW9V4lnpOv3KvJt0tq&#10;cZ1O5YIP9JJ7WDjUUYNKUqNta7Ezk3vg+GflBmKsTGr4Bp4qLXVm71VY05b2kVSX1LhEjGeUKtWl&#10;VFYyKdkkVKCS1Xjimt11qbrkHqiukiEEyZHUYoVTOY+AXu9VmBAmdjKFgZDVuIi7dP0Y1SX3wDeo&#10;jbusFjdqVxKgqC65B6BSSd1UNZj9uZIBhV5yDxzUq1wYoWokj3NHfwkqyT3Eo+2lzXLKg+Vel/K3&#10;S+6BpLAK+UHrkppRXe8eiNRVMq6ordfiYRGuuq71Ze8dWIdVriCjtl6L09pcY1+qLaW0csNjbaGS&#10;tDhkyRcoza0ppZWU+sq1CpHq3wXe4pAl5xoqqEwprdyxWUNJ0nJq6x1KXEdSmsdTIixvyxOgKu3K&#10;U0prvBFfyHCkJ5MXmphDKuR+kJndF2AjUls0JK2YHrciSnpvglOoXAgTa97ORlLJJi5VLaGk9wpr&#10;PFZXmXZSIixZMYyA2njrvcLKsq20lk2JsGTFQHnV2tZ7BZ4MrxwopCd7LeKsvGlYaltKaYUFrFyL&#10;N3wkLa634xWy0sI5pbTWa0u+JDYFY61t/eqkjMmUCEtP0raS50oprQtX+5em06RFT/ICewklKaWV&#10;0HNtJZS0WK8RV6m1rfclXNxUW+alRFie4+YQUclPphtcw7vWejL5Ei7D2AgLFgLPKROWbX8lm4AR&#10;0HsgUMIRqVptvS9haciyvrBgTomwJC8Tjq/V1nsF7hqqkD20rdcyvHJKaS3XlrRIQw4ipfLdUkor&#10;kb2a50pazN2sS0o9mVJay98taZHRilco+cmc0sqDbqURkLRYT7JhqbWtX2GQmlrJg2W/0Gs5tfW+&#10;hFmx5idz/izrBFJISihJXqFcW9LCJbOzLdXWe4VI6yiN7pQIy7pk5jaCUm3JlxBML62CUiLsY3TX&#10;VuY5pbWMkuxLeL6swolH4l+3MoTiqeSeiFbkz5ZeeUSvX2GUR0DSYl3OYyal7yY3uIYHKswBSYvZ&#10;dIJdr6Akp7QS4SyFaJIW99lyZUWtbb1X4G352koh58/yqm3pXjy+W+9L8OW1uTtpsXQmCaJwXy+1&#10;9V4BJNdYzqRFbQQOS54rpbROzBw1lPQeCJP5brXael8St9PWauu1yETmYrbSejJlwtZHd/Il8chj&#10;bY+Tk1ofu/XCeEtaxlo5Z7VCCZbmgKQVZyh4K6oyunNaa7lt/c6IGYdnTmu19fGSeL6s5EtSDu3A&#10;s+2cmim1rfcl9dqSFrkW5BKWaut9SRmTKR+WVRD+tVZb70vKM05KiHVq671C2ZekPNoI9cbltIUd&#10;VbrBtewnkxYPp5BEUuvJ3iuUo2rp3lcyYskMKNWW0luxsDa/JS2OaD6uQSz0ZMpvJYhdeeaUDK9+&#10;NYP/YSNQ8sopwZW4R+WeImpLvsSoLfkSerLGjKWLX4kF4ZlrHy65hWDGSkRcSqglV4I0nlpf9t6E&#10;pAQenKgs8lJyLK3jHHatdb07KVMCKTuW17oASq223p1w1XgtmS1d/crCkFyG0jSQMl232uvycU6p&#10;20CAEW5YK229U4IsQ6cWMkla1EZiU6UnSZ3rrKyGKLMW7iTiEQXHDAy72uLe0coiL2tFzJA3tEq1&#10;9Y4BJqEUxIBp72yMowpxEdzXrhI2rdOrLmCzFu9UsDKpfbfkTYphBRb/nY1MqEeN1Scil/TissCv&#10;F7CqRTiiNLqJ7HS1EcOoxJ6y0kASYQycymfrXUkElWpNS1q86BZXy1dqS06huH5lw9Z1SMw3cS69&#10;Ulu/MgnertaTWau6zychpbOyun7NWuwXOc5V+m45Kba4XySO0NkIQNl2lIZbSm6txnrxb6k2cnhK&#10;e2Hm6k4P51pi87MW8fnazE0gp6ssEtBKAyBp4aHj5tcKJFNiazStcFiNr5b8D8nsHIMv1dZ7Eu4r&#10;KuVpM8C6HuHA4cZKrTDaUlZrlX+DcesrWxkBpbkt3fsayQ2VTT40UV/ZeDDhl1rWewT44Nq0ndJn&#10;49RZiXogaNrbyDK55LSSFmmiXCpWaVnKZj3W0gWzDOvei0SudO2bpRTYyL6p3NcYi6SuQ+JUaCkw&#10;w+HuTo1RXro7iNp6NeaZSJwtgD9d4BppG5XT3tTWOx9cD9dwlWpL/oDTLJWDf9TWq3HrYunJRdR6&#10;f8D75KXDeKK2svovUabkpnffjZQN7uKuLLaSGhGnuJqt8t16jzCyma3cCkPbejV8Hbljpdp6R8Jx&#10;2VqKOxG7rkvYasSLtoW2pRxWcjaWytH52Cj3tUE8lHaJEMedGhkKe2l/n9V4uG8u0Yoknva1gcnS&#10;uZKsxrqi9CQVXdI7hZHITOU+K1HjVGnp9DxqvVPg2AWpRJURkNTivHIpfMfh664nuUqGR0JKtfVq&#10;3AXNIbcSJntfQopO8BWFrVRKep2f74pURkDvS8g1YOou1dar4ZSBSaltvVOYVtZRtdp6tbgJnQ1f&#10;pW29U5h2aqv1ZFLjeZLK7QAMy94p4Li4DbTSk1ntgFovrZJT8iq1sXAr1da7oInHGWrfLSWvRtZG&#10;6Rgx2cn9wFnXreYnU/Iqdzdx0X6pbb0LYg3Eq+oVlKTkVQg73ggp1ZZdELH50ghIyatcKllccyU1&#10;OPw4G1UYASl5NWJwJS6AsE/33QhU1U7DAaZOjad6p+II6NW4+6M6AnqnUL2TgGHaq5GVux61nuyd&#10;Aq/bkV9aQkmvRrIHh2sq3y0lr3L3K/elVWpLanFFRol8JqbYfTeOffM8cKm2Xo1F0FgLXaTkVYZ2&#10;6RbdCOh2Rg470fPSd0vJqwTm2dCW2tb7Eu7mrCW0E5vtjGSHQyZ2qbZejSBccfWakleJ1NbuIyBg&#10;3RnJHc0fHFot+JKU8hrUSC3Em9ToIBjaUm29UzjwJaXsYRKcurbhXjmoV2la7xM4Bs9DCaXP1qvN&#10;GzRyqbLeJRzc4DuWAjMp45Unsyov2LPi6RclBOG4taKE/6TH1T6lk4Rse7vehybh3EnlXGbWi+hF&#10;aSrNmaucJeXd3cpnS3ocF67FgXLmKsu0Gl3K3qTrEy58Ka1JcuLqRBSaUVPYBCS9Ip3IqrizsHyn&#10;baymOz1CoKVxvfZLCyobS287Ulmvt64QdYVxnbNWmbMJqZW6sfciYy2Fi0mi6w5yHyMZpVRZr7et&#10;Q8mJpExX1mvEQEur1qwH9ksfLWW6ssw7uK6l0rSsxwOBpXGdc1bpRi6xKdWWvE/EjioYyTmrM0+I&#10;sZAvDLWkt7K3KVXWOwN2jHy2EkZyqitb0lJlaVVhVNbryWb0Tz/9+d//x7/9/se//stPf/7pr/yf&#10;P8X/+/mfv54y/t8PP/367z9++/gWf/j7b7//8M8fv/3826+//v4ff/zy35iN/u/rn//94xvqFInW&#10;Wcz3lPm8vfJgKbN67JVHS5mv1itPljK92SvPljIutldeLGVcZq+8Wsq4wF55s5Rxab3ybimzPuqV&#10;D0s5KOZem39bGFOQeSgLOjfV7uEsWN2k7iEtGNek7mEtKNSk7qEtONGk7uEtWM6k7iEueMuk7mEu&#10;mMik7qEuuMVenX87qAu2MKl7qAv6L6l7qAs+L6l7qAuCLql7qAvGLal7qAvmLal7qAtOLKl7qAuS&#10;K6l7qAvWKql7qAsaqlfn3w7qgo5K6h7qgl9K6h7qgjBK6h7qgspJ6h7qgtJJ6h7qgmxJ6h7q4saQ&#10;pO6hLq4ASeoe6uJOj6TuoS4Ii16dfzuoC+IiqXuoC0ohqXuoC2ohqXuoC64gqXuoiyh+UvdQF2H5&#10;pO6hLsLzSd1DXQTOk7qHurj9Ial7qIvQdq/Ovx3URYg7qXuoi+BzUvdQF0HopO6hLqLKSd1DXcR7&#10;k7qHugjgJnUPdRGRTeoe6uJagaTuoS6ipkndQ12EQXt1/u2gLuKhSd1DXQQqk7qHuog8JnUPdRFL&#10;TOoe6iI6mNQ91EW8L6l7qIvIX1L3UBexvKTuoS6ibEndQ12EzXp1/u2gLuJnSd1DXQS2krqHughV&#10;JXUPdXHMOql7qItz00ndQ10chE7qHuriPHRS91C3Cer4t/XdBXWcYHbU4zBxbzz/ttQFdZwWttQF&#10;dRwattQFdZzntdQFdbxXY6kL6jhxa6kL6jhCa6kL6jgTa6kL6jjkaqkL6ji16qjHsdMedfzbUhfU&#10;ca7UUhfUcVDUUhfUcfDTUhfUcZDTUhfUcTDTUhfUcdLSUhfUcXTSUhfUcRbSUhfUcbjRUX8cT+xh&#10;FwKvAAFeHEH0ChDoxalCrwABXxwU9AoQ+MXZP68AAWAc5/MKEAjGET2vAAEhZ2PMAgSGcZDOs0CA&#10;SF6SV8CNsLAZC0UiJ9isJtxICwReAYpEeAyvAEUiTIZXgCIRLsMrQJEIm+EVoEiEz/AKUCTCaHgF&#10;KBLhNKwClMSIc1ZeAYpEeA2vAPWJMBteAYpEuA2vAEUi7IZXgCIRfsMrQJEIw+EVoEiE4/AKUCTC&#10;cngFKBLhOawClNiIAzdeAYpEuA6vAEUibIdXgCIRvsMrQJEI4+EVoEiE8/AKUCTCengFKBLhPbwC&#10;FIkwH14BikS4D6sAJTvilIdXgCIR/sMrQJEIA+IVoEiEA/EKUCTCgngFKBLhQbwCFIkwIV4BikS4&#10;EK8ARSJsiFeAIhE+xCpACRAyx8wCFIlwIp4FikRYEa8ARSK8iFeAIhFmxCtAkQg34hWgSIQd8QpQ&#10;JMKPeAUoEmFIvAIUiXAkVgFKikSSuVeAIhGexCtAkQhT4hWgSIQr8QpQJMKWeAUoEuFLvAIUiTAm&#10;XgGKRDgTrwBFIqyJV4AiEd7EKkCJEm7sMgtQJMKdeBYoEmFPvAIUifAnXgGKRBgUrwBFIhyKV4Ai&#10;ERbFK0CRCI/iFaBINJkT3jPMUegQWBYoecIrwmYBikSTP+EOXWmCyaDwHocWYCIR0iSF8rlB0uwD&#10;RaLJo/AQhlpgIjGuE01hYZNL4dlPLcD0iXHpZ7bARKISKlwO4n2FuJozWWByKtyXrwWYPjHuz8wW&#10;mEiMGzFzASYS447LXIDpE+PaylyAicS4iTIXYPrEuFwyF2AiMe6LzAV4SORimlxACBynynVQWoA3&#10;O/M8tBbgIZHnrLUAD4lcNq4FeEjk6JMW4CFxjKsS+88YAu8rCBK5y8osQJA4mhwLx+a1CSYSlWPh&#10;iXmvCXEpYOpEk2PhGlktwESiHg3hQkmzCYpEk2PhERRtgolEPSAymhwL91WpBSYS9ZDIaHIsvJCm&#10;FphIVI6F5wi8z3g7KmJyLNzMJ00wORZedtICTCTeDoyYHMt4OzJicizc+qFNMH3i7diIybGMt4Mj&#10;Jscy3o6OmBwLt69KH5gcy6jHR0JgTSx6gGQ0OZZRj5CEwLNAfaLJsfBIr3ai6RP1IMlociw8k64W&#10;mD5RD5NwbtrsRPWJJscyKscSAusz6pES7hAyC1CfaHIsvNMpX8HkWLhOQgsw14l6tGQ0ORbunlQL&#10;TJ+ox0tGk2MZ9YBJCDwcKBJNjmVUjiUElgV6zGQ0ORbu1JGvYHIsvMmjBZg+UQ+b8BKO2QfqE02O&#10;ZdQDJyHwvoL6RJNj4cYz7UQTiXrsZDQ5llE5lhBYfaBHT0aTYxn18EkIPAsUiSbHMuoBlBB4FigS&#10;TY6Fy+EEBybHwh2vWoA5O+tBFK5NNvtAfaLJsXBpuzTB5FhGPY4SAusz6oGU0eRYeJNIm2D6RD2U&#10;Mpocy6jHUkLg9YEi0eRYuJ1S+8BEoh5OGU2OZVSOJQRWHyjHMpocyxgP2KUojsmxcMGhFmD6ROVY&#10;RvOcyqgcSwi8TlSfaHIsXO2sfWDOzsqxcJup2QSdnc0TK6NyLCGwOlE5Fi4pNwtQJJocCw8Uylcw&#10;T66MyrGEwOsD3bGYp1e4M1qbYPpE5Vh4rMJsgvpE8wwLj7VoE8zZWTkWbsOzmsADu9mCEDifcVKO&#10;JQReAYJE3kE2C5DZeTLPsXChqPaB5xO5XlEL8JA4KccSAq8TBYmTybFM8f5TP7WFwLNA1omTeY6F&#10;d1bFApNjmZRjCYHVBOVYeI7YLECRaHIsk17AFQKvCYpE8xwLd6XrVzCRqBwLzx2YTVAkmhzLpBxL&#10;CKxOVI6F+yPNAmR2nkyOZVKOJQReExSJ5jkWnq0RHJgcC4+bawGmT1SOZTLPsXAJsFpgIlE5lsnk&#10;WCblWEJgfUblWCaTY5mUYwmBZ4HOzibHwg2x8hVMjoUbZrUA0ycqx8Kt9mYfqE80ORYuiNYmmEhU&#10;jmUyORZejlELTCQqx8JzTF4nKscymRwLV4FLE0yOhWvBtQBvx8It5lqAiUTlWHiXwexERaJ5jmVS&#10;jiUElj9QjoVXSc0CFIkmx8J7jvIVTI5lUo4lBFYfKMfCu+pmAYpE8xwL77BoH5hI1Cu9JpNjmZRj&#10;CYHXieoTTY5lUo4lBJ4FikSTY5mUYwmBZYFyLDxoZRagPtHkWCa94isEXhMUiSbHMuk1XyHwLFCf&#10;aHIs3Ncug8k8xzIpxxICrwmKRJNjmZRjCYFlgXIsk8mx8A6DdKLJsUzKsYTAa4Ii0eRYJuVYQuBZ&#10;oEg0OZZJOZYQeBbo3tnkWCblWEJgWaAcCw/NmAXo3tnkWHi1QZBonmOZlGMJgdcHikSTY+EBLW2C&#10;iUTlWHi1x2yC+kSTY5n0HEsIvE5Un2hyLJNyLCGwLNBzLLx2aBagSDQ5lkk5lhB4TVAkmhwLz6IK&#10;Es07wiblWELgNUGRaHIsPIGtTTCRqBzLZHIsPCacLQiB0wezciwh8AoQJM4mxzLrOZYQeBYIEnlN&#10;xixAkMhjTGYBMjvzCqlZgCBxNjkW3kBTHHhI5OFaLcCbnXmwWAowOZZZOZYQWDhQjmU2ORZeTdMm&#10;mEhUjoX3Qs0mKBJNjmVWjiUEXicqEk2OZdZzLCHwLFAkmhzLrBxLCCwL9BzLbHIss3IsIfAsUCSa&#10;HAtvGwqUTY5lVo4lBF4T1CeaHMusHEsIPAvUJ5ocC0+HayeaPlE5Fh4Y9ZqgHAsPTpsF6Oxsciy8&#10;OSd9YHIsvDWoBZg+UTmW2eRYZj3HEgILSMqxzOZdYTz3rX1g+kTlWHjO1WuCciy8mmoWIHtn3hg1&#10;C1AkmhzLrBxLCKzPqBzLbN4VNivHEgLPAvWJJscyK8cSAs8CRaLJscy3p1JMjmVWjiUEVhOUY5lN&#10;joWnZ2U0mhwLL55rASYSlWOZzXMss3IsIfA6UZFociyzPp0SAs8CRaLJscx6jiUElgXKscwmxzIr&#10;xxICzwJFosmx8P6sINHkWHicVwswZ2flWHhW3uwDRaLJsczKsYTA+wqKRJNjmfVJlRBYFijHMpsc&#10;y6wcSwg8CxSJJscyK8cSAs8CRaLJsczKsYTAs0CRaHIss3IsIfAsUCSaHAuvX8twNjmWWTmWEFhN&#10;0HMss8mxzMqxhMCzQH2iybHMeo4lBJ4FGsUxz7HMyrGEwLNAozgmxzIrxxICzwJFosmxzMqxhMCy&#10;QDmW2eRYZj3HEgLPAkWiybHMeldYCDwLFIkmxzIrxxICzwJFosmxzMqxhMCzQJFociyLciwhcCxY&#10;lGMJgVeAzM6LybEsyrGEwLNAZufF5FgWPccSAs8CmZ0Xk2NZoFTSMZQQeBbI7LyY51gW5VhCYFmg&#10;HMticiyLciwh8CxQJJocy6IcSwg8CxSJJsey6F1hIfAsUCSaHMui51hC4FmgSDQ5lkXPsYTAskA5&#10;lsXkWBblWELgWaBINDmWRe8KC4FngSLR5FgW5VhC4FmgSDQ5lkU5lhB4FigSTY5lUY4lBJYFyrEs&#10;JseyKMcSAs8CRaLJsSzKsYTAs0CRaN4VtijHEgLPAkWiybEsyrGEwLNAkWieY1mUYwmBZYFyLIvJ&#10;sSx6jiUEngWKRJNjWZRjCYFngSLR5FgW5VhC4FmgSDQ5lkU5lhB4FigSTY5lUY4lBJYFyrEsJsey&#10;KMcSAs8CRaLJsSzKsYTAs0CRaHIsi3IsIfAsUCSaHMuiHEsIPAsUiSbHsijHEgLLAuVYFpNjWZRj&#10;CYFngSLR5FgW5VhC4FmgSDTPsSzKsYTAs0CRaHIsi3IsIfAsUCSaHMuiHEsILAuUY1lMjmVRjiUE&#10;ngWKRJNjWZRjCYFngSLR5FgW5VhC4FmgSDQ5lkU5lhB4FigSTY5lUY4lBJYFyrEsJseyKMcSAs8C&#10;RaLJsSx6jiUEngWKRJNjWfQcSwg8CxSJJsey6F1hIfAsUCSaHMuid4WFwLJAOZbF5FgW5VhC4Fmg&#10;SDQ5lkXPsYTAs0CRaHIsi55jCYFngSLR5FgWfY8lBJ4FikSTY1n0HEsIHAtW5VhC4BUg+YmrybGs&#10;+h5LCDwLhO1bTY5l1bvCQuBZIGzfanIsq94VFgLPAuFYVpNjWfUcSwg8C4TtW02OZVWOJQSWBcqx&#10;rCbHsuo5lhB4FigSTY5l1XMsIfAsUCSaHMuq51hC4FmgSDQ5llXPsYTAs0CRaHIsq3IsIbAsUI5l&#10;NTmWVc+xhMCzQJFociyrnmMJgWeBItHkWFa9KywEngWKRJNjWfWusBB4FigSTY5lVY4lBJYFyrGs&#10;JseyQqkk8j4EngWKRJNjWfUcSwg8CxSJJsey6jmWEHgWKBJNjmXVcywh8CxQJJocy6ocSwgsC5Rj&#10;WU2OZdW7wkLgWaBINDmWVc+xhMCzQJFociyrvscSAs8CRaLJsax6V1gIPAsUiSbHsirHEgLLAuVY&#10;VpNjWfUcSwg8CxSJJsey6jmWEHgWKBJNjmXVu8JC4FmgSDQ5llXvCguBZ4Ei0eRYVuVYQmBZoBzL&#10;anIsK5RKnp1NjmVVjiUEXhMkirOaHMuqHEsIPAskirOaHMuqHEsIPAskirOaHMuqHEsILAuUY1lN&#10;jmVVjiUEngWKRJNjWZVjCYFngSLR5FhW5VhC4FmgSDQ5llU5lhB4FigSTY5lVY4lBJYFyrGsJsey&#10;KscSAs8CRaLJsazKsYTAs0CRaHIsq3IsIfAsUCSaHMuqHEsIPAsUiSbHsirHEgLLAuVYVpNjWZVj&#10;CYFngSLR5FhW5VhC4FmgSDQ5llU5lhB4FigSTY5lVY4lBJ4FikSTY1mVYwmBY8GmHEsIvAKEY9lM&#10;jmVTjiUEngWyY9lMjmVTjiUEngWyY9lMjmVTjiUEngWyY9lMjmVTjiUEngWyY9lMjmVTjiUElgXK&#10;sWwmx7IpxxICzwJFosmxbMqxhMCzQJFociybciwh8CxQJJocy6YcSwg8CxSJJseyKccSAssC5Vg2&#10;k2PZlGMJgWeBItHkWDblWELgWaBINDmWTTmWEHgWKBJNjmVTjiUEngWKRJNj2ZRjCYFlgXIsm8mx&#10;bMqxhMCzQJFociybciwh8CxQJJocy6YcSwg8CxSJJseyKccSAs8CRaLJsWzKsYTAskA5ls3kWDbl&#10;WELgWaBINDmWTTmWEHgWKBJNjmVTjiUEngWKRJNj2ZRjCYFngSLR5Fg25VhCYFmgHMtmciybciwh&#10;8CxQJJocy6YcSwg8CxSJJseyKccSAs8CRaLJsWzKsYTAs0CRaHIsm3IsIbAsUI5lMzmWTTmWEHgW&#10;KBJNjmXTu8JC4FmgSDQ5lg1KJfFMIfAsUCSaHMsGpSIWmEhUjmUzOZZNOZYQWH2gHMtmciwblEru&#10;A5Nj2ZRjCYHXBIknbibHsinHEgLPAkWiybFsyrGEwLNAkWhyLJtyLCGwLFCOZTM5lk05lhB4FigS&#10;TY5lU44lBJ4FikSTY9mUYwmBZ4Ei0eRYNuVYQuBZoEg0OZZNOZYQWBYox7KZHMumHEsIPAsUiSbH&#10;sinHEgLPAkWiybFsyrGEwLNAkWhyLJtyLCHwLFAkmhzLphxLCBwLduVYQuAVIBzLbnIsu3IsIfAs&#10;kHXibnIsu3IsIfAskHXibnIsu3IsIfAskHXibnIsu3IsIfAskB3LbnIsu3IsIbAsUI5lNzmWXTmW&#10;EHgWKBJNjmVXjiUEngWKRJNj2ZVjCYFngSLR5Fh25VhC4FmgSDQ5ll05lhBYFijHspscy64cSwg8&#10;CxSJJseyK8cSAs8CRaLJsezKsYTAs0CRaHIsu3IsIfAsUCSaHMuuHEsILAuUY9lNjmVXjiUEngWK&#10;RJNj2ZVjCYFngSLR5Fh25VhC4FmgSDQ5ll05lhB4FigSTY5lV44lBJYFyrHsJseyK8cSAs8CRaLJ&#10;sezKsYTAs0CRaHIsu3IsIfAsUCSaHMuuHEsIPAsUiSbHsivHEgLLAuVYdpNj2ZVjCYFngSLR5Fh2&#10;5VhC4FmgSDQ5ll05lhB4FigSTY5lV44lBJ4FikSTY9mVYwmBZYFyLLvJsezKsYTAs0CRaHIsu3Is&#10;IfAsUCSaHMuuHEsIPAsUiSbHsivHEgLPAkWiybHsyrGEwLJAOZbd5Fh25VhC4FmgSDQ5lh1KJbE8&#10;IfAsUCSaHMsOpSIWmEhUjmU3OZYdSkUsMJGoHMtuciy7ciwhsL6Cciy7ybHsUCq5D0yOZVeOJQRe&#10;ExSJJseyK8cSAs8CRaLJsezKsYTAs0CRaHIsu3IsIbAsUI5lNzmWXTmWEHgWKBJNjmVXjiUEngWK&#10;RJNj2ZVjCYFngSLR5Fh25VhC4FmgSDQ5ll05lhA4FhzKsYTAK0A4lsPkWA7lWELgWSCz82FyLIdy&#10;LCHwLJDZ+TA5lkM5lhB4Fsg68TA5lkM5lhB4Fsg68TA5lkM5lhBYFijHcpgcy6EcSwg8CxSJJsdy&#10;KMcSAs8CRaLJsRzKsYTAs0CRaHIsh3IsIfAsUCSaHMuhHEsILAuUYzlMjuVQjiUEngWKRJNjOZRj&#10;CYFngSLR5FgO5VhC4FmgSDQ5lkM5lhB4FigSTY7lUI4lBJYFyrEcJsdyKMcSAs8CRaLJsRzKsYTA&#10;s0CRaHIsh3IsIfAsUCSaHMuhHEsIPAsUiSbHcijHEgLLAuVYDpNjOZRjCYFngSLR5FgO5VhC4Fmg&#10;SDQ5lkM5lhB4FigSTY7lUI4lBJ4FikSTYzmUYwmBZYFyLIfJsRzKsYTAs0CRaHIsh3IsIfAsUCSa&#10;HMuhHEsIPAsUiSbHcijHEgLPAkWiybEcyrGEwLJAOZbD5FgO5VhC4FmgSDQ5lkM5lhB4FigSTY7l&#10;UI4lBJ4FikSTYzmUYwmBZ4Ei0eRYDuVYQmBZoBzLYXIsh3IsIfAsUCSaHMuhHEsIPAsUiSbHcijH&#10;EgLPAkWiybEcyrGEwLNAkWhyLIdyLCGwLFCO5TA5lkM5lhB4FigSTY7lgFJJLE8IPAsUiSbHckCp&#10;iAUmEpVjOUyO5YBSEQtMJCrHcpgcy6EcSwisr6Acy2FyLAeUSu4Dk2M5lGMJgdcERaLJsRzKsYTA&#10;s0CRaHIsh3IsIfAsUCSaHMuhHEsIHAuGDyVZHhKzCKFZKMJj/FAQOD4kphXiGinCQyQKAsmHxLRC&#10;3CNFeKhEQWD5kJhWyGRNER4yURBoPiSmFTJhU4SLTiVehg+TeUHhhk6Te6GIGzpN9oUibug0+ReK&#10;uKHTZGAo4oZOk4OhiBs6TRaGIm7oNHkYirih02RiKOKGTpOLGT6UjHlIvDGidAxFuL5TCRmK8FaV&#10;KNzQaXIyFHFDp8nKUMQNnSYvQxE3dJrMDEXc0GlyMxRxQ6fJzlDEDZ0mPzN8KEHzkHjoVIqGIlx0&#10;KklDES46YWXSWpUi3JldiRqK8PY9KNzQaXI1FHFDp8nWUMQNnSZfQxE3dJqMDUXc0GlyNsOHkjYP&#10;iYdOpW0owkWnEjcU4aITpkbQaXI31HnznSZ7QxE3dJr8DUXc0GkyOBRxQ6fJ4VDEDZ0mi0MRN3Sa&#10;PM7woUTOQ+KhU6kcinDRqWQORbjohL0RdJp8DnXe0GkyOhRxQ6fJ6VDEDZ0mq0MRN3SavA5F3NBp&#10;MjsUcUOnye0MH0ruPCQeOpXeoQgXnUrwUISLThgdQafJ8VDnDZ0my0MRN3SaPA9F3NBpMj0UcUOn&#10;yfVQxA2dJttDETd0mnzP8KGEz0PioVMpH4pw0amkD0W46NTryyjCXXcq8UMR7rpTrzCjCDeipOQP&#10;RXgxdxRu6DT5H4q4odNkgCjihk6TAxo+lAR6SDx0Kg1EES46lQiiCBedetyGIlx0KhlEES469cgN&#10;RbjoVEKIIlx0KiVEEW68U0khivBYIRRu6DR5oeFDiaGHxEOnUkMU4aJTySGKcNGp9BBFuOiED5LF&#10;gckQUedtZjc5Ioq4zewmS0QRN99p8kQUcfOdJlNEETd0ulwR8Xv5IiGx0EnY9VaEiU5iY7ciTHQS&#10;wLgVYaKTXeatCNN3shW4FWH6TtZrtyJM38mkeivC9J14vlsRpu8EnrciTK5ouHFFIfHQeeOKBpcr&#10;Gm5cUUhMK27odLmi4cYVhcS04oZOlysablxRSEwrbuh0uaLhxhWFxLTihk6XKxpuXFFIPCtuXNHg&#10;ckXDjSsKiWnFDZ0uVzTcuKKQmFbc0OlyRcONKwqJacUNnS5XNNy4opCYVtzQ6XJFw40rColnxY0r&#10;GlyuaLhxRSExrbih0+WKhhtXFBLTihs6Xa5ouHFFITGtuKHT5YqGG1cUEtOKGzpdrmi4cUUh8ay4&#10;cUWDyxUNN64oJKYVN3S6XNFw44pCYlpxQ6fLFQ03rigkphU3dLpc0XDjikJiWnFDp8sVDTeuKCSe&#10;FTeuaHC5ouHGFYXEtOKGTpcrGm5cUUhMK27odLmi4cYVhcS04oZOlysablxRSEwrbuh0uaLhxhWF&#10;xLPixhUNLlc03LiikJhW3NDpckXDjSsKiWnFDZ0uVzTcuKKQmFbc0OlyRcONKwqJacUNnS5XNNy4&#10;opB4Vty4osHlioYbVxQS04obOl2uaLhxRSHprPjTT3/++Z+//tvvf/zrv/z053/88vMfP/ztx29/&#10;+/bDHz9+++PbD//48ds/vv3wlx+//SV0fvrz33/646/nb+P//vB/fvw2rjPvovHR/hr/fxgX4qnx&#10;0//52//+5b/+9lD644d//vhtmCcOcT8bxI+4MLaFpV6//NuvWWPkjehndHBcyZ64wu/td+2/fz9r&#10;GHmJ5xkKjN/PV5J0+93Pf/vt918eDXnVeeou8ziexPG4THBC7Vu9fvnz//rLf/z8X375f8nGBRvP&#10;REf05vV5lw899TRpGdblzKLhz1yz+yj29WeyKk+PPmLv9ApDpLre1jxzHdyJdHRH/nd+o7MzeJj5&#10;zH3kz0uwXM9PeP4ZjXONwZ95L+QKzxVqTrpviiYP7unRKJo2PQB3tTlwcAby+bPZZrr73Nt2uq+i&#10;16UF7N719ryzAW0InFYMbyOh0OaDD3npvvnOy3I1aprW53rvMuxTdOUv+x18rvM6nRGOcRn5tC3A&#10;/cJnQ/kJvXWe2gWAaLD2axrtd+2/1++X4UyKjN+Pl/Nvv/vcOi7hipdGglgBVHRsi3u/jMsNfVbJ&#10;lUs4jKYGBhOCuQJmOInAEePPVzxbl3IZwnASdPx1m18LqS+/5QHcz3A/qtydnUYGJ8uXa1jd/8oA&#10;fxnVdMOJfl0t74ydERH6dz1P6V3t4Y6NM44GdBf+l4YrfnA7czmeY6o5z6/rjdT4+cwzRRcX9IB9&#10;qxjmY42DHM+PB7DzV4DVwLDrz586igaSE0wktrbMKOrE77VJp/2u/bf9fiY5ufcZrX3td7mdl9ba&#10;ToRTCxPEY5p/tWyZ1qvHZ3pc+pRvebJoYWN3JeGX3xKKhJqbveEBpWhe/j3jTuMS8JQu51Wck/bi&#10;z3iiNtnkVra2n60dBg4pNxe0jq+nONrv2n/b70dqaTYCrmvCbb/LtTUtfPdJ1Y7LOp8hu6tP2Ya2&#10;V8f4M32aW8aqs2Xc82dm+fYdc135X61mHu6+at7oUymaTru8xTacr7m+DGM6vLqc7n/t777+msPB&#10;eGuOiKdynxPDVTT92FZz47Ity3Ov0/2Zdp7LlNefSz6BQDlFt2/0pugJay7DmN2Sh2Sx9bD1OXRx&#10;L69dw9dtHqMLr6Kb7qtRB3++DGMA548xDXRD8wpbM+zW5oa08wtPA/NWQ3Cv1X7X/tt+P+I4rp6l&#10;p9pmov3uLY6mGBpP8pDPdQPKNGHGc5PBn3F3j3nxavhEl19fZMUrvB+b72tmYXQGN0F/030VPW/t&#10;ZGT8mQVF8vHTciUqd3++9en7mpelJRV0uq+al/0197wxDK9/zRAxapu3znW1Xm9fBx90aVW+ZkwD&#10;7zDTys21tVp4bucMkvK5WKdmHz8huiZkHlSRKWBiVJzJWSy0aeYDxsU+pU3XzLev53HqV58yPi6g&#10;4Hyecdvuz9N6rSNY6bySGr4emzSyvX/FVokdRp5dJpzstXbnRqQnI/2qmUXVtTRilnoxrIWaafF5&#10;no+am+6r6B7Bb/7MDufqsevPxd4emYCbP8IfP0M5r5pZil3bmTd/Jk/qmlGvLqnVPMa3vWpm5siu&#10;bqS3gc3TybJK0z/HuuPSbt+qWPMY++BW9MMf93s0fCVr6fbnBqGrS1gOxLL3adiOt3Hm2tiKtprv&#10;4B1wAtfQ5k0PWTnh/NkztprboKu1GYqEBWfTZTGasY3guL7zfbgPdMn1MXqfk31H/tfpScg3W68v&#10;tcW+PblfspTbU18xL+jygwMg7S0yPCy/NTwJ68x9aP11rcSuD8lp4u1k8lkOPmb8HgbMGeOZwsef&#10;21rz1tvNi7bWctj6CmiwI7tyWtvv2n+fv2dp+Rr4sUdoEbP2s3ddyt1HLRuOTQtolJ0Ui6qGMXYR&#10;TwKjtfrg19fqO8ZBqzBXlP912sr+6Oqv+04Kx3VtJVhAPJe9V7VEZy+3HAu7+qDhkuOXnyCuk73y&#10;TmdcKyJQmpf8XBrf7udgh8zgqqNnxz1dkQdOaeTtG24vrul4OgFmhTycPt2Y5279fGcPAwfwz484&#10;M4FeGcWvrX1DyAm8mQ97HuUb2VVFxAU0A9f2u/bf8/fsN8YWOpmPKWbz7/9+Yy3TLAoX2BYrrdzc&#10;tlYLu4fmOGamJhn8RCbZBDy78e2fWbldf8b5XWlkX0+pM2cX2v6arowtTj+65whVnr5h5hZr2VDN&#10;fIDmLunNeFDh2Tu5lflf15fAY53LbXTn5x3bbSQMMxvTM5mKD/UInSbDcEVndj1/fkyRb2v+TkwV&#10;pJ95UuO8jSzLT9s/xc7CfQRt6U6UJgKYzzrbt23/PVsY4Zs2Q7LOm66rINrv3vbLwlKjRRGjlmcy&#10;x9UvbMi3M30cs5mOHruO159nIkDn9oKdQvfkdsbC5/2yTQMe7ARbgKNtaz7vl41wQts4xRyomG/t&#10;PfuFrUV7I35kTL0ezWi/+3zEb/jxtpKKsPEFuJdx7zoV3LbHPsaZHUYON4PDiCc+vNTMeuLJhLQu&#10;5eG0iD8//9qP6FxR/tezpbjV6ZoKCKYPae3GuzcRBzid4811/id88ned/W2iSPu8g9UTZj6Nihmo&#10;fcvcvvyvZ2tZGcVR4lOVqS0XjCdtnfwmwMjHvKLyzLevfJkM2/Svs9o+JHoLbh8rTWhG3RcBrKSu&#10;CEYs/eqek1sF9+YZ7wQHtx62e0kJg8SKpXer4eGvFSou9BnUvK2Z3nYyOLl2lDECZFHThYfv1bJI&#10;bL7+RX3UqiW80ciuN2spxvwV/Lq+3jWA2BBdu7aIKL2fJNrgP4cO3XsBIj5Mw2H72bvOYQUAA9NG&#10;FNNRQmCM7KvXYzGS/0rI/towc/3N5cRyRflfp60Eaq9VyOUhruYPPAJ6rQh0huX57iswaM6gG8O8&#10;+Y8IYj/zc1u1eP7jPMHGBNkmn+uvG7rNKEIFz/VgCQob0G7b6Jl1+XOxeBWMy2sYm/ll7mRieizK&#10;nx8IyqjLRUgD+10nx/q9fduZgFFeIm0MsYZP1lwRI+5WC5/OGrmi70w7RAbP7AHCPbSqbQe+P+0Q&#10;VsHFn80N2i3tJndc7bVsYyjjHTubebs2aJbntMOkb+xAeHg3tjOnqnYGa176sv2VT5+NGpkp2/qB&#10;3d5zW1QCBr6lPUc1zqxc8taGRUu7P3+cccR5B/IAVas2NtnvfUT+Xs/RtzGNth0I8Z1T9cJjAL2t&#10;Mu9//ey75oo+B8ZCZzXcBUV2xdG+D4yVFUeblSaGH9GM7tOvfO0W35hYqwwJGCu/bkHDKWbKtgoV&#10;m9OIenYV0aGp7dWD287Bohit1wjDAT7XVq0jV/7cvDi8y/o0uQQMVjksq07EMWM9TwFcBYOxy2Pc&#10;jer7Am9Crz3X3IXWAuXmeKeIrqTYbPoE905mDdxmg9h9MRLL1RIwabNBLDhyN+Iel9bJrOSjS7sv&#10;/ymcpLWfrt4j3aNFV9lRblfu3AuPbQI9Rw8K53m/kd0t88TZ0Paz9t/282VtHMk0006dlm8/P9qi&#10;bwoStX299rPPR9bI6ckgvx9ejDjceGWkf9YU8g4IrZx+D40I7zw/2lXbmzExcsKdfdJZD8M5D4qR&#10;+0f2FvklWsC+tP9grJD581lnzGdPkJWGxcgqI+J4jxZOEYRLRQ9ETq7466vz2rAhvhps5qnNHuWV&#10;45hamZHz/IoDKwd81anLDJCHBrEGTgKfA/bl1V41Ey277GYFDZ6rgwPE8Cpba3Pw0GlQ8mcWiM0w&#10;2JHnrPeqmYhPc2CANQjyes1EOlps7TWkr6LBTkx2z4/BQlLITF70Y+Jsf37EYss1EyMbmuucqOUZ&#10;Q3rVTEz16m3ulM0z48AzuWD0WfPMdU90T71m1urN6plv+vxSr5pxp9cK5ObxQd9ELshZM9i+Rm/G&#10;VP7XiTDCFgSxT11GSV6uwbRS9NmdMCdxHwmNehnGyGhekoDG/owblkbVACyuZI2Z/WBenw643Cva&#10;Pd/WZJC4HH1phjFHPsOotZqJxlzzNj0bC9K+UXjjtZEHETjL0+BAg68kmpmtwOuyia/H88bkdn1I&#10;djZ5zhlYA73ih2zv83KDbQ92t+/sLTVJHolF7vmdych4jsjrQ0aqw/Uhr+Xk68+EF6/AZkyNDxgU&#10;e5szuNcCmQYOaZUER7Re8YYI+YiLW1kkX22O1A5jVLESam9NEoJjqZ2/M/UGP/hcfjOjCgxW9uUY&#10;c/6Zj2V4T9zltSuedxZ/edisxP3bVPYmmItTY/d91hz7VKO3g55ufpvwtISyOGzAg6NnmxnN5zXz&#10;13eOHM5LO+40MXqboEVsFh79RQ6gUBdEZCObq/058tTSoCOye3lA1hCfBR/e+rDY3V5W37gasgX6&#10;P/MhMwAhcl4pruD8Wlnlutra5PSbM1m650mjyLR7XXzTftf+e/1+Wa685SszjxHUftf+237PWuc8&#10;3IBvJzDTvkT7Xfvv9Xuita17+/5rv8utaVqEIxovEFFwGQIQftdu/c0njQhk24NioIWWSKlpK4R3&#10;QISIblurNzCG7GinU4lMeyOEDcV0xQjuTMrKh73c1Zuhywhpdr9i0DVPuLIkvyYWUjNkCKwscM/r&#10;CoIxiLhPPy2tvAB/7Z9NTwg9MF0szN3JkhB45QQCa3XR20iT277Q9f7sQduHJOZ5xikuh8N+Acd8&#10;uro301KkK7eowOczXsP4iWqoh7VtCmFTWUdER34+1ghKvWyM3XXzt63ct2OHGZWA6Wk6IQVZiG7E&#10;vq7p413LlnZGcORL83FPG3Nd+V+tfdBojNTnzPRmFQGO2qZhxivL0h06bm6e6BX+uSG4tb3VGVkU&#10;J0OMFjviL/p0J5bcbCTo99ytdd/gfct4D+vi1G7BJ6ZjspRal9+XjDvT6tUy9mnPYP6tZW9r5scv&#10;hvTNQpe9Z8vJIwCNQ05jc2cSaWkSJDlCXte/ZsCk7TpeAZtrhLDPvRw7++yTzHz9mRXlxY4SLH/6&#10;lGKbQcK1qsNDyPoIF3wl0RC9YouS28y3ajMO0SpWzfU289b0lb5zj5wNoPs6dACTHx+m94TsDGIt&#10;98D/hB8FZ8/xnb+sIJgNGwvsU4tP9FyTdYjU389Mo6fvYcLYn2Hf7ve5tnOcRFLZefZ3nNg75FAy&#10;G3o2jieCJ4b9s9Our8nnJQ/qtBFf6az8yINhiXHqcjYmb8kJYrCtaZ1GPCNP9cyJMWBPbYInn33N&#10;TyNabJSuAcTM9gLiZ2EgeIW1fQ/i4C+OoX2H9t9nzzIvxcvUj4/Oz3FH50dvP/tuiIqF7rnqHXFj&#10;VzjiM9sIanG+4+wONNgkSm2t1qdx+vs7DSa/j/cmWvow5b8e7W6/a/89y+f4BXGUs/Xv7PlO67nN&#10;5aXLnvty3Z+2nht5AMtZG3PTxbE1q9p/m3WsH9pOaiSae/Vv+1377/V71rYnVDlQMF93grTffd6a&#10;iey6FjgF0bGnfY79zxrDJo4DhWdbYkvd0iRaXe2/T9smjG9ZBESSBsO0OEp0JfcxCZycGh7j/3N2&#10;LkiWq7gWnVJn1a3f/Cf21kbaAmF80n7RNyLrtLEFQugvcTc3vSEjfxD1WM1nN63GlwBEf1bSQtds&#10;TjwJG5DrRg1FeWCNnfL4d9XmwHq3jEYe49ry28pYeM7nFYxzg2X8mOSKNhHCY9ypPpdYoxE0MDek&#10;2gyySouSsUqM+57P8xaLNXFRy119nbzR/mtibOtDFzQUj7vBKV6LwgoMqSkEG8o5EU2X7/sIa3rh&#10;W+Ddvz8cCcCw5T9hZSKNaHpNDImw8flbGu2rvD+AfPyn85rYIGzT7w6gHGa5ycRnlB3badZ4jv3A&#10;8kEu5JEgsopLtQ+/n9rPn6i7KbHxoEwmPM9fX2UeeXyvVlWxKjOr0gjFHJRbM44oZkJ0JqynRLBN&#10;bDBNvIE52w6oLxG94D/i7fFJZlwNuzzMf3N+7DHxoRiOlX4h6A7LL/GOcaF04EafCHvy9vKTxPf7&#10;ufwJC7R7CtDk3x0XdQKLhor1lR8msyHwYWyhUclREitRtkk7Ffg20SHi6Q8uYZgNX791rOLFVYbu&#10;+LCKTntsCHulSqtgQ7istZ6aVHuKy+PFauW5MIOCcnq9rsy6qXXAVztY9ETn4vzAIfR1ppwjkqFI&#10;6+0Yj6gqbT0Ebn3esFNUVb+uFo+HoxTgabkW7nskIxp9TnDEKkVp/TCrt2BWVdi2tyrZ8t5CjDcJ&#10;XJ3w8a5L8YpdRW2LuNuige/D5dmo4d/pbGy70mTj69SDl1zzV/03+dLdCjzsuFNCiqd0QAr76KfM&#10;vVdyyTFsd9DLnaLwGt0ll4Zp1h1NkMRvG6uKmPfDjwVdrn5VsVU4t6+v/woUkelbiuZPLJA4ST5n&#10;xBdK6cMUI/VkJR95SIyLn5T7v8iNRhBXgIFkHF0KsdClKuiMRnVW6FSLG/K3lRsCev+CaiGxvr7+&#10;K1eLamFWN1+t1cJg7YT5SZQoVOh6iqDyCZ5Pn4ElRcKWwGG1SKi5nguS0c19gt/uLQ4ua6rUPv7u&#10;SaOKVWVLeqI1rLYxduruccwEOSqcGI7NR6uV+8opy1jjuNnWvYU/+O4jJAtE03Yevz85OD4FcKTx&#10;9BnYUS+Xr6Kf9QRFgoKT0VzP7diVfJfTFNLmGVh5ET1jIug9woxflhyp/HBJDJMU6daovvkUJL8Q&#10;Y4p1l+D9wqpoaCTvW9npKVvRXZo8oVavOpeQ2IHuqQ16tFrMXjhcfpjdi+xar0dKmVerGrWvJm1w&#10;yPwxh5s2yzOwiGxTMiW8W4XWOikVdHcxJpekuRThklnH0hlE/5UK2V+dgljtAayWY3XtChafkZ1K&#10;04x6tNr/yHJytAOnzGZiUVVSFXoHvQk/kCs/sGiITT/e21XToyXOv+1kjgyc3PkrJUNRZp2oN8u1&#10;V01FsdxN8fzfD1WmBJVydIJcQJGH+W8Ov1uah522sGMLha6dk8+YbmesLOFHW4iD9BNtoJfYl3Kg&#10;K5zH5vhvCXY9YmUF1PEkVcZKBCI0O//UU3LpLd9oLUcw+DHlIEr/OgSAFgCPWDk+ikMFLJG+2V6m&#10;wN4ZgH037y1Igk1k7QdP+pLPsNjZNCFNIUFIesP2qt64FpLt438oqysIlVyQq5b6aXb4vjw74vz4&#10;wROtt7PDlLMSKeK41m92zOSapGIk7/36R+Vet3nJXMR/H6wM3otW1yQCj8no82PMrReSiHe56y34&#10;IDlmyo1fdx9PKdqaHyNnu+rKY+btx1BKFSP0VfZfXvNvdXQY+wLf59MbZHxRaU+zfySstrNP0iNv&#10;e80r3XRY/ZchQ/I1azh9TwpCn8KWStEAwYh4FvVWoX7M7KQncDZvTmjc8gwZN7fDwkrS64YxKhWG&#10;qT/NYeuKNZ7k/9D3EzJ+mpDfF5a20T8OP1Q6vyWiTBr2OP9N7PyAwmzO6rigy4eC4XH+W+OJdKec&#10;RdPMtLJFENxgAm7it3Am9IgTmKCrgB8jvPYtggNaV0ELU67eUyVI+XW49BIfiOMoWTBHI9cXujND&#10;gi67QwW6g/uY4pEEL1Rr9pbT4k8rp7y7hVG2SQobE+NAjEz3Rne4TWtiGGwRPLzs/hnbJLekwom6&#10;yacbj9+YABys+a54TPmA14zGDOafY1vGoN/lzfBeTmw3xkey2QaZcrEM+bN4xr6ADHnBvQOdqMmq&#10;olvRqaYm5mzQgIq42mPybb1mrCviLec134bnRGXwqISPjEWOBNam7DjuFQ5HZ9gTB4Aj9L0ii8EJ&#10;HApOEElo88Z36CYj+K2RJDfzbrwqTzK6p9MyhuzC6m0oYTNSs1XAWH0H2mNmU1wVe6gCRX2V/VdC&#10;xhFADlqSPoxvi0tgWCIAfTIoW9kmRsOXEo+42IKXPDsZBF5/lxzBncIJa4sCn2kIoGzw6Y5t8g5g&#10;GDmxf1+/b0zPjWMq0bkQqSxJ75HHnXH0m3rNe/ZATZnbJyGGR4FHWwhx8JRacAAlIWudD3EkL1Oe&#10;JIzVzSeAyoZTx0jAF9EtOB5Dz+Z62Ax1Dvoq+y/TBeH59L3I6CQW2XeH/PFiieipEa8q5kJdvhs3&#10;MQw8+wR2WP2XIYOkTPnhLICvDfJyFog1/f4a6CzIwGLZefYhmzdrRrCLw8qw4oDjXdo+vZ5/bIJg&#10;iRPyHdfpq/yk81LCYJwrUFnnePIt06lxRWej9Ct8kTE0e295nP/O8XVeVRsXcnDRGPbxIDDtU4VO&#10;Z8zH4z6t5g917Ul9v4mUwKGC7u9Xg7cp9R/FlMmWzjcK2ol3SkLmnSzKs1SuQTt+pOuk71vlEun7&#10;rl0jwGedBJ6P8T7evpxOzyDxiKdr4p0YZfDrezxqfOpcsApUrEHTy/hOIwUFhcj0eCV19h6FOFlg&#10;HbK5MvhrxmSWE3xZ2RkyBzhjGNKzL2oJItxHlDz9VIgmZGyX0nmwL0JoPIQMclJnxvjg0/30/0Q5&#10;MFFRe6tg/rrZ+EUdk0No8LYpqK+y/zK2Of2mdWUubRyPlDFEzsA2JZX03egTI/upyoDIcQN/Sbsd&#10;Vv+VkFUH6Djw/4gzb5KQJVfzS/CBrGtrhqqruAQ59SadnMFY1hWwJvTSZTD+DG3e8DThAtlip/A7&#10;BKPj14Syb7C9nR3J0vJn0qYjlJnlLFzG0+Uv3V1kAKDrJGY9zn8Tm8pYrDUhfCqq43H+6/EEwpOY&#10;8cWhiQ30LvM57hnBX8tW9HKypjrmcJeyaYE5dOFUQeuE0A1Vem268HC6n6llmyn3Xv/FYZ1vScZ+&#10;xgS5UNLIYjzppJc8sv378ng7CPlbFP3d9/GzeRU4xkrW+rtnzKEk2Ts8SyInaqiI4+jFpDEeYIDL&#10;CacCUR318jGKSVFPh9V/xU7DEeRC8LsE7bZPrwmL+I97nguGIZ7BnJhqLmG9Ic86LK/dMH/Nw4s1&#10;rcKPeMvj/NfjIUb7v7EJsgJ/ocbLePxTmd6Aajk1LY/zX3+fQ2yfARb1zA/0uL4av0URgveMyGLq&#10;+d4z1DR0f6OGAFkPXSHxSBlOvKNVKUHrAeZoxgYBx26purNSMzxT/805/pW9EMowfjh8L09kLFoN&#10;DCWEKOU0pGwMmq+VIWIKXXRZ4L9GjZRs4fGNOdKmndyLJyuTMZN6HiqS0hQ/0wTaNTkiCWUtwzMG&#10;jnumaoCU/9H7oDnTIEXKpnPP0LvUyGI9Z4gk8sANkzKts150hkz3Tp+Ua18FziwTS3JQIkyPOEI9&#10;uJnrMdrbC8hogpWdeW28IDZdGZWjxLOjRDpnTYz2z2Ud9lX2X0l92LKy7AbbUlVJ96lSPESo0egk&#10;eTgCtJPMcACnpYadhn/yxZoxEKun9yjl7Ysii16tAsbEiG+i47Z9phAKn6wfI4wfUTBVu9UUEKbz&#10;r7RmU6T/+myu5cYS+fvZ3MdTYOfEP/QhXM6fTwg9CzibuQrCll/fnCj6PZTmAj8j7feb7+MvdyAV&#10;sTE1Ws/7SBN09atuOLByJXiuRwx2JcMhdqZyBYommrzBFrzRKD0Dc+q/v0uboVJYLpTP8kap9Ln/&#10;kB15hdv408pQgJHDqxRuNMdkOcO5HbjA1e1qWTg52hBPkuSP+wypM2S4Eq6gUA8uCQnk0ikc68do&#10;DxtkughUFht0VSnPHVb/FZhFNQSyZ41V03eTgDOQPTFIsEdMeaxOEDkxPBQvTjhxAD7td/Eh9yNM&#10;2SJxY29hpUOYjgiZ0n3Vjyth8Jk1RgcjeX4GtlG9tKnrRn5B4KZgZdtu2CamWSXg5HLSljppq+O3&#10;/0psc7lVdQ1RPmFEJ+eiiO+ZYRLBIOzeJwa/sQSakdVnayaGry40sWbU/C0MQfFUlQpRo0U5RIOM&#10;L6A6/eJB1o3Kcf76KvupZRwh9dhh0MwJNqY8zn8TO83Ohck8O7XNeJZ13E+tgoKpGqp458+GU3Lc&#10;3BsqgiSeY19Z/+X5rrEbIlU97YbQDoqV3ZwoOF068hjL3NhR/s4Z8o4jsvByH/G7Ykd8Yzdi/JS/&#10;ih2eXnR/97wyrP7yVxwCxGv4h0+GcVlkPGLAcb5QouWAOFLLGTICwv4dYrSZO1KfJoPDN7kiuzgu&#10;/eiq+4IpDs0Z1ec5ZDrjQ3PjhKDYEARscg1lE59tHCD8U8pqaSdk9fuj671pNqAMYDh8QsYGCwt4&#10;rllXa0X6OCnxRGA2yMiL1O+IazLzmzV/iCzh9iPSIN6AbwSd2ft169OkvZULZb5+EacIXN3ac1Ds&#10;N+M/eFwV3Mhke8oVFEzPPb2fHf4dUy9M5FuLHwcENlKun4kGb1xWc6RU2W4pOdEvqbhqdjfdp/lS&#10;HoKRTLM/Rj8Lkc7bNEMxzjus/iv5DukCam0T+yXi6ZSKl1KOunwsxbtRqkKA9r8ysckROizzh4TJ&#10;W7/IA8mPLrvgcf77cY7f45TqkVqZ51YnAVJTykxOAuutrwzadQWjKo+m1tdX9onWKMfBcBsAZEpV&#10;JOGe1vAiY0X6DdHRJ82Uk/ALMTfHx2Fe8LLjEVZrKUGZXdZ2LeP72oz99S3oMLw6E4/rY4IDmyZL&#10;sQmRy5wjntsX3qh20tWSbctIYTGo8vlpYkGbGgLvxz3ux4SN3pwK8n8cL1ZFdvhj5poxCBwSJjN/&#10;V3RJzOCOq4Cs3NvyXnT89l/GNh5jx0JBltTWVZ9ULpIFC/9Su9r+mJikiZo00fKldVg7XRAn8R4B&#10;IHnAt3RB5znLRxwlshbbVKRQeCoIue5KJAOBSKIfr1y/z7T/Mo6UCJPvopLoQscGGRvH7BBFdWtH&#10;hrEvb1HsDsJmlqB1WP2XIeMJd3AFhSJzeyZdYGh441XEvK+ZrA/n2FB0kf2zwHOH1X8Z8pL/QAiQ&#10;TeprxlpPqw7BTbi50wXWFmIz1wxjK6nUYfVfCRk3Q6VW4D1FmWmQOfGEKOLTnDjUqO0xZODHMNmY&#10;2GXNG0WS6lnRNT4qe50dXihyG09XGNyMuT6lNlr/9bjjytacEnpYSBdudLRuF/7Z7oUTR69YOMEK&#10;dJecY4fVf3k3sXqcO6T2W90XBonOPBpy1uR+ahNbsnBoTjbTmzus/suQcTxY3mNApl00KZiDacaH&#10;mN4NIBIhCRcFnpt212H1X4ZMNq0JBanw3xY9ZCZ4mvPT8qZ2zZQ6U/ri5+PHmgaH3xdBSN9jbRsd&#10;nWeKNUWkJlQD9O8d/St7B4WbyU+JJPek5NuwiFAsLhR/hkxE2nlh+L4g/b7xJBOZaaLn0bihP24C&#10;UfuTq+2w+i/vjpxiqS2h8V1StxaBCHWqYrVR5DJvVLtXWb5UJZYwxXGF36x/GsO4RBpBZ5TxBnmR&#10;lyir+AZerFmNCnLNv9XZYINMTNkoAfG/dv1iFTN4r5/Z3Mh0X1ULox6ZFSznA2fDRLWaqjLLmOMy&#10;/rybuKUyIqzKBPw1HWmca2hnEDjJhdlHbzIBvDZOb0aHxQ3yHKeoQy64H2VgSMt1u7j1o7KicBZu&#10;PcZwmc9cOxJCVBMb2Omr7L+SgtdULyJSWxECn555emrCHoporVmtoSybW55Qh9V/GfKS44fxtd31&#10;qACW+22piyXRgI6SJYOI8GtejPWMX+BjdfUmnS2w3fdP4z5JAldr8n3NSub3Y7SZG23xvGYSXKwC&#10;U3CpWEfb56V04pAJSn0OmlcQIB61GRfvsPovY5uIZGYjaEcRpB0yxGvt7x8CmgO+Toy+yZW1q6b3&#10;Xy94ZCt1kBNu+/TqycIhu8kFblsgkhRrVhQtJvZsnxf/HnEZ3u0KAR4Kwqzj04QOrhnpMyUInjUy&#10;6B6fKirxqq2fnLmbrk0ApQoNmVY2vK9TRW+KavNOqnX2knu2ZlwnVctEYgZE0jZSQXrHC2FnAO+P&#10;YWquG0M3y8uZHkJGnUtNRfn7JP1snybWEBvJYyBvjwkp5anisTtIPIRMw6jUzogr4G/tpwrlbJZD&#10;UX64bQb2YLX/epvnhNana7UkEiQ6wHdfM0El165z7ze+7+0xEwtOAjksfTr6CbY2nieZkA8JFgmT&#10;zmflbfQ4/63xCCvHHSqYAmY9rkPLt+SKT48kAWsaPvSV4dGvy7JmzWpR8Nou50PbmTNkPKyVXUQE&#10;Y8MpFoOU4IFyUhzSQTEhw50dZUGAzNqwDstr92qR9T4WOCbopKqNWnC0jyc5BsUmJoEdEjbQp/Eo&#10;pbnTlOKoXv7z9wmZFA44sBET/PB9XQKcdMgxm50wPO++eq9ajrNkgIdkMpzs1Z+HrAVEZaNezCnd&#10;ARE4AHs3NuoZMvqO+cy1pBaCIwLoY0W+5SYmxSBczsUs3twAyTLauyrCWwVdf+zq5KIu1YmmF0T4&#10;yMZB7EtfZf/lcwhvMg2Qx4H20yETJU9LjhNzyYmU/enIOCHIzKh8CLlxKVXOdMiNAcKZNy6FmlJ1&#10;1WxLyO+HkHG2piOc1cPhNmxz6kxC9DbhtPaJgaPUWdgX9nnM+yFk5b4mbSN/2ar+aTR0l+3h98n+&#10;0HOf8b9CGcHX0U0jsvAQMlF1n91DWu0o3kvaprJn9/y0gkGYW1gCzyArKuwkBcwTTN22Zl2saGFF&#10;yicmeH9M7lh6/tF3uPhoPH4IGeq0cCfrdOuwCUeqMjlYhssDCtsU/3IqB7bhRxS6jL16CJmgLhSp&#10;nSK4TNH6tij8bHZKEFtMRl2Qpb7necbLBuQXFEbASTf9BuRDqQruVpvJpCvsEVo8LOQ9xNstc7/z&#10;jv4rOcl/YNtxL3z5MlZWHoafgRyH/LT8tv24Q+sqjRvzngHcZ9gWBp3LjmK6NYnqNhsHdjvPpOc6&#10;3wTmSTLPi32mX4jyjGPWSJttn6HXKoYicW3rSIEZi32de0UGTXL9h2vGpLYvgfplZTU1bEOAJl75&#10;M4JJTQpDSnozCOmg5enth5BXrwBRoO3AStMxheHtTGW9INMyhnzJwBieORUZPIbMJlcw4OC9Xgsa&#10;VbyzMRp8e1BoQKY/qVj8c8iLvxMht5cJ4wZy5QDeel0Q2zajxZBIy+Z8Poe8ej3x5W0aL/teTka6&#10;wMJLO2ROhusGR+TzDWTOhR2U9Ii/uEbZAR9YZeluBNhihb+Jm5332Zpg8hDcwkoxGueJ0zTziTzO&#10;f2v8EgVlXy4a75FTgTNbEbg/MZX62WmPdX1J51TtsfJ5b3D6Ia+CbCPnIZDJkt4tTt99NJlCrv8i&#10;711c5ruMUvybjM8kg0fjNaPkY2NGex7lh9g4FxArdjb2jHMw/XxzNcddINrnQh9UUAR7l5FrOoKi&#10;cxsHW5MZpBzenKmdXnSlk/FIBvOzGg7dzZ1ZmNAL9+v2mfbHePJb1rw0xMrKmJHvC6/dZ7rkLNAb&#10;gA1NnuFx/uuTsI4nA+USNdvGN/xVPJ5ZedzNnunA5PlU/kAPHbSPVlJC8f6+pbqs58gHPYNcGfTl&#10;qgPoRE7XDRMfaBOFBCmbtEkAqfK9J21u0H5hGWS7IbqSkTltbcDj/Nd4V7ppUT8cyFLF4/y3xqNX&#10;pp6DQ1enLmSBx/lvjSeUmRQLwjN+tezTZfyMwBC8mZLd4477KqdvzYqQ69fGEZfHh7OIkv3XusiH&#10;s3gDec4XHxj7JXwUyeBBKPSiUe+e/lX8UZR2Z/l67cYptXvFBVD98eR+swec4Nwz3L6zbaq/e7My&#10;ZK95sDhUPysQ2vIYIbQtHPZobQWqz5TfC9c4QyZI4UQvemokL5g4VfwvJwaJUwbcUX53ZjqsD6cO&#10;w9S9c+GV1Jb7DM1T17+V+0Kuty1r3sPv0GN43z6mS0Xypvn2M4zhW5vvwqQ31bFBpvbrqx+P9rgQ&#10;+hTysmaykzbXd5sYWlZvt4YLYJl3ndunkMktSc41qbqoZP20ali3nDou0dLVbKGpwTzexGpX+iCb&#10;mxh0I0CiDPbJ473mZOxkgAxKC0LpKpUp12mq/zKFYQH4ZByUVpJ87FQiacDJXhMlIuZcM8YG3oPk&#10;Gx1W/1WQMeWTOsm8IEDZ14wbpB7DyTafPFhwNACXPLq4T1SH1X8ZMia/nQ2HXA0q8uAvsZEzZXeu&#10;meqASkZizW/yEFSE6zSQQ+oLsVXSigMyF7ZRUNhRgnfCngwSfclNeo5tNrlycAnC5C2ptag1X5R8&#10;KKi3QcYKcc028Tel9LyA3N/FIts+DddPEsJ3IGOniTvcAE6QmFlMz84zIk3pceNEEqmDlfRP4zCo&#10;jVSPv82qwT9oMmAriE69WPOie84cpgXbM3lXgCM0vTye+jEtQSSaQhp3arasNVWTnmfuxW6nXQym&#10;PM5/78abmjyuQ6u3mJsPB0Jt13eXwzFTpmtl7Wi95RcE8Zx+KIfD1qKNZEe3S6TiB1tvYyfkdtkX&#10;R5lwNhJ/Rkfsj65XD85OZHtrS4flWkyQChKW1ciMKGB1dYFNcw3YcTfP2CZ31ToPlbR7/RUs5Led&#10;VieJJOPTtolURe9wh9V/eZ9l9FqalUU+N5KPWeRQBIa/sa95fQy2AyUPsb1A1vq2ZE9yWyZksLO5&#10;KqjCc6gCvRS9/Q22FzGLRKGJx7aoKYXZ070wbJX/pFfTSuvFPi+6A8m/mUe6YHtRH1FVtySyVXto&#10;2mXf2Xv9lBJgwt6DwFWrX56DqZ2aJwR1MN6pZYxXBckna0Gj8/gweuaw+Zsf5kXqdJpROCbUbyPg&#10;zHn1FebspAIFi6JEgj1bdxFj2Z5xPGt7jwfyYFNhppgxu209olpCUyq1FYvA8ZI9vrx/8CXl2Osh&#10;+iw5JW1CUvfiTUru5+1IfWXGVa5Q6aRhxEs8VgTIo/zXo/HwhAuRam/SVD/vFrPJclFGX3dr//Yy&#10;e9Lfdkroq/B8UOyCLR3Q8RGRy/6QqvtCz23brivc2hbg8E9FAJUAZt4erjSIm9Er7CvbsKIFhj35&#10;h9A9WsTH80HeeF6QxeipQ/ub9+eDdCi5P0RY8t9WDcg35wPXIlxzvEUddld7yEwmEpcPdY1cwwVJ&#10;tzDUeJMMsPHw2flQBml+lpPVU3tURIiE0GfVwGTDPwHS9KrDO+66QRpX5gCEeqIth2b5Hf5RpVMD&#10;ZbSaJXzcrYUG1/l4Bp0uPB8wHqs/LFDaSDAAyGDrOU9oSEko32DcsAMaETui4vEOqjzRuL6eD/QE&#10;50xjkOz5TMBifyc9bZCg10yvIUMA/WSDtI9mb0ONQidSFvk2r1N3N9kifke9KvSO+ap6syTrVK5t&#10;OA7nQxKQE3MEYllWQOv7038l/tR1J2FiJ0WUuz6LKphatkrDuvZBOpX3+QMvP8FUoWzGCLn0SDeF&#10;LeukY4o7ZSKytp5nxI3dbEUGS3HgDqX/SqpUOnqskzh12rFeJ+lbbmdA5riCM+uE8I7CCEWV44au&#10;F3wAVxJWrd7kikNFZNbPEqnOo05ImrhzfziCWeNNmF0wiWe8h/hjevcUeNi2DC8DfEyfVR8FFJQG&#10;FF3TVoOM73j3GVQZlP4wKh27uy5VFkVgUArBFibH61tNyTn/mfh8AduPFwdA8fJYidQ474qHHWlA&#10;cSTPQ9vcl8+NCraQSZFROnVbw3AvD4AEJkWiPL3M8gQWo9bpCQDYengSu3cYFUuOvV6BIo3tZCNP&#10;U+f0MczhSo/ZEjboWpiqUeIooPJQv9tcASDTIRPeyw6Sj9a5fBbBsrW4XZZCawxa2LR1TiRg92b8&#10;/ALTWxsHmqwZe7FxYWX5Hu94lP96dCXkKJGtnAweddw3XWQaJCbdo6tRWHn4hRLBUvTbejhmSZxk&#10;uKeCfFnPCSb3gU4ixCkWcbziU9im9vGgHKT2NJ/iycoJqynTjR3qJSdfJKCczYcUb1dH+qAxD/Pf&#10;HE7DA+pW4tzJBeyqew/zXw9H3Cepkc2eaSq3u0SedNmz8CdFXT5OBkmHdajJEBgkCfCb0ZzD2JXJ&#10;GZepHLeDwts8uzRpUsMQ5lP4xtpK6Ug6qBp5toeTvdfDZySgpILYRpIvM7OxYJKGah8J1hUh1QYU&#10;zT9FFRyMqjPjr6+t/zIdLK/WThXY9cPYbT0bk5wzpWInUWCGvgGLp8aCA7EcM55gwbAZNgdpEyur&#10;0FFTrOcs+au9in3ZWKD4uxOzVHi+yYn2VHdWJ9l1tPZfieRF1J1EzHK6Gdkz6BpneCeAAFVy7wR2&#10;EaXX1WKmp9ary7unoO3r24694p21q4tI97D+silwwfpVSyDXFuMtaOyqYcjhZ4AvVRfSp9N8PelE&#10;y2G8qlOLCvdSS4OUM6XkoPyRVpgRG/ixHJMrX0Eo5Fl7q40ujpmrkovbN8XpQT1GA0095K3W/VGZ&#10;l+sqNo20DvVCWNepVg358N5TdKIjYshSo0QpV6OFwrgP5o5MrHiTIOQb7kl8XjVigsma9lwmkJBa&#10;twT6liR6Y4X2lX2wYlEgsykn5qmCAiAROXNrxWp88Oo23ifTf+NMEhOSqaR1kfWuuEB83aP89zj6&#10;Wt96mxOH3YGCO+BwtknJ/2YVujQ+fR5yIKPAfJoXo1FV8usjAfrjaHJO0j+MpJPr8fNoTms0biE0&#10;oF4Wn0fTWCzXiQJb8tl47LseWCWB71cWAMOKt0pFEmwpJR5LU/MMQkaAt/hc7sclu/hNHjkeJd9O&#10;g6W+9XKkAMV1hEDYUlI5NjR1iglxpqOq45Hes9w4qAs7u7qNj5ss5visysua2oMvxvWDWBZqchR7&#10;0LHZfwVuUfD5bnwWFbInsZL7iRQeD2nrtZUPKNySxQUkZFIqfYTpfc3zoRtXgksoZvmNvkoxl1Ms&#10;MBFVZ9Mp67we5WfllGkp2NGEeynNXwW1u3oxbkCMkw4CSRY+rucIkzh2KmnEGlWJtJCgEi6S96mb&#10;VbgbTZ+YiG4jTyJLXoH0iFaW66jHNQptnTiGbBoeiBcwbJY4Gqia/XH6yvq+kTf45ox/w23ueTkK&#10;O5fGjrmp8rf45+TlfZbJH3AaZhyHt6g2WfHPTaruXUv1HsZof/ildnbCBfknSn05nZsNF2j3WfqM&#10;qZEMhz3zKP/Nuam4IFdE+n313fOo43qQpcYCTs/OBxAUNFCLKatne4t7K1sofa50FXqTGaQ0pNT4&#10;YdC0TW1owkJOkUmoU/7HhcD/o0VpOnBIs8lLuS807PUmVtSIIXzWZJfPKItH+W+Onjd9MrVnfU/G&#10;Te+JJtrchidgHrvRS3BsOy7Unl+18m8JlCd8jXecYoT5jiRPOvI6/DfWAyu3PBt5Z44ce9SJJthL&#10;rlyIU0uVb4+Sk8QImcVDCashgmuxo/VNPNTtxmdjzbBzhuL7sT8cfIjq83oQPhnt0X1/kaJ3eyLw&#10;GVhfYzQZfN98G2dVLo0e/eXR8XyPuCKQmZYShKtOMAu5KtKPfBzs7yq7lZ6TvJFr2VH8TvzgCHOR&#10;ASqBaUeE7GD309cNB1gv64QWGXBPb0eY5HukNMVlqG5c7bOjP1XQ+H4AYPy+/GScqCc0QQtRNQ8Y&#10;H3xwZlFJEpPiCojkwOSnfUOQySE/IJD00fcNEUSTqnyIa6whGP3WbVkH3zuv54RD4j1YdPFZOfOa&#10;91nJpUbwlRHTytp8T4VVXmGH0n8lP1MzmMQk3t5+yQD9mChdiQmN5gXrppIRbfenykbr7HQoxnFC&#10;oxzS0oQejpfTeS+NyQyQR3vMhciI0ppiEz+LY7W2RSLHa6NR1boEhTjVOkO7zCmVsrZQra4uItc+&#10;nxILeX4CIU9mm6+ieG+OQRi06oUHWPQwZtDAagODDBBNusYzVtoR238FegFL5aI/jJW1fRhKtQNv&#10;FN01sH9xnqX2DS7e5FniGlDoPpEsP3T/MIXUqdigVorhrau929e+vg+EQYjehZvo80wjsPUNXcBQ&#10;3bm83rKUwr0Kww00sj29iTA3OUDE8ZDdiVDDRcXos8/dURdS+5IxYfrmYPpUA0oyEbpf4guOrkrF&#10;QTFMKFSih1BpPJ8SiCWHGJkrVYFunKpazPLwiNm+tg87Q1AEtjQmzeEtI+abnVF7liyvw/MW57ym&#10;hIYM549Pon41BRo3srrfjYcYMAVvm+8h1I+LWZVk8SZOocbP5Wgl0ywemsBqQnQkcEEZbWlDG322&#10;L2r6k45Foqxw7/VUqB94MnT2ZeNLiBfX4fzFuWaKf7BOdatPWiB80hVRfNH4N4PGaHW9kSdtMN0m&#10;kOj8jYHdZ5BUT6hOqWUi3Sv9idAzTxStobNJit/Rh+NFTuF5mV2+UMqv3vHjmJDQHnHNW+2PSzKc&#10;fCUKKE+Fv3laDhzWF+hAbpuPQkX87r6l614aHeEs4v+LueHefYFCdbPzZ6W+9c9yCZ4/W3LR5Mmd&#10;XfRSCJgl/R6Rpxqzp2p6lYxq8+aQDPwDnXihXXQYWlYETI7hC12EWJXaqodYlGrePout6bDWRWbi&#10;WkbpijdhyUibEAJ9B/uvIE9VxTtRGYYSdehGH00SnHFOPZsaZyzrpJEEsZQBUwfnhj5PMOkISQg7&#10;3xRVtM+qwVmcQsLWW78TGjW4DJwo+8yS6lD6r1inmqEmo+f4bg1cVGPgZjoc8zDLjASl57hNCuwv&#10;qO8RDZFAKxes9pMbwqXaLuhTdYHvzIL/dRqifALdLN7EwHyBW+KOanonmOoyGULAS1H/LKvJbFln&#10;qzgdyjkDkh/Z2jg4fQsuvCqb/t/yG9UG2GpB/6oI6Sd+w7a5/YiaSfcsNMgV9T0WS/Z55zd4Se3f&#10;pEPeXZ8Dww4qIb6rsv2BPRKtwoF9ux6ifE4uho8+6yhFDamzzeQC6xkVFNc65XBEhpo/iewXDmjQ&#10;BL79ODXP6FDNDGNV9PjI+yZME4gYHCvxWV2817QyzP3qJAZNvuArMEhLWnUd7kUKxLNdTxr3o60H&#10;AwwolW6cGrj9i1x+6fSZkKJrXbaloHkn8ZHyQ455gwmVpXpJ06rkSI9wix5NvUHMVsTYtoxGelVD&#10;ypp6mR1u0rK9/vLm4A7PYEImlk1lIHk/kQ1unKg7ebsDlkiJL9NCV0z76BFMAqCqNNWuwPZxo6/o&#10;kyvdZpeSuBsNqX1o7gpZEVlk9gymtilIU32rOy9D87P5TYcsCofbhJih38QJUZ7eLhn6r+AAkoGe&#10;LeKn988mPc1xaSTYdpMcJqCv8ESXJotDE7qss/MbKhJVUTKwKlvDPm+P8t+cG0w5s9VR166+1z6a&#10;OBAEGQyD1j/VRdijPhguci9kpRkue1zmsZJvDBeGkqM2FkNyUuiepkpiUqhwsZeIga5J8FCBgfHm&#10;iG0dMXfaLUpnlMEeb+L4aYSHNUKL43xId+D9IWI1JoTn44WE5bNI68ArxnzX0piQ/F8xIZT2dkwo&#10;41W7lHiI7jzUqQuFHNcJzuwp5UqEbSmKQHpCEF7T0pgOKXyJeJj/mSrPMGHTGdZWY/LW6ZnzqKTK&#10;sZTTwyP9dCgf6A+l0zGO4aN9Rn/ohtwQFlNCe2oMgfQ3VI+gBRUo9H0hIcJpRYRUXtTqUXv035fJ&#10;2tgtmkeQOV/vumlYsGglY7awzBvvYcdYcAG5Qa3YFOVOmLTLSFlPM6wujkACW5rnzKflGf1hjfv+&#10;XiR3Z/Dkq3NNXiJebnxtV03oZi/7yj7QAluKph+7ivY6dpU5f8OLKAL6nQHxoqCakq5Yy5YbV1rA&#10;2lNfcrFkbqcMlfIZjjCWKvBPLVPTBJTNaiegup11HIE+BgyYqIAvpBVeAXKVckfhRR0md1Bi3XUS&#10;KySoUXvyIsK0b+q5/od/KrM+aQHfL6+A40GTMSFst97NAx7Cm0Hz5Vd8htvhJ4k3MZb62eboKnKu&#10;HcP27UoWblwWF89eOSvV4TuFJ9NGeK1EjXZRSfRsZt9qtdJ3Cl9pLY9WSXNFN6dEoUL7WGEiysv+&#10;l8+hbfUfNaOMnX6p160qKkTbfSvDORBYP+iSamIZqP0a19gll95O9sHdSO2OnDhD67nqr3ifk4ER&#10;81B13sJNKIFzBFKdJW90rD6D4JqUfMhZNWDSE7ALgNWVAXF19kZ/PWWK6E2yVJjc43VS0KqA53iT&#10;OGSnIVqauEjq4Ofg3GYsghxBdKLnMPH+2HNw9XMMfhETomK0aye0BlPB7pgtHP3F3c8kK6gd9HiT&#10;/exCB7NYFyDq4dXgpR2Q82jRW+46A1hjjZ1UILCMfjwcxo1H+W+OJpSU/q2flAdfKvIuownfx2Th&#10;M0VfHnWiLC4RIYdgvEO1yKbyoY7J06nV08Nl84hijJsF60C/2GU1XCi2z5uNU8CBpSEKJirupaMS&#10;fCUfwtZeWNcoE+oNOz4LTXZZg/9P7R7jIZ/tEyL+jPE2HhLjLax2bPZfsXso8IrQjzexjnpdC7fF&#10;OrDDSdt7ApEOZCQQgHyhX8EDsfsCJiK1c4ql7PcPYaXu1sAVoPQZzRYXZl5DfOH8pqVYofITUo/+&#10;A2Yqfd+j/LdGu25wlksDwaNOOKStjT32uKaFsYWhwtlcTngonid5Jvm0at0DE5f1HGESPkmeieWw&#10;64ukFjjwQ5hq04XARh4YCkzvsj683sQKWjZfEd4JFeUJXLCyjUY1hGmM0WgjYdcso4/rQdwbAnTY&#10;HcRoxq6dBLu/NoVofQhWXth8y5twh+49pkjAKftoP1sYBmenL/nWrfOVp9NX1n8lJpd6TbIBvtox&#10;xgHk2gS0I5VGrYREalAaX4QfMiTyjFZmLcU/PPqBoammVu0GXoNs0DsfVjWIahWDkB7BVIfPYCsk&#10;bivOs6wEtSL14kMFBg61tCIhs1dFqXjFHMDGh7T5+4lF2l2F0o46tU6IrATrk7DzLDt6tEycdg4Z&#10;qQlnRy2B5GRWBI7xzLW9xqmSu4mmRkHhc+ek4nNxFvVVlVQsuF2WAv62olY1B8w3dc93EN9lnf0w&#10;4zNLPkOY2n4l3vEo/w3y5ixwjHTyoTPm5lV51OlILHWknO1svGAKXOpI8RqqVnJZLA5BWGZA0zUc&#10;50Qow44ZyiGY8Ur1Q8dK5YO369ExDzIGm7gGP6c6aj4ZI2S0aKp/+7T6eVCUfcmWrQtcyp4PJYeq&#10;uoqlEC3NJoaX3TzBhG5+Z3a9LsoOdcEYh6bwuAys6u7ibq/glNXZEcohIIpFcoUdSse4XLWZ4wWv&#10;/O4a5sF3A4mM/hPUvexPh5RMlSAKobYhcP6gGHTfE5w9o4scs8x0r8UuDwmvVcCsQ+m/DHN+lvhu&#10;d9fjqKgJ8Q88DwvVwtl9w/gHAXyE+VmuT40Ab/1WO4mxm8b2B0Vj2zddWZSNk8he+f2Z9tXoLc2A&#10;54oTUiz3jSs6aGHf0AQrS9+K/Bzhy619UzpYHEz8D9mN/BHtK38tvbXSL7uyNjTTID6FAjfNdBiK&#10;g8q45ya7xzyDSc5GJv8Qe9vvBcAmzPQK2iJuIVb5PlJuYc6qjD84SqeO/ivokzi6b+lV8/su8MjC&#10;ccaMKo4364Y4dZrGBJMykP9sneQ6pt4Jf2HC636yMrfVxWvLBVntIYLDtTeEzcIx8wgm2HM69tX+&#10;W7Pblare8j3IHFP/ZnENHFciiqe4xW1pbYKKogyzmzTx+v3I7BSmpvSf5eyvAXqZ42eJddpPSg2c&#10;+TOs/LYUfM7uCqbr5Lr2rLTTdB4rGTwo4RFusU2cH6W61I4+3C02SE/5HlRUxvkcp+b5Otc0EszE&#10;zhNAtZPWaOuw+3twkWfqmdxIEaV5tk7MynQwQPCbdwoPLLVbg0xY7+bXUvpR4vatuwxZb9VCkdZG&#10;JhwV5GzAvPrviCpnizFksVyWT+mWJHWnLxLUU2x8IU1QDQ8PmFc/JfpF8oS37k/MhtQY8E0rlLjC&#10;XKLlF3+sIlyZ3DOD04/2U443J4iJg7azgkbpLJyr35kEG47SQAKwI33nEch/fwl45It4fRpEeAvJ&#10;ErGdh0RMpWDHQ7nsn+8mGimGacAcEnLFLJojbSiCuymGsE2IeHAKXoUm3sCEJ5jFE1TbPguBJWXC&#10;aDq7wHrAaxYsgRBMiPNHqJXxZIK/Rna4ZciJecQC+larvMWpGm9DTZTepj8CHg4ZLlRL0xR4YWwZ&#10;DTt7ay5sM6y+jNtiBFlr6jx907SQhu5AgdmPGhUn2qM+BO8YbZFr+fVN4A7lXpnLQ4XfNGWqmVT9&#10;pEeEd/vewjgUo9EzpTjlDPuq+q/Uk1Xr7ZQ46LshkiQ4V5KJJvqzf0wmALKvXlwH0X8lQBr2uyCD&#10;iTZ+Q/IAwjFXyM712agJxVfax0R234AkdJsCRIjbPkugFFVoYI4jsz1EC8mTSM7UG/sDCnSKbL1p&#10;HUTBLQnAsZOSUQ2zvwjOTnF3k4Z4Ri3meQb7aA/Q1UbdiWl9CsENItcjo1SQ9LGIfMaEnp3+Ja8A&#10;g6DrsTrf0pi1zlEK1WHiEkhPJyp2aBIPYR7eLNxiJ9ZnyRTpuCXTwElT5ES+0O9YyvwsNNTpdvns&#10;Ndq+Jlc48+LhOpecDaRWJ80120N1fA23LelAd60Hx+pU03/5eBKK95Zd1omFUIV00sk7TBI60nR7&#10;iVsqUNQab5CJKaH2E8cckjQeYmhuMKGwNJyLwJ7hVnWfpj5YTd9P0hjq2KNUbrhdGAasb7z5ECYa&#10;QZrF1yOIBaEyscGHlPbZcYt8TtZfJ/shTFxdGbUiILQJfRyOhCIGzCtjJLMBP1Q8lCJ7pCHLQEsT&#10;EpxX5Tff8agjxeGosWEwFOa2cGQhum2fRJEGEsJ6Ur35DCusjHKIu8+SpVbFBLnwgonP29fo3sP0&#10;ehMrREWpBwxoVBQOEmaeHuW/Hk3kaKeSZfQRh8wJM3JAGBnODYfqEJZiARbdr1dAPyNaErv8kgvj&#10;71Wz0HFqL5xChYbp7r+mGBHzcp7yvd63YYXidLVtFTQC4N8Utes+eGtRjK6EIn/ziMP/foDFYDRK&#10;TWi9W6RGqjppgIfzbbmAqLjpC7tfzxkm25H866oeoz/Y7r3mnHHO1DNkTGjx+3co/ZfP6DzXuEE3&#10;zyjlBrgSxmevKXt4oqqfCUh4w/k4b4mha8oeMWPdYaulnB4Wz6QoNdSzZ2ec9EzXwhId/9qYOOGV&#10;5CtlYtUZp6kXWfAxIVcgPoQ5ZeDVrOM6cAoRxmevBiH52moxLCRInzaP6DvYf+V+EnvFZIg3OYd9&#10;nTiIHOlTbtimDWFQpJODHocVDepQfGYMDe3UYQ00cs/To/zXo1lyzk0uvAqjeZj/5nAG009iLEVR&#10;8xC8C++7Dkfd8nDyfjZxsw//gktG4BuUUYG3De/r9pRwVdjoYk7xUlEK2VBcQBUzUEpwr0clK62y&#10;25Vr4mBWB7TPkh5Sv/OT3APxLQ7UNywlGYI+bKYFZR2WF0WOp+U+bDok0lwU2fJpEhIckgW4mgpc&#10;PkFjoVgyymBYGc9OB1y1BCvej809QbdwEuPiw+rv0DUgQrmw9HzKOl8wHzxVNFLMV1nt9mFYk9cj&#10;s7KvltxGIoXxLu7/0MGfrVZZJ94Z/C09vqzKOHrCxoexRDbPCCzavYeY3qtsAszOeZETZTXbevAT&#10;pCefGhrx5HVv6abD9sakZJf6dHci6r+SpHTdtI8uJ2ZTNNl4exKIyIvbN7DqN5eaZjk+HyL5rxzY&#10;MeOLnxafL6G8/PDFOSwLWdkWYrkEAbO68xlYerPbc8Wl9Vu0RJ0F3FFI1xxj2qyrRYi5RxEaB4Fo&#10;PX0IlsCGayY5Ir1mklwh0opi96hf3LIbuTUd4y0oGc+2shtOYDdmJDfbfAmqzJc8zH+DCBBbZDwH&#10;Q6aXzozBediJchBQ+NNdSUGH2cZD4YB4FWLaNCqienDF5foUzx4S/4mVorf+5ysnCchgA31eFsVd&#10;ruXTHRnJmtiyj+tSUqhzSFQT1hVv9gA5H+omH1XeQ1/ZuNUgCBslLbnWIzJRZpSdy2jNP6Ht7dMK&#10;2ManOTxbuRpvD/1Dx4LMLtzzlpN99/qvJAAcS87oJFOARW2QodDMf+fUIDm3NaufaaIE9neXamys&#10;GybWlaMxVLqlLb/szsfxCDCLEo/z3/o+yVUpkKVzh2Xw6fvo416FGkbZ++LvHjHHcXUFphKOsr+N&#10;ZTIcE2M3ORl55yn/lsf4Z01MyJpgOc+oBZlMM/ukNBFikwk/oEOleQxyGHS6PyYlK4kJQ/IdZKpU&#10;zJ7xjCmbfmGUxPJGr4OE/GPTF0iEJwRUE6O04szRztgmGcxhL1iWiu8a5OXx6D7W5JVS8LUBcUJg&#10;4De89AbynPW8MGtu5HKhm2Ln3c0PZPwRSQa0KZm022H1X0nHeDCFwpg1p6trBmAb9dWfhnd19zGP&#10;0fb9NokEL/xevAvxGl+CsqFzIQNF9XrKHG9zMnKf4RkZ577Qtk9XrZZEnpyvWqTGDi+n9gZHozHH&#10;wJEue9tSTGCMzmbHxTByKBvZ4FEGq/G2MknPFLnPVCleacWg7pMrJlpcZnodX5eAqjPsxY65jFfp&#10;tWfFVRk7P9rHw5YLc+qu/g1/7Psjb942/xtMz7OvWGiPPG8kA5fYuE6jRojrLPdvIK+E7mv65glc&#10;jwm2WFeRtxMIYb6B3A43kLdzsHId2E43VDauA2TvY19l/+XTgLmXXj5l8Cnk3wgXJas0ApkAG7bx&#10;fkEFye8oHvQOd1j9lyGv75LO1yMnaInLp6UR7JCHRZY86yW2dYDNNw78bn1MTlW4syYZrChBaQlj&#10;9cJ1zmvW5ZfGFz7FHrRgI5fNQHruTGZ9WznB/999Vr7rts8LZK2vWyZMbDQZSO437lsJTtRX2X95&#10;nxeZSCPNLcmJT0+Bi/tXF1Q0AlxOBvmXyt5/AXnKRIq9MTS3T+N3SjKgSkt5lg3yIvaIeNBA6gXk&#10;hQtxW9CW690EF67TvxeJOoWJ0sfe6WzgMKUbCXZbXAedbXiCxkYS6NoiWCiTKFYpp8g0lBnyHNuL&#10;IqpGvD1yxqdZVH2aBLvx6TpVtCBxzyQC0iRPvthnem6ofGQsim3ORrDz00ofTpT8hgBDKVseo0Xk&#10;mcQpIt/54zUTjoFwErIS65oHaVQ6ZTKKKvOkoK0UNi6wNmR1Zn3BPakcqpQP1WFu7BET0iGL5W7s&#10;ueb2GPy9WrOylGPNf9TzuB8bjhFpDfmYlK1NPhMJdok00WRiCm/WTNDDujkychfAq92MFk5RcMc2&#10;z13WMfxQbyCr13ruM2HHnW/D01WsNQgQNW1XWThntHHPx+rXaL2p88v+K7mnMlGtOZ4+TaMnuEdA&#10;PkwMkz0jhkrFwl3xgra/wzbGrMngsBmLl+L9Po+oTCyKmy33jVTuljeDCoqd9LGEbPHSpXb6mjp+&#10;+y9jG75t+Yy9sdW0kGY0Yv5jYnIvbtqQenjajsI9nJckXTSDTasmd0kmVXyUfKQQBvdaPuNJBvZ4&#10;+Kq9MP7ueWX4DmzEkTCgcEdjRQr3pjcbGayLrfpj/DeGycrCe3NZ2RkyppFP7UDaBhmZZA3zhHJK&#10;Wy2RXu8muoPd++hpJPj0RWmzvWYYfy/h4eEyb1INXkQ1IZQFnciFXdjR4TO76tEhF7d8d4ZBOZjU&#10;ucPqbfaCXyDxlZAX1IQU7t2f2DqyALyRRKg23yIxABYdb8PxmMZzfgFbhwvmuySg74uie4zDGuon&#10;3Ns0IDL++FZtxTyUs/BYCtOg/Y9pmyVtKTJ8mjUnSmjrSYZ5IwMaRLhehU3hfZ+nTs39V/ILdc4x&#10;K+Kq7WyQU2IWpdMt7aBxuhr2U0UfDd/sTeMVWi2c1+xzbZhIhEIkO1xFrB53nik9AhNHOOMxMLep&#10;UHLoPo/EprZSXXgiSmiGCDgoWVX77PzDn11zqxrxrXEYVhxRuNgdlfjgz+67Qy+x5Dw6j+kJvED2&#10;2o0jnebwbPAWuQneU4/z3xyvuw4qF4pw44UHH3GqOF1KC3xTP7fWbz8oNapwDu0Qt1iQohvylemk&#10;wiBGm7gTxe8zJTiX90CyDUSrrbl5nP96ZQ0KKtPY90W6nFe2Th05GE0Ciq77wgl9d2Jq2IRvvokT&#10;cGmaLz1FHwbyOBMTMqIkfc6q+aITbaMWQgdutwdOuWlyENOFWs5rJqRhQiTrn4z4/mkokxhTbBe7&#10;FbcCzYnBOxyAw49JAZPevkDed4fc2sreQzv9LoKAPwv+lZMgab9sFX/Xf3P3iQ9hhOR4BHw1M/I4&#10;/63x4CA0VfJcOJrmSB53xBx+IdF+oAY2EvptoYZVORI7bjLf9DX4s+ym8baKgd9wfqKp6hwS7xLQ&#10;3RxjFMaQsJOPiaNsrsQvgsCptqPpkZrqs9FX6bUnjoimIk/yo4SsYznLidrHg/c0fFkeAVbTpMd1&#10;aIaiY547gccv5WHhlKp01UyMhY+Gnp1rKm/VMOkRRsHaE2pU1UNGPyEz+LJrIDxT//UcKRXPVmIa&#10;/49YWNC8x/mvx7dZcVAfURe2u5qN5VIVoG7nUg0/U33mKF0R1bCvWswjJs57QHFe+hX4NHVCnRfh&#10;aHCao+iQ1MU+MalxeVbh9dl278IRzpChmExIIgRCtVBLK4S1YTMkL0LK0LynQ0atzbg5QgiW77hB&#10;h7XvDtlF2ZOf3VQlXmLK4/zXu4kSa+nH+FmN5HEdWr6lVkbOYZUqtmnGNGOwKkcKBE14+mYTrnEn&#10;UR5DQZ5jh+UZGOYf0pYivYu3vFH3J5aF+fZ6JWmQ2b5hokMzlF8qUkk6VZfPnpCA98s3MsvfhFrS&#10;9ux/tDGxJECIZbn7M2ohx7Q0LBJOUzsrXkEMpDQsLE361HfI5N2Y09CV901TFCXHoALHmuEyW8Ue&#10;j5lYqo2UNWcO2pwY6VeZGUTVMwLXukzHb99NmDYwkzNi3Kc773Y3GU+eaKaeoErO2l1/13+9jyLR&#10;+j49Xk1jHtdn57fY7zQy1Ak9sTiXuiIKPrtFMikaxWRMPN5j4gayaqPyXRgRuIELGzLL59NeDu6F&#10;7pYl+Ue6fb6NxlQ8ucPqv2LNCEJMCr/LZQNdV1MvSb6Xn4b2I51iTkz9tf1YXnBXz3VY/ZchU02Q&#10;TgNK4imKb5wZXONFqU9jYG8oIcJR6VCqlT57xbzfhonxnN2R6JqFifRZ2ikI7HaZjFeG9AMuAn0S&#10;akipIW9Sj4jLW+C6jMjkas5XCAGb3ptN/viNLrWtjO7Ecn4MCQtwJMo20338TH0clXehdS0n8Lhn&#10;+PSdjcNbXDeyTR0Z6T3jLGxNCGQ+OeWdtwn1W3fosPqv3Dnym11V8IMOCXDAdkKUaG+ll9oPsLY9&#10;VjuzwA6e3LssgyNkJDetQvwuFdh9zUtiK+4m8qf3idETzpDxGr9JCKQ/uGuM5ebCVuqLgilkgo0g&#10;K/t8ZRpEJu1i5THTHG8/kkbcOc+skyv8Qp8PD38de9ru2aF33AzdhFQYAyfmvh2//VfuM9potT2Y&#10;OzUh42gzo/yFttbVOTgjb+fZwaF/56XfzoLiELVHKknyfD3Ofz1HZbmmNktKiFoHd535vDL8B1Zy&#10;6fKTOZpzZei9NsAIGKi1VdtN3XaRPIWYoLpQBcwOq//K+XLXnSKfgzeI6Ya/oSDTRUNx03gMj9sO&#10;tTRKi4CRWmoe2GFtOMJogwv5o7JfNhzt48l4mDunWWzjOzTvhGxvT11IawoZfni6Zl3IoRZOErT6&#10;hyRexM6e45Rg0M9iOEUD89MwOCvWJzrFQwn3C8hFxg/PJjwYn0HO2tQ3IWPGWFeYR2B5rCImv22M&#10;PYS8Hr7DmqEtm1rovtutGFSpycrxmhEOb7CN4992GI0yuQhMOzUXpSas3ueDcFBRg7GNb7nOd6ep&#10;/ssUNi9uO7J3XC11qHF5d52QtsJMrCAz8RcST61sCp0nwbKKtCtKJDsMWfLwBb/Aje8uqjjMTCMT&#10;29jMRdu4c3saMDOBPk1hErVnyNv5x/2PSZDUgWsO3a7z1H38ev6kwg6K+E5/wUuFpzqhiC1uwnpW&#10;KFFtAw8aU6+FI8gmj6J+6UYzO9IRJitegIQMfjfBhXfELUWBjFzbIINyW5bjphqvtsPqv8z9SV2p&#10;/aAsLpoEz0Wx1dkhTpAvj4maZ6aAUiEoRjvyyG13CBw5UMRb/O877o/WO6FACT4n/u5xZWSoSLcI&#10;Tsi/g9JqZbjXyoIgHQXu05jGUkEo5Ylc+OPKzpCJG9spqVL9Hnak0V21pODTyKjOrvA3KjqR8/bE&#10;nvFg9c0qBeiwKCz0YnWHxygZxf3r8TPIyzUmLAoFpJMojABrKRalGpgeG8SJQFwu18wcMHGeYxtL&#10;0PlQQNZtpG0jl2JZHjONbWKwIPt65+OHa54VvMdPIwS9GWhvWG59YpCBvZ7z8QWyaTzPK1USvndL&#10;MGlhn5jyOP/1eC6ptM9KDYLwxnTOeaRgShvJo8rtkjLakTaqypNRKh883I91tIiMl2967shlZWfI&#10;x3eXT3OBVTLKSSjfPH4KmZCYF0WnmNADlk/jZEktYjKE5TFBrdRf5qF+CBnqNw1SC4xS0AiF+2gR&#10;CTtDmJAR31mVq3AZWlbucMdv/5XUQdW78geT18i42iATW7RAvLJQInmzWwGNBt5Y7D/JVXFkgTzE&#10;fHcuCou9RNr1MU5OdwRgzRz6F9oi0tP5aRwHjmWnbdLwq5Hd6fFsSrG8fdnn/RQSo0AfSDwv8/U4&#10;/819UbejYtS6Ydn80OOOu7kKFuL7ali96sHoTb4ADVku6dgfo0VbarGt3Ln0nI5gofI/xPquqpFu&#10;nysyuypWawcixLKuIwoe1VfZfyWmCOmV81MifRMs5Leq3XRM7PBYVzBY1tbj73YTlYnEGX+UvfqG&#10;B4u7O1Y35mhfy+fdxEldOnphpU7I0lGAxGbIuHsE1OapYMIUgoNfVnbE6dIf56Ru0otc9QmB07+o&#10;Rt2zhGmryuN8jCy3dtdh9V+m+3lJGKfLdF9rVrJzLUqmRV/z0rXm09k8Ql61iNOxX9SE0+NF1CNi&#10;c2LPsL10smHWfneuGVNmYvvKrqCtEg7FzZ5BRso7qVVcFP29MQR6H04/3uExhkjxi3r8EDIuxPKP&#10;XNdMesn89JUMCJdOeUn23BsKW3WTA4+Ut6WcYagim59tSC2TvtygPsmdpvqvpO1VxyVTTLGkxp1X&#10;Fgq1beYKgtqXVeBpAGUveCS4nlJeN5p3yOS0OZOciAO+gC42uOHFBUJEYvDMvDjPSBQ1MBi8gDD1&#10;3giBqHcZSnijVTizooQsLfVOj7fRdr9erJkAn3NucUcgnPqacfxVKhANoVTZ1yAvdfq6lyGsmWe0&#10;3YJi6JGbTvV/nJ1bjyRHcqX/SoOPC1Cse1UTooCZkWZfBEFY7YP2sabZvEDNrkZXazgLYf/7fifC&#10;zcNOZJJxUitgmzWRFhbubm5ul2PmwF+mWqcWXZW9xpmdVCqOJjbyTXgccVY382p/p6z2qPYrTQLI&#10;ixNlTKdsSk8YCHvHlK2zDe7oovoMtS0hz7+sFKnqgXPcOAuYVI+RoNWZ3h53SABhsgvsSFZWFaSD&#10;M9/v7h3Qnaupwyj3V9S1zTZtisEHDWqU76jiyWabTJ16wi5jJp6ry6Xt1bTTrzGrqbefVWR6gJaM&#10;KQEtQGosX2dgc5jEg/Mtl7w5Z3BdVYRO7AHOPmYwaMIPrN8Npm0Vg2zMiFVVuTIC7rZdvnouJPnT&#10;qreiVd0ZmBgYiMGZ2RvxtZAzONwKXCtwumbKNs5CjYzFYCkEMOyLQcvNqYdUsbKaLCecyx5bNbaw&#10;XAjFOlPkldRfc92L9bv6d/s9EI/6PVxq79bv6t/6PbCMQkeQWh9JHb6qfnfuHAHHprkbXIhw7QWL&#10;rTgg8byR+IApPi2++twsq4+cXGJr43mDtChaPM1VH29rgL4qhDEV+8Np2R7z4bWCfJluYVhn00fp&#10;f9VMETEsrchn7HxzMIdMyfgwIqGKldrqgxqsRA8oZ52jMWfBtssR5RYw3UDVX002f3qLTM/TCtec&#10;Y75GpQ7EPDuRjPclnAEb1ULSTkiIROPMsTbVNZVlu11+RU6v8CZEh2XUxGMmnlZ9r/gP0GW+yxdl&#10;PwQQV2A0Zptj5hxh668SBoZCyMicMyd+eVb4p+rw2MdMLdoEwlAEqa587TEah8fF+S0InZwzKBkQ&#10;CXWO6EYXm22AMLx6SJhyWzvrDGCk0MTLrkI6x113J/rlnGyT9RKycNCiZnZxJ7WG28BQ5OltStDf&#10;UI/vRiBGfWLIWZG7otXNYLbOiDZIlPqwU/CP7PKKl5H6k35N15kcJK1UajpZSFdSa5JocMaAGiX+&#10;JWGUO5LtHt+9gSqyMXOrM0Ckdbbl5662xnw1NpBmeFlIudC72cZdmlE+xUh+A1d0dp3Na5m0kzNp&#10;GESwONert8c9yjepszFjcW2wiJmZaq+WSi3OJ3kt9amaj+WGXLCrVGZS67xFPjbOqkaqhTwNcYD1&#10;37Lo83E4ZjTJlss7CY9Qczav5VCzwZ0mYVNVWQ8RkFqMjDM9ZdAGNZ0nuTxl8kpVUMO7T/XBbuIt&#10;t8chZzTTTHTPr56zrU6bW5KxQkLbY0EcamdcGDECS7ztqlPfVhjEOvrPzLa6sdXpvj3Oxoz2w9qr&#10;2T7ZsPwPhD3r8Ylso0pocjYez8DkCeeyx1ZrhEMI27dees8V8Hv08P73CrbO35drD5f6Xf1b71fb&#10;rooyEEyb/lD9rv6t34PfKuN3Q/C095/VR5gy1fCPPL6SPHaYSu1OcZiguCktSBI9msbMTQzYycyd&#10;5yxXtGb9FLsAZGL6bKfANjJTW+hIGK5cHQFt0g0Aq3JHAbhnjkFLWKae6o8+H3Cl6Lieoozz044D&#10;fppixKp3peWouE0TaRuZ4aFCyTJplGK9IIxLcIUjZf1i7PJdLT15UFngq8XCUY6WbqbUE3CcsoZ0&#10;JK6+bbS6+BRTCeF07TrZoFbl5qxsUek+WjWcq+2IflIaPDUpVPFcyVY1T/ZwOFEmlmywPUETP2Hj&#10;VnriwggXwAQWsF6sBhA2jZi/o+MmIQBWz+xVIpd1SyDw4ctGi1qrM2ZDHtfmVCXzNsloOF9bdsH8&#10;5LlA2dqyOrVFTqHLRH0UihgitTfqOG/nkSpY0BoDitgiJVUtzXZY9H2TVbKyII1LFREO35mxCreV&#10;nXoprpiSDvkgQ2PsdQLhHxyFqTKWM84+DAGvXQQ0SFj4VJxRE1inNSiiXGvsoVZYVaF19RXhYKbE&#10;JIv4EOI2qVEq+UbCR8eLqEGdamfqkrYczAxEzw8j0npVIr9g8c6PeX+CYZZXTArkzSG+S3czT0RQ&#10;R0jWe8+eOwoMTUtWXpxtVo51Xloq/vRA5EieFQkbBDcSYPo5oAhH5OsM7PKix3VSZ5wVpcOjXCV4&#10;Yp7nchGV2EyZM48R74kImrDjkLNeN6eTybaDjT2JypuPNd1dc+qxYlPju+txyFmO27SflgH2bbkY&#10;6PNxvXpOCV+qOM1/i7MasExrlHyHa16A0sTA5phPH5OBn9loTU8eLaIbBXnA+dUnr8b8Vhv83xID&#10;UEXc6FqPL5MwMnXVIemcHcl9kiD196+es71c8vHf5jzvkoDzyUISrZv4K8ziMZ0bZ3tMrjM3JEmY&#10;Ebyuc+EUM68OzJsmOfkw8KuqwhqLcdlsW3Zdu9N3FeckZt94NQ9XC2qOWfUIm55F0M9r57PaU50q&#10;K6FxpsYGC0r9mNZBTYdg4wxGdX7YhfUmJFKIrNarFRY0VSGXsfJaWzho4wyCdQYZ5AJfsM4corPA&#10;7cwxK9xoWTykJ/aHNPg8rJ7x3UQULrCiOeAargVUpweWyRbw8hIhxNHzHSQAsApr0/FdazQz0560&#10;ZVRXpHUhT9wVPuVaQIH1Mc7MDmQkEM3UnjN0d8K5zunhwQIZmrhVbOhxAwtU9bv6t35PPrFsFIFC&#10;1jBd+/1ZCZa7Ubt2c6amoFhYEQjrbmvR3o1gQw2cTX2BdmYxaLVctKcBTRXRlrmmA9s3NU0jpze2&#10;OZAnc3p+zGzFzUQtSdjGDNi4pkSqZS9HKKfNdi4pDDnTZWaCB0+8bVoA8uoS0dO9A4591o5uQYCM&#10;s+JmE1uIgeP5C2L3DRp15rEuHavFuFRfcNNe+dznVNF280wrupuLoTNs2s5ThYZjVtC8vhpv1x1R&#10;rkHiqJyPdTCYCiUjXx2eKdmTKs89FZX1TKMGJ2+Nic9BUbxb14Lx6pMDyw7p+Tgbc7tL6uyrGcjc&#10;sPPV24d1u2U+DjmTkykP+0zsjOr/reLo1DAxQO98nHHW4pQLvnkhc1D0Rd9KK6bBvj3GC53x+Gnu&#10;Z5zVynGzbRV5MxFiN28q7pSzkqNzu1/KGctj89tOOcvQLsUsY8tlmzxp80PqcThmOQNz25zINokR&#10;mu4NtX5aVyytNvfkdJVDzjpaSz2e7mewPuQ3i3Nt2LnOZK03m+e3ZXt3qkJFtLleSnavogb1u/p3&#10;nMJcKjiToptFyPjqd2dPJAJDWqLVgJA4e70GqIuZxF30xe6xRlMDl5gtj8M57cs1aeek0eFrm/Ip&#10;ovPx4qRPzlraszqyxl6xeSR3nghYgCedRva/x8qYB/I04I/mlD5h9J6rOT1R70A+SIfV4zL7t5Eh&#10;mzMneqGcKiM/zcF5Wm6vZk4LErMd4/OxonXbDmGfXmCbL4GN2vYzura9msWcW/fU/KCAoDUjqMhe&#10;JkdA+uA3pnN2Ktg4k1aeSvbUpqIVIXHDoi6LLOSMPT6ln7CnxxcIJ08snHxMryIUmrw0ynJFUH7G&#10;t4vZCaXyYtOwdK+chjGNGgWNb+EWhXprHTg/Rn/5aLik5rgqZp0p6pL3yQL6iZQeUXsLHy3XpOAh&#10;DVpyqtNDcJ3kf617ljgK1RdFepJKwJ6c45lw2Fp8kBzsvqJltLmToNaotba0Chq9oueLBWetF59g&#10;NZhVvKbB9jIUCL3J1ZRuUccbgKTYUuxLRqSeEtq1taUCeaodQazWp9Ha4t1u4BL20IoqmGwJ3My0&#10;F3Lu0W/ucKhbKnQ9CJN1VhOfW1u8xhkYVxWbRx0BEc6UqKDeLlLqU1yqGVyC4JtpOP886RwtclI2&#10;3fbi7Sm5krHywpBcELPhRiZ6W62rd2Y8pMxqe52ZCzJ1JReXTjIuRPmcnDw7sBQSpU45q8BNrNQc&#10;LXmPOk/ALg65yESKySkne2s2NV9MC/W5vYiRecKTDUQXy/ooIky5cqRFEi1li5T8h9nFDGf6Zecm&#10;mX07Fwjz4AKRIqNQeoiOaqMtyRwt50qdu6dYb9sFiqflx+4DWcvy6kFKqQdBU/YP6OSy8s88ZcfP&#10;DYTfs6ZDo7XFoZ9AbQXZffUIWdXlkmq6KvRA/yjkfLJlR6z5wYwtXRnL86CAbwey5ICZkC2iKKp5&#10;bWzVIqBiVMAd1HkmVRcCx9UG4uIDYaT6iwGSlqzS8BL0jD3lso3S2IqwrAsUjVZtXssy2UhLpMg4&#10;Vy/j1ktzeypY+boLcH7VOSUfLUbk2EBCR7ljSfC3ejvDlkCv5YkAZ81mg4oqX5AyIVxNRcD4YvKJ&#10;2Ea/Nckc82vudo5WwMmhw+SwXCDJQnvO1eOU92A25QpcZTg+ikyrQ1TuBYAtthwaF4R1qXCZ9pDu&#10;avRsHJVzMxknW9nTBqT6BSNfNPaFmHFZfKXO+XQko08ysIsZP5dX4pAbrmabaBB63g2/PpJk3Y1V&#10;iDI6pao2ta0tg4HXGA+K0kPYuta3Dj4S6RzNZyXZ/bZbEMBVME93QX33Kv71s/p3NTE5jGcXXuGw&#10;pkqqn52zXaTl6zQns8h69kFhdk4QGBl48DD2lJmu04JrDDfX3hn5X+NbOc3LFgMPsbudUFc51lxy&#10;1O+6IupKz/JLr/DcL9gnZDCeyuAlaLWDRXMf8MywMRO7jpf2UeyxVa5OJKcme4yT6p/aXODviJf+&#10;/hJSaFAJ1yvZjfufn51L3V2zpm1Aq3NsWQm2TpiR/4U/n22bRXcVjow4gRpOnvNyeY6tLlgc6V3g&#10;5uAJja2uWhzpSMoswCpYxAVNp1IwbX5Zk8TOx7Q4I59LrrKrjshOVD9z4nUB8H6qpRE3QuBY+PBp&#10;NDFULieebgDp8q3871DmnCXsrfNfeZYtB+bQblSRMDm2cTj+qy8V5RioX2eLYA7bjzgISeEL2C4l&#10;t+u8Ltd1+Is5F8aZCCwFeL3PBWI0LBpSGZwnyyefyPfZ0bKFxwGjFgOE4vo0SuxGRYA6cvGXPyUt&#10;uR7UCosOIGPEFmmfV0eolbg7dMCHCwcOWwExO1uqe7bRzk+O2OLIV0REpX7qFNDOAUoHCw/K2USZ&#10;q7NVu9P1KGYx0LwXrK005iRV1tHYEh6qSSb8tWuVwzRV85TfE6naSGPrYEyP/lhIKLbjvsvL7ucc&#10;JaOrE9YIGYHfP61uEEXuoFlUAGoHR1/DYQHqrfXv+Bju3qMlwvJzJpU99bs/p7ZGZtv6c46m6LYb&#10;VEA152OJqT0xjcag5oUfFO6gLPr8I2JVjaqrFtiH4/t8v/iguFed6Mj6lXzjw9GgAGKMhquSIhpg&#10;7ObAea0Tp6tEhrdBenS5uq5Jq25NHj2/FXMkNmaDQnvWvgaKANwnGRSG0Ai/6sJTbLXdV+7mgJ9f&#10;r8gAfs7pvIh1k4Ozg+pEmBJuSKPTt1eS2HJDTaflCBUQR5VhdnZQ59kuFw0uUoWHQDzNZ4t+zKsh&#10;Tc8fZm73FADkkEi12109g0jh4EZIUSxsQeKMCweevx0LTBZsIFU4cYmbmzpSRmeABOkRhgapbebj&#10;87/qxeD8xiFN3vnJDWkSCnO0zP/OhVIshNlZPxkj7YIzzFaPIPF+bVntmkbOGg9WI6IFUbl4bYmf&#10;j/qIRjonWX3Ya22n0GxPWaAxU5eKFDcHciCuInUqyfhmrNj6FMPOvXJO0oGKYZPTe7c2mi+m/7Uu&#10;LXdLlukGYJ+K3i7H5KtGxIuLaLDD/SFOU42UObng/MKOGU4bF1vQ/9Zei5FW9iCgwx3QgG5+w+8C&#10;kchM5yL8xNjG13I67Woz2MAlSUSzdigVwsPM5zLxOEEDPBPtVt3POhZ0oyxJ4bbKEqMzD5nP+toL&#10;eS6zMr6WMZsKUDO1ei07dRWT+UH8ur72svu/MbjKXOSoJWLSZUgX3Nb08TP/oP6Q3X6BAm6UtKwT&#10;ZLydZe2DuJZl130DY2/gDKURR6A2W89tbnHhhUppPPkfan9S1b8L06InamsDJVGt+Wrh+I7045Cu&#10;nMPlB63My5dZbafh7teYNsOGUhxxVf3t185p3fuSrLE0zAkOoI2HpqHjhaqO9wtEmmRj/6g77vF4&#10;tLGGfGEijZvO2hf6eOzXQjMNDvWrs+PZdqqcD2/G0fabCuz8SG7rgxsmf+3ceM7y3KRJluAulLpt&#10;DNws9fdrAoM5Ap9lp6pT42/IxDmeHA6leak5IEZpr9V9LeO1KHR0TONJyKssD1ZDVbvnxllzvEoJ&#10;Vy6XkcRxCBp20NSv6t/6deURqeQgvbf/9bnxqKy8JGN+VaklPJjrGg972U95nJmRDpXrLIT6ufGc&#10;44lRXypfXqn7ZlhHFSjRxbg7nu0h+cFLeLI0Y8XV+GCN/M1xsqhjEtjuKuxp64ZWreBErD8aDf0Z&#10;WPndup2dlY0PfWPxHX/jI/B6aYBkD7fPJ0VzSfmVLhiahxLXYpgz1VaC+wd3tVf94SPrWY6gj8z/&#10;WqWUnTfPdDSFhwvaxJHnw93t4+TIqJMZNw2nbcyqc/G/Vp7qvjYWeKOs1f/9h+zaMv0u48lJUDqG&#10;mIC0fROq/hCFvuuk3Si5gPyCk7m/VvNsYiILYEwC4ItdPWOjRB2OfhHRyYyiKyODzBL/r4+z8SSo&#10;vUsXK8NfZyB75LrOGV9B13GycdbutZhT7OPSovWr+nes+7Z628Zu555zGjTEaqemYDimxPEB58Op&#10;gKYgtYdcqLaeDdkcbpSEJPdXjW7TdHq0oilKPpldciP5nuiUnPKm9Nqe2I6SOc5tN5GBGa5uNs5t&#10;B7O71QGi7QmcpzKJZB2uEYvJk1jT2IeEsYnmxuNsKkVVnW58EK8bVR5qsLZrt0V8uE5fsFm85yxP&#10;lzj0b52K3F1K479BU7+qf1dZ47BhDhY7hNJMuaDrGVq/Oief8g+GfNJmV9UDbQ7biX0FcMAj6e3c&#10;Bbs30pPRunHm1AGpZlzrTp1Ls6io1ZiifdMuENtkBWXwG1bPuXF2yb5haWycTXXgjdL5qU9C26SY&#10;WSNiEo2zU4J52uULNv1JlG6fw2gPpx2V8WyUJ4YqJlC5d6emUte80oYlPT6b/tfQcU1ns9V249x4&#10;MrEDCzUXe/ta6jipLRgS61z8r1OeJx4cwjgybqQt8AuX1xZPolgVCuHOxtFKMpvbbZwch7si/fZa&#10;AuWCJrWN1B9Odz3i2SkVvzC57Q8VbbFxNulTH7SJ0fbZ9L9OzqyNsqav7ZUzD7dTYHsYjZOzpjQy&#10;bsouw9KU7t1JxKzpIeJ06ky5aj0fmf+1jrP5HKeR3+bKnAZ+m6YF2nRJElFZjmE2nQZ2mzsIol2A&#10;oiZDLU6Cvtj8aB+Z/7WOc+tRKg9IN3K11yo/N0wg8g8qAWsPGVmdWSrnI7t/bm7rfFm5EcAcd+Nh&#10;yWHk1jlXv6p/x69Z65EAO/vrc+Mh0lhqjIAeIK/+yeC76iZJXGoAoLYpSJtXKw1iZDzOT35F3Op0&#10;R6cMQ7q2BT5yld6xK4Upto9S9mImRMnJ16T48PyvdYJoGl54HCFfdhgUYuNVLQNbASaNbQs1P3IC&#10;rjHhaD+S/S9/QyBAjwRi0lcKifjvHlC9RXa5j5e43FmZOTdUzqvKkQsf6BGYFmrmsvQ9dhy9U9M7&#10;P+hknC55wDHHHbdIAdn88jnrV/XvugxIcvntmOIbLKZ+dW48LbbGZVnjvvoSmBayw1DkHOwL16JY&#10;Koq/QKc1FQJqZNdTWO78MPaArmN2dJ5N4WFyDEzJyRyeG2cze6nGFPiiqZCmuwGp7SJnzQdfcEe5&#10;7m6uID1slbtvPPtDXNGdPbfZkFuOKxpnO/o434fXUOvZbCtAcroor31Q84dpArClT302/a+x/Tdr&#10;BaT7uLOjeJL1rAghJ5KKsTtPojEVpeDLL9iHKJU6o06TRfhc9VbC5KuVWN+Da1nxH6mIfDW/RrUN&#10;zwV52fUh+lrIu9WtUemAs2zfSoXy5sH7XPpfpVjrbgZcQAxTPyeW5McupFvDbGYXqkNXrjDtkQTJ&#10;ahwzRDwFqbAFW6zGlSeSuYZnJ09+X5SXeckKfJWve+IIs1vrtacea7MgKWVRF7B0nG2nYG/sYS2b&#10;kYh+2uU/W6gA93qIdDS3zeGnnYdOr7YZcPmY7NU1xjvwJH/3R9XLblmViOfm01M8v7undrP0CN5I&#10;vNvnbFqaqPMlx/JmBGL4KNraXooDhaZbx4h68hDM9jXXyg6uybuTMdZptu4QfeXYeGq1R8Xnuv71&#10;q/p3/HrJxYo97fN0G5D/+NwW7KNZmoK00YCEAQuzvA40uSettoQLaNpxDcHJWM4x5GAbQUsSYTvT&#10;cEv7gW3EvOtTux3Wb5GkFYwZMdzMBq6dJ9ffX8qWGvYkLXl2BgC+3EikqBLigni4yiRXPUHkaDjU&#10;pUM2E4oDCrnrH7PZe+C86LUzVs8n0RecKMow1wQsPMgmNbNcpUkzulCvdEZDQ2/GOrEvmm71D252&#10;MQqGb/aH0xpHPQuTtgqjc/G/6lSYcCCart+s9xTWBC6gndXOxG2iz4fxlNtaD0nBXsATC284NBRE&#10;PDo4AxgI1SPLRtA1AjuewKZH6QihgXFBYCSYeILC2Wh/ERwd9zHOcZKBHkPBcN33vCWhO1wDmiLr&#10;vsV4bkEEjsoq9tAJopTXruOk8/wO1kEWXNUr+lrSPUojpjwJEhaMlQN33IJe48QcJRW1vhadtZpI&#10;8yEWHQHGhSe6dk2SRXPLqVXlPmg1tVlqek23UIxtQ6XS0CWTJyGJGieorwu8UwELhk9GNz2Wz3hu&#10;yGUi83jA9lD/05gEYuHrLsvGiQwNy4wmkxh/9lpmdsSu1UbSrRmkvC5DB/w2YB0Zzw37DaKJKInx&#10;RN0OC5SwzK7EgI5qpa9Iul9yU0sDqSNMWCzGUx7PekpifQ50/1xP4enXuSXCdEkh6HLMjNcSevdL&#10;R0HXE6VeRFMuwc6awSsYNp1K51bHMppb4K/o9PW1CNGabaihAHIuxIHaaPjpAfIL4PagRBmf132l&#10;61dNC4PC3qoPNpU0656uX9W/49eEPsaJSA+6cdMAo6pfndPlSswPHcd1GwNTMMeDN1XTpK83U4oy&#10;LoRlHQ8FBBfk3sDgEbkYlOxl2xM0o1d9uVSK4AZuE3LhFD2zxkNQLee9ihrvmBWB/9d5V7xwxgnq&#10;V/Xv/DXgisFBibjdjJ+dQxy5oZEW3WR6BVujYun08xk1dTXBSo2PSgsS/sRsBjfn4n+t36km9MPw&#10;BESg6+yb/mQlK2MFpnFclDF5IqXj4MLGGNm5SPZxb2QxL0tD/H5Fbc/XIkhD0XHGjiK++VAI6zGr&#10;RE3mrPrI/K8xzq3mDeW985J6pR2y4r49klvRRgLnguin5yFbd3Zle6RGx+STikq8xWUS0NC7Kw8U&#10;hxrBYJy0cXqfzK1LHMcfIeX1hazqgXxajSbF0jWqeue5OSQhp5Sx1o2oD40tuqwAWdA+Wh6yNG47&#10;ERWvog4IwbfHc4i2kkpYXsvR5qantnXFXfBt/dyj3V7dVqr64ghtpxqQoRc4nqnjHd9Zs1L/rjKl&#10;NG15gU9q77v79bk5RH4QhWU84PnYtX0OuSUIB2Q8ZGy2GQmh4g6tD4n0rzv1RCbO8iRuX3VYHMsu&#10;h7RxxA0fr8WAW2oiar9hZT/cj4wF2uE3bKTdrFCNWKlxgvicnb931iimXUsodH0yhxzISiZIJph1&#10;XavVdNbSwHt9SPbHbTNKNaqqZTEuxpf5nPloKOpDsBdetFGZh239qP5dBYL7xJQr0oeBkJj339aP&#10;nM9KgtGgE3Gl0R3sfSw8BPE59B17z/JFxBY4Z1eBIAaT1ZawHFUxI8dwfyrVl9a3EQ0cbjN6ejqq&#10;9avz41Hvj3XCGJhjijh0OcXWh48M1sbKkVpYfWqba+c5D/9rfCX550fkRrNOO1DbUGxhdOK6IvXS&#10;km2Y4a2udC0l4Sz8r8GQedMRK4bUNJsxowCg/OPzzzgDykxnagLpo6MmJvC6xkRmykypBah/x3eh&#10;DGfHhQ07UT86OxRCdwJqLp87Jn3OD4VPWP3rvI7P3Z4BXxmmVy1kpIoEqVQuRAwx713a1ea/NAcQ&#10;HNvWgGghHHoKWYxmb7ndc4Qi0XMH0s6IQDgvn0bw4UT3n5+/3/1kdtgA37AcpszxurFeV8F8wGI7&#10;KwvnOdJJaCjME4nm2GcvLCPAwrUoKJBm6NaVxr0vSXIW/teUqhPCTQy2l7Katp0bv9+IZX94eX2/&#10;Hg2fnr/8tET19R///PplRPhfv/zP9y+//MPfP3/74+fn7//884cPy3+/Lr/gf3x98+nl9buvrr7S&#10;//z67qf3v7z/04fPb/76/OG7r/7yY+G3fnxdqdYfo1Jlw5yheH737v3HLzfLo+cPn356Xl/EpK34&#10;EuR78lg+UC/mf/yxvkcf/0b/33dfvfv587sP75dX/cBn/++X//X+3Zc3fNZg/+Yv8z93M9BH+uHj&#10;m1+XbYJQvnv+9N1XP3x4/rK89OOLZmM99T6/fvnH59ef1q99ffnw8/frOvzy85f3n9e3f/jIl/76&#10;6fXb10//+vkf/l7/9ZeX7//vv35+8/nLhz+98F0IxvPHdz+9fObbv3xepFG/+vX10/pz/uPN3375&#10;8JH/6RNT/tOXL5++/eabZT6eX//ul5/ffX55ffnhy9+9e/nlm5cffvj53ftvfn35/P03mDNXy399&#10;+vzy7v3r688ff/y3n54/aWr0/nf/8lc+4ufvMSj5go/Pv7z/7qs/f37//oeXz798+2b55Rvsfa3W&#10;+799GevOf735z88/f/fVf/2J4oF/fPzzw9d/pGLy67vbP95+TSztj2S4bp7+eH/zhz88/NPd/1sG&#10;s9Ev87DwnZ/wb8ussLyf/vnl3X+8vvn48qefnj/++P4Pr59YNlZqzgd064/18etkPn/7tx8+L0LK&#10;uN/8bQma0ZNy3YUst/bk0GT68Hf8QkkRTD0WFS2oWnH6q4yvrHe9+89N+J//ysCXtf7x+xL978dk&#10;vXv5+PGVhf53pu+HXz48f/fV//jmjaLfmMpvfn2DGU5Pr3HO/rgn+j+diDQ/uOz7Nz9BpJz/UM0n&#10;RP/OdzdOHL3XV8ecOhFwYjyjx2NOaG7jxFCOOXUiceJQPObECbtxUl3qQzB7nQgMn5oqHnPCNGic&#10;rmiC+nQ8pk5EspSWHsHsoTQ2Tupddx+sUydSWhb/5nhMOAiNE7L3Npi9ThSPiV3VOBH4vQo4dSLW&#10;iVx5MCYsjY1TKhGdKJYIbP+NE71euRj0WCI6Ef4TMcLr43USFLOz4i75YEMZFbyIVSa8+o4nUKSg&#10;9fGw1KFgfqF4ERoJxtX3PPecUrUasOpES5tEZOlY+fVNT9k4wJSAVScSBptas4BV3/W4YXgaAatO&#10;BCuqZd8GrPq2x68knp8Mq1OxhdFKgarlXr5tiXFXyD4lvDpVrJiu+9aHl3IRwRx2KnhxR8RdMId9&#10;89P4A3BDsl6dKp/Dvv3Jq6ntZTCuTqVxURV+PC4ZZnNLUugAECk4R4yK8ji0bnA43vTtT9KZC35v&#10;jsdlVGQ9aZ30FIyr73/h5gkHBLw6lXhxrAa8ugIgCMKCJbw6FbywzxJeXQOQguAIT+awU5GjZL0S&#10;Xl0DMIV8YSIbnQpeusk1mMOuATBQwXMEMq9a8Cm9SscSzwx4dQ2gKy/odxjIRqeCl66RDXh1DaDL&#10;OUgLBLw6Vc6rawC6qaDYkvXqVPBCzwf7S9GhOfMc/hRFBDJvVEIw0FPkeA7putN5Eba6C6xqoxIv&#10;YvMBr64BdAs4qYXj9RKOc87GupcTXl0DwItoZsKrU8WyoaDl/EIiy8hGIPNGlfPqGoAYJwCfQA4V&#10;OJ5fiN+kS42C9eoaAF6E3RJenQpvmHMv0FFKBs0vZL0IPydz2Knghd4IdJQw+I2XrhhJeHWqnFfX&#10;ADhdGA7JHHYqRRTADx6vF3nLNi5aDODbHO8vo4IXYYlgDu9Mb2BuyDA/jJoYlTC0FGsG4+oaABgL&#10;GPyEV6eCF+dDModdA2BHAfhIeHWqeC+T4WnrRQIRDGUwh50KfYhxE+xl5ZU2mScuC+gj4NWp1KqB&#10;VknBenUNoLAtubaAV6cSL5rDB7y6BsDopT1JwKoTYQ+BEkhEoysAMpt0FgtYdSLc8sXOO/SV1Vln&#10;rtZ6W0XAqhMpsoH1dTyBSmxMVtTdAAY4ZmVERABITQYyqDqmjVUYbDCiONigNM9kRRiZzRUENowK&#10;BA0VbYEJJVhd46Xit7fBFHYqeKm7WLBaffNTSIJABVtLvTHnF6rEHKxGwKtvfo5/KiCD40QZys6L&#10;gyEw14SUmFSYUGAbgn1sVIyLgyFQGapF2ngJ3Y4TdXh0GZXWC8R7MId9+4MXw40KzGsla+cXSg5p&#10;2hjw6vufU/KKbgfBuDrVDUA1YgDHvARtmF9Ing+oRcDLqODFgRfIodI9jReBuSQcb1TMIUGKQDaE&#10;pmy8hFFIxtWpGBdA5WRcXQOoWIsS4eP1EmxlfiG8QM4GLiWYso2Koi1C5cFeNipColhDwV4WTmN+&#10;IVhR4AjBQWlU0lFoxEAOu96goBk0ejCFnUhmMqiogFVXG4C7lN851BpKZs65YFSZNhQWe1KlZ7IR&#10;xWcyBUQbKyoPCLEHo+pEq6URyIVQmXNU2E/Aqo9ZGdFiP3G4HtpPgglurMCvPgTSbkSLVfiQsOp7&#10;X9cUJr4JiJbt+5aAHEfr8aj61qdyh7YHwQR2IlgRgkrWqusLnDT51YfCDhq5j+oGVsmourqgDEGh&#10;2mNWnQjNBNouGVXf+Hj9yrocs+pE7Ct4Jaz6xqebRRRKFqppim1sY6gqZlItF5wlwt6JdGTJpz6W&#10;wL7xQYLTySGYwE5EJZbA78eshGbbRhVqdiOKNftT1xYLQjY4842I1p+qlw9G1Te+7pZKjnzwdNtU&#10;MCo10AhY9Y1PtSAG6/FaCes8Zx1WnFcJq77x1/vDAladiAlULWkwqr7x47XqRPla9Y2vWFWC1nnq&#10;RDfEnakJDEbVN75aaSRBXeoA21qpyCUJzqhIc64w+EnO/GCtOhG5D6JigYGrkoqNFVKbhOCNSAX6&#10;4G+OJ1C1PxurpfDheFRGBGxV2aqAVdcWqVi87USxWKgXwBwV9a34xcGoOhFlnJQdB2aMkNLG6u1D&#10;wKoTwUpOVjCBfeMTbKZOJWDViUDiq19KwKpvfFjR4iBg1YlgRag0kUDb+FxZIvjIoXGh3gFz2qme&#10;uodfMCzb+eQU3iYescD8xos6qoCXbX06qSidczwuo1rK3RLJ6AqDnIKy/QGvTsX8qfDieFzEpdt0&#10;6JI4SraPmTkZPXso/g9mEWSQcSMkmcRZnYz9v8BVDs003US5LfX1E4EgNubhojkZ3IjPRGPraoB2&#10;5mrWmXDrZJRs0dkpWreuCdTsDa8w4dbJOMLoHRCNrSsDeqpTvxJx62RYHHRCDo4W8Eh93VSenxjY&#10;Tqb6WgFyAinpCkEt4TPsGsXCm3DBjbEFroNu8NnI8LzeRuFkJ4uNX4rbjBtw5ghTZmRw41aMZCYN&#10;6MmlgQBREykxMpwwnIhkBxjUE0GmZ1+yu40M75K4V7IDVK41jw018cetD/abka2Rr2gmu1KgDxWl&#10;RxG3TkY8gERlNJNdKahKm46Jydg6GeonC3SQue4zSehW4e9jrWxkcAO8EY3NdMkd52ISWAFi1z4S&#10;JDZSEq1bVwpUUehCr2RsnUzc5BAfay4Vsm8yqYD7Q5DeW7oKTDJmkrBWNJOmSygdo44gGVsny6XE&#10;8J9LQDZx3JeOyW1s6Q4wBCi7m1BaECa4NrJ8d6s1xvxINNdjlG1eLuuYZLnmUu+RSYZWptQ1kUkj&#10;y7WybtPbuKn4NElhctVOI8tPHPULaNzI52Rj62T5aWpYUDVBpH9NsAOMjMgf7daC3KJ6NvSxEW5I&#10;AgdOBjcicokuUZejPpN064h2QCdjJmmrlVhBukSxcdN9kpFMdjJsLoJlydgME4qFR84q0ZNGJm5U&#10;AAda2VChIF1JGiR60sjgBkI5mUnDhSJYNFBLZtLIsMzxcSJupku415AOn8EO0K2pc7nxOlTgn8xk&#10;Vwq6IIo2rgm3TqYGHzSuTLh1pYC3qEtLE26djEgdnnA0tm5g6FYLqoQTbp0M3xQpSc5ux5USlaGP&#10;QMKtqyC8fPq5R2PrSoGOFFiGkZR0MqKDT9xunaxbVwq6KQGIYzK2Tka8hNKeZGyOE6WhTJQT1H1g&#10;bQfQ842qhWBshhQFohNhdLg0sjOju0W2AdRGeO5SElQ0FQrm0aioe6XJYRC7wzY2ZgDTEvE3KjFD&#10;lyfTaBqBvipZgZ8hU7lWmjYriUAayJSaFtpLJ2aCk2m3RWEnXYk0V+0CbkYGtyh1jHPYuREGpJVu&#10;IiRGBjct97GDo84129iWfjWRlBhZPpOmEVTQxXl/7JgaSpVyLkrpEjPBwaO6te8+2W5OxhYg0BjM&#10;pONHgTBFWBB1FWwLoFaZ0Q5wBCk9NWkWGsykk1EYh12SjK2rEtquRDUTSxvIJluPnL+JlWAgUkJO&#10;lAokIzMFBOIiC6gZilR9iBKwFc5yXzSC3tfZNJpGoO4vwuFfO/oU045cZbJophHgxpQkE+lkWrWI&#10;m2kEuNGXKOHmZKqETNSW7nPvooXpGnFzMlpeJ6WGRCuMG93MkvTejox+aDimwbo5oJTQZAQNpVtw&#10;/0i40QUg4dZNErZNOJOGX+Ve3kfs3YRbVySqzM+kxLGoRKG5FDzhZjoh3m+ORo33mwFLOWvo/BZs&#10;AKNiyeiG/JAMrasSgK+akOODVN1s27Yhdhr1pDBwKcywWxNmrkgIuCZNPQiftW+kiRgI3YRZp6I8&#10;ly52idYyVCrNVaNWL7y7feINdgWZqWDNDGJKVSrNCoORGRXM3t5eJ0e2gUyxqwXOOBYQo1IbEcId&#10;yci6EgFKQyfPhFmnEkaSSoKEWdch5Pbw2RJmnQqwFM0YEwExqCkBqqh6HpXRBURtfRIwMTPQyO6I&#10;jiStFZwKH2qBVh9b/rrlbOoCctRRrT52ZqOSe6jitIBZ1wV3qp+P1qxTYRozJZGAdF1A2lheXiD6&#10;nWpxRaPzkw67bRq5cyRKohiVmGWeqMFOKSjKmBnVBcy6QYHk83/BNDpclWNJltmxgBj0NBYQo8oF&#10;xMCni+gnvpNR5aLPlRmbgBA6zvABRiVwHXnVZBq7BkGBEIdJ1qxTEajThQkJs64LuOKG7scJs04F&#10;MwIViS1nIFT1qo9gFkYFMwKe0TR2XUC7YELHycg61QVr1jUItU/kFxJmnQoUCMHVZBoNinrHmt0n&#10;1pVREX5R1+BAQAyMigDzjcHIjIqzk5Lf5IgxDCvlWXJ/jrW+UalTUHZSG4qVvg5AZhNmOxuEEpRo&#10;ZF2DELTnRoWEWafCQ+O27UhAui5QPiLSILo5YhoT+HVYVxGzrgtoSYivm4ysU2HKkbaPprFbE7RO&#10;YakTZp2K+wBwdBPdqHbtc0IAyvGZCbNOdUOy9yrBpC9XjTRmJOQSz1MXlEwqmIHQD6aRMoNGlk6j&#10;U8XTuHTan994q1q+YBqdKhaQpQ/0xmy5m+R4zZwqFn1C320aEXyKyhNmnQoN9xQVyuLtdGahT+1U&#10;sU+99Oee0whahNLmaNG6CiHJeAUi5viMIfHWhiZuUXDCycQt6h6gW+nanqGwj+sekmUzMloOROY+&#10;LUOdWzqTnYx43lKff2iCk9jq3PDi6UqRjK2TkdQngh4oSK4aM27cTZNgFJ2M2gwO3ohb92Vwt7jI&#10;Llk3Q7KSZqfdYWD36ALoJiXY02qQcmiLOFm+A3Th3bbfgIjSJTrhZmTcJweQLNhv3InQuHF5x+Nt&#10;xM3IAIxwZ3nCrSsFDE+6qwW4IhRj/0iwhlFSjZh5J8PM5Y60ZCaNTJubjXO836zzKWOj8UkkJa5L&#10;CBcnLXE4mPrYiI9GKN0dme42TxD/6EXjBj4l0pNGJqAJ1ygEM2lIVnY3y52cOEbGzuburiD3hPFi&#10;Y1NTt0SXGBm7jVBuEBjBJTFuXEgHiOZYlxgZ88HOibiZUuCUohlfwq2TceJgLCRn9w6SCtAhCQti&#10;qrYpAdZF7juSElMKd1yklvi+HEvGDbMwyT0RH2pkmDKUVCV60si4BIRTOBqbKYV8bJ2M/Fg6NtMl&#10;eIjhunWyC9bNdAkNxzlPE5nsZHikSxDnWCs7JJWMBGdVwM3IrnHso7g4QDqTEvKhkV1iZOiSDFlB&#10;lMi40e85QQQ4GRYv1a2JntxBUkEuR+tmZLi2ulI+OAO8y+kd9+A9JPvNyDQ22hwl3LpSkOscBVqZ&#10;7rYAlIJyt3TEbadLUHmRTHYypEQ43WRsXSlQckFfxYhbJ9P1RSIL9ltXChJkNmqy3zoZ++1elckB&#10;t64UKJUJdQl3ym1Gb65LHJJKkR/XrwZjMzIybqBLkzPAMalcGU1Vc8KtqyCgFVymF3FzXUIDikiX&#10;GJYVbiSVknVzVCozSdfJZGxmlyx3OSb7zVGpnPfgghNuZpc8UL2CMj+WSUelcvkaNxgn3EyXAApD&#10;eSXculIA3o6tluw3w8Bi4b0lYJVw60oBY5KStgCGgLlk+43blZOWuhRsNbKFW5JwcDJ0CSm6aAd0&#10;pYD0Ey+J1q2TKSwPnjKYSUelcm5EsAcUapsSbnXWfasJt64UsFKAqiQ7wMCs+G94VIlM7lCp1IVE&#10;/puTXYGUS2pxKf5sU4L030a3gOzJ1NQrWreuFDhvHpjLYHcbCBZWwIWimexKAW7KniXcnIyujUl+&#10;j57QNpPcrp5U/u7J6FRKmOVYT3pjVMpydHfDsSe8I8MwSTLpTJyNjWrVpHxiR0awJGqAD8S5c7vi&#10;5rkEh7wjw8CjaUowk45n5YrVp5sAiQZCqH+kGjJEEUMHplLPI/fheN2cjAvvaHWTjM3skiv2TdKQ&#10;mQoeG9sDOiEAvhF762Q0wlZGNxibkXHRYGa9GjAV10hNWRNupoKW7H2iSwyZytEBPi/Zb0amoyOq&#10;w2IO2kzC7fY2uSHMyeD2oMYKx7rEEK24RrrCOZnJbpfgzt5Sn5xw67oEbrrlKuHWyYQnyTwqQ6fq&#10;ivQsrmxkQGUE6g7GZvBUjCfqVZMdYGQYT9zTnsik4VMxQ+llntiTRkYsWpeFJGPrSgFnhYtLkx3g&#10;TVdvSawkZWZEkfsOoLcLyd1ASoyMBChOZpKjMojqNSEdHR3HmsvI8ItUi5XMZDcwyD3QISHi1sl0&#10;4EQdgGgv5DPJGZzEzI0MbrSgSXwca6aKUUgKOtoBpkvuuJs0yptaE1bVJlAOnayb6RIC+2qddawn&#10;DafKNbh0pYrWzcwZgbEiS8GAqhyldKVKxmZkuLRkW5MdYEhVgt94ncnYjIylRiskUmJQVfTkA116&#10;gnUzMmXRsoyYYVVJ/xCPTnSJkaGVKWNPbC4Dq3LioM0TPWlknDhvnyIA0lNXCjpNM4/KyOD2QF1n&#10;sAOszyohW/zFaN26CuLs5nrFxC4xvGpucxkZCmi5dOd4d1uLVtz1h8zHMbIbWsBxLiYz2ZUC1iv2&#10;ZLS7OxnHDZeKJLvbIatXaJIoFuRkackBNnU7ceT1CXBwfJo6Ge4csYhgJh20qohtBB5zMtRd5r8Z&#10;1vUGtcXxnYytmzNku9VKIBmbOSsA0aMLWsCh9AVQ/0Rc2uMdsMetPki9BuvWVRBhFurRk1jQrgnr&#10;2yf1Qg+4mS4B8YQrnIzNDAwcMSJkCbdOxjZFKUQzaQZGHDE0nKxc2iw649jVWxpSZ7u76xLUK52i&#10;g7Fxm24XLlQJwafjmXQy8CVKbh2vG36vcbt/VJuiQylxMg4q4A1BVO3WOrhiYFxFuQ4n4xBmbMEO&#10;wF2zsQG7TC7McDKhe3Tp8OHuvjXYK02RmJFo3boukduHlZ1wM6VA2ANlkqxbJ5P7EHXLJPLQZ1Kl&#10;YIkf4GRqVUduJRlbVwq6d1BJ+UAmOxlo5bfc+pRwM13CbbZRnwTuvGxTgktLCXxw4rBRGhljS7l1&#10;spyb414FU0iqgFH57SOpEr8VNPF4BxiAleC0CIN1MzK4AU4PbGW6YLSPhBvmZCIlRga3J7UXCcZm&#10;uoQIBt3LkrF1MjV+xVZIuHWlQCgc3HGyuw0uCzf5wgm3rhTE7T6Jc+EctgWAWyolpkuADyMoyUx2&#10;MrgRVYvWrSsFpORt1HILXLONDWBidHY77pVr8YgrJGMzXUIe7SrBKVCa3z5SevKeENKxnjQyZe20&#10;cY53gAFY4XavtN0xNyNbuCX9ZG4NwCpuGCYJt27OwI3ra5IdYABWuKntRMKtqyByD7c68oOZ7EoB&#10;bldRXQeRvrbc5HbB90RjM11C0dt1UopG59XOTZWKSeyV0tBGpo5P3HiXzGQnU18SQpTJTHalgNrC&#10;UojWrZPlusQ6uILnAj8Zjc11SWopWAdXNqni2MlMmi7BKIluOyAUYOtGfW8SM3cyPhGTL9kBBmAF&#10;9QfGMFk3I6MxCsGIRHMZgFUYwwiLTR1NmxKKkOlakey3He4VDYQoH+tJI6N8FhBSYisbgJWDQxHp&#10;hJvpEmI6j9H5ZgBWHVMqKwjGZroEvAEWbLC7DcDKDkBKIm6mSx4IdCWR3tvbrhTY3cJuJGPrZLnX&#10;YR1c0VyMLdElRpZbeLddKaCVORijsXUy+QFohWTdXJcImxuNrZPRZJkawWS/GYCV05QeIAk3I+M0&#10;lb8YjM1xrwSVSWUGUmJkzCT3PCU7wACsrNsDcfOEm9klYPeIdSVj60qBHXDF/cIJt04GJgJIYyIl&#10;jnvFcmJSEm6uS1ZI6bHN5bjX+2sMzMRbNDJOHN15mcxkVwroSdYt2W+Oe8V5wBNPuHUDg0g7eOWI&#10;WyejjfrSASqYya4USMpzBkRS0sli5DfBgHYI6yKBCIvtZHT1JFyT2CUGYCUpT6VFcuIYGS4fp3Cy&#10;bgZgpWk7tX3J7jayuBoB3d1n8jas7XMyRXrp7hbIpONebwGiJj3Db40MrUV4Mlq3rhRISSq0HOgS&#10;x71ekVlJEI2kV/tM3jCTSR3VjuyKzZ3NpOkSXaaUVCMAcuoficXFgZqsW1cKlCOCN4h2gJGBX6WP&#10;TsKtKwWSaG+jGwG4SNTGFqKjQRh0MsQkuqloR8ZERq0lkUDjxs0KCU5hR4YyyWLmOwAruzSKhjqZ&#10;mpZGNpcDWIHqCFB37Ac4WdqjFhxKn0kSoMBDE25GBngm6oNBjxPjBhY48nGcDNh5VLkLOtC4AdZM&#10;Gt/tyGh8pyk5PrsN90p7C9zMaN1Ml8BNzdcCbq4UQLNEWtngsqggGjFGY3OlcA9VYgVZB1gOjqyh&#10;5a0DWHFNdSNysANcBSFaUUzBAazAG7BoAm5Oxke+jeIlDmAFhKGyueOxORlGFzZlICUOYCV+Ed1D&#10;RlcV2zh0pkhqMgnkdzKEi8h+MjYju6Z7WBTpdQArn8ieS7jtVBDrltiT1tFVDSqjHuzAVfuUXIOd&#10;SXpFUBPWycjRo7qSsRnZFTFslMKxLjHcq45uXeAXyKSpIAAAETqa5ig2NnycyMs3Mlz1x+jGG1oY&#10;dW7yHrL91smITsItmUkHsBIJAuQWzKSRxXWL3GhkYyNgEu0AI8MPps9TYr06gJWgDkKZjK3rEhQX&#10;DfQSzeUAVs77p6RbCgHaNiV4wlxsm5ymDmDF4EJVJmPrugSNzAEXcTOlQKNQFTEc7zfDvRIz5/CO&#10;1s2UAt25OAUSbp2MyBM3fEU7wJRCnBEz3CsRbAzzaCZNl9wTwYhOHMO9EhzjnIq4daWQZzKfOhnR&#10;ULJ9ybo5gJUQNjHbYN2MDBuIK7KTqJoDWOOcsJHBjRRVsrsdwBqjkIyMDPTDU3SaOu6V5g3cfZnM&#10;pOkSegDQ2Cs4TR3Aek/X7CiGZ2TLukW723GvC7eg0xmQl64nJSUZt64UCGAwk8n5ZnBZQprMZIAz&#10;pwCqfSSmDO0zEs1lZJiT9+q+f2wFGYAVbnxlYk8aGWOj+CfRJY57zbm5Lgm5obr7TNLqn6PxeAc4&#10;mTqscIfQ8UwCT3ZuGQrJydgBXLMZ7DdMOuMWopCcDLDBI3snGVtXCjHmCTOkfaSw8BTkJNy6gRHL&#10;JBvMuMUz2ZUC3DJkHM2IjJtkMhqb6RJ2d1QlSUfkzu1WpUZBZRP7spERQSLbGsS5nOxa3X2TijSa&#10;Zhs38HSJ5nKya+IgUf/Jux3uVWUdgZ50MvQkZ3eyuw3ASu8G2vQmusTIrmmip6PjUCvTqNVnErMr&#10;ON+cDG7kWxNdYgBWxkbGOzjfOF/aRzKTokzG1pWCZvIp6eBDsqdzS08cGnw3Mrhl2XUnw+a6iiJP&#10;dwZgZb/RmyJaN9clBP5IbQVS0pUCY+PEiWSykymLFt1bxAVpNpNUWiQelZMhJU/km5KxuS5JNZfB&#10;ZXPNZQBWRas44wJLwcgAADzp+sXjdTMAK9y4xiLZb0YGN0qbkpl03CuX+EURQzJgbbmllaMbyUiI&#10;NLILxtbJkJJH8NLJTHalADcwnskZsMO9gs1N0Cyk031s11T0B1JiZBT70vA4sRQc94rzhrGWcDNd&#10;AsSNXuHJTHalQF8YVFA0tk5GIpPkfrRupksoNFLbk8NYEGiGtgDcGEm8JOJmuiS28AwuSywI8EY0&#10;k91Z4eBGK0e7u5NR2QR0IPDfEPg2JWgttHKybkbG2Di8k5k0ACvciPVG3EyXEAoCChbIpAFY8btD&#10;j8rIiKoBRI24uS6hmXZS/4Z72BYAbvSPSawgx73SHSrk1lXQyi2RSce90vWEczjYb0am2xQzXeK4&#10;V3pRCcJ9vLuNDN+UiGE0tq4U0FxURCW6xHGvaPLHTCZdlyjOkuxug8ticxGdicbWlQLnW3jieL9X&#10;0gNYXcF+MwAr3ADsJzNpZNhcnN0Rt64U8rPbca80+OCilWRs3cCAW2jhGVw2t/Cs3yttYNg7wQYw&#10;KrWiSmJqNFztCojGIElZk1PBS4WVx5arg1fhFTnBRgWvCDtM/6I+LmpcIoPEqAjcqdV0MK6uQyiV&#10;oOwkWa9OBc4JvZrw6hqENAxqNeHVqZ6onUpwvFgsfQ4phE3Knp1KFkU0LoesMqqkdJDcSftCWiaB&#10;tQ/m0AGr8HoI2gMR73demRwayjVeL6PSHCaoHOr92hfGcmhUj1SZRP6FQVXpepTtL6N6BGOfyYY5&#10;JZQqJKmoO0PFwktN6o/3ssFUVWKFl3xsfBgVvDJLx5uzUpYVhVeNSq0IEhwtmYEuG9SWcMoG4+pU&#10;sIpwCIDiO68HeCWGgFGh5aNbVOjX0XkBqUzunXcqjSqSDQOn0n3uLgFzUCPTvhBe+LmBHBo0Nd7L&#10;RpXPoekN7O3I4DYUbCwbDkvVNXfJWWlUtDp4TLrhArdpM09fRML1gcwbFa2IaeycrFe3N25QAQls&#10;ljZs7QsB9oKqSHh1y+GGxqiRy2IwVhwdFcEd60OHo6ptXOKMGRXVCLqSKuBleoOoQra/OlVs2xgU&#10;lUJh4EuBbBiV4hfRuWxAVLa/cN/HuteoaFL9NkEdA/pqEsVF88KWBLw6FfUjuu38eL0Mu3qNdxnJ&#10;hlMpYRqFvQ26ek3mM0HB07m/Twea7SlBZN0ZBJX+BELEBbPY9c31lXywaBq7ElAoJzKzDe56DWJJ&#10;DZeCNeu6A7Mtingb2JU7uhHFZD8b/JTZiMwbI9KFe9I4wbi6FuAu5cjkMKDrtdoHR7wMekqhQ1JH&#10;Q+lql0RiaALmHI/LgKeC5SSCaETX1LVkMUxDqwK4i0IBRkQFGSnqROgddCr8Q6KnnApuFB4kk2ha&#10;AJhM0g/2zgCuggRek9gOVsy0gDopJx6EA1W5O4d7OxNmpjvQpZGJ421dadxPZjth1nXHNR2IogCf&#10;w1SBiCmrHUxjdz1AIwALD1SwoVTBuVAXkfDqygO/g64xCa9OpfRCJPiONaVnf6SpjIqrZeiVGozL&#10;kaaAfiLDw6kw0TPrzYGmRPujhKNT4QFncDmDp3L6PSTVhUAouw5mQ4NpSqbR1Qc2VSIeDk69En4w&#10;Ymbq4+oaGy6QRcemxtaAg0yJC0Zey44qtXMcY5qq/B1VasE5xFQZk+R8carYNjVg6nW8p01/hEY3&#10;zUu6DN8DBwiE0alSZ+LeQKnqpJFYi06VOklUg/dxPQEgCBbMqVLnj+ZhjdcN40qEw6lSp/becKVp&#10;EMKp0iAE+Yo+Lqzg5A4Np1LkPSnbomphzyuSw06V8+qGB6ABATcO3TGq4tsXUulI56tjZU/z8kaV&#10;8+pU4pXA1EDONV54z3hWybg6FTBN6v+DcRmW9O6BHmdB0gM3qn0hvHD9El495AkvLhcPxmWwVdLO&#10;NBhMeHW9QfmyALnHsmHoU9JhSm0d2qR06WmzAaoZ+HXCq1PdctN60mrp3qCnpHYw7RNe3VQBXkA+&#10;JxlX1xt3QCCS6huyN302uNos0hvXXQNg1tNxOBlXp9KdpHxhsF5dA2DWU/2X8OpUd8hGNoddAwjG&#10;kHRrQwO2OaSi6C4pcyOX1aio8qTOLRlXpwJqBLYpmEPDjVJSHWEk6T7QvhAtonqu4/Uy1Cg4R1Bs&#10;wbiMisWiNjHh1fWGgPyJ50y+so0L6C3An4RX1wACCyWdxain7bx0q0nEq2uAWEcZyjTWUQYyjfW8&#10;UcV6/sY0wBO1QIneMCoMc+7uTdbLNMATLQgiOexUNENWJ4dA5rsGIPAs8P7x+WXoUtz6K3roBry6&#10;BlA3hgSnTufJJoccyoBLA16GEaWAN0pScU9Q58UdgwkYgc7PjYq7v5WyO55Do6KMQd2qj+fQ8KF3&#10;aomXrJdR0U4hAj5w6PdxEQtIOkk6FZotapIJuqfxis9lo6IaMWrwDmrJedEeL1mvTkXsEXM5Wa+u&#10;N2ikgdWW8OpUS5FLABPk4OnjAiqeyWGnQnrpKpiMq+sN3cUZ2aKGJMV+ZV8mvEwDLBV9yRx2KjJx&#10;t3fJHBoedLk6LFkvo4IXGM1gXIYGpb/yQ5LmI5TUVpnoPqWiCa9uOdB/kPs5gjk0BCnwgOhaUkDF&#10;7Qtj28ao4r1sAFIqhEnZJeMybSMdlci8QUG50YYGRgmvrjdi3WtQUAEzsvXqekNnCrNxfKbcmQag&#10;a0gCcKNVVF9lnZXRHHa9wU6JMqX0JOm81A4lGpdpANp9RX6lwU6xo2hdF8yhQUFJWfDJgWwYlS6w&#10;jnSUQUGBj+LFJkLvZPKzk0k0LCiwuMfo3jSuq24rBsAlak1PCVanouWEunQem1JOpst7E5VoaFAu&#10;tsKYiqax6w6ClVGpE9XFfWT5mhlZvGZdDdB2iG6/iabawUhVbn+sPAwPCioR0Y94de3BikXG7w5F&#10;Sl+qpF8jbkaf+2vwzImlbYDQCyaxKx3KcqJJdBgpKWD0YiD3RoYaiCIPBgj9/5SdXa40PXKctyLM&#10;BnRO/1R1CZJWoAXYlwNJkH0zEjC6kHfvJ/sT4IxowB2B7+Y9nEkyWR2VRTIik3CXnHMkoUrMOHnI&#10;xpIo8MO0krRrikCuH4xbg5LkJqioZYRoCmIlAaKYIcWPTmJFEPrLJbjRdQV8SZaLU/M+CVMiCKU4&#10;3ZHUN4BZ3kO9LwP7/i6LHvTiUDoiBMSKIqoUJgrihuhBLxQFUfAVK3jm7HBU9KDcjHZLyhc+xQoe&#10;PDsclUqoL7LQkiLmT7EiT4NU5OAZih50js0TNTNJRQsaBDbSWJKx9raD+6dYJQYRSlSkk1VzS74p&#10;oiI9kAkmCmMKf6x5sRHgcSTz2mHjYNMcRUNRkSKmi1TaPLTlIamlZ3SgIlYkH0e1sSgHt8ZC80TF&#10;wuT32laULR9hy/e4IWLQua0qWo+KFY8wur+LS+TWvKBHzugATKwIoVwrmsxrLxyo/B4pjPkULA8p&#10;tRNVh4YqW1YQ8JPR+33lK1Zs66MajCTa77HmdujkkEOsOLydCPAdGyIG5fBiZEjf5yVWfBqeSUUN&#10;TkL2vDhsjwQjYsVl1iNTC+YlcQPMRySYKEipQTBH+8FYEjcO9KMJNkRAyp6ZiJiMtSMAyVOwuMnv&#10;ta1u7yvAk7H2PgXp7twAEWBjW6HTIdc7GWvHjfPFjQzRvLYVS2Xu+0jG2hGAugMZoS3iUbSBUzw0&#10;wMaOGy8OOaI4rwVOObyJSBWVgUKCR0SiWCEoJJE3mJfIQKkWxDUHATbE6r3vTWKUqEApLn5Lsi6f&#10;YsVSNCM6VAQ61SejU0QxO/iRk3dZNaBz4BOp2sQMHTo03XccqgQUfQ+HFckPtgMHn73oMFsVoNS6&#10;nwtivwcOMaN+Z/QuqwB0aLokBwJxw/4UsYVN1tiq/yR1k0pGybx2uKGwWbSFVdFojo0dbkJs8KjX&#10;w+BSQE4qguCrZgSbJEvgMNHo5NYGOFQzMgaTCidsFva8OG9gAfb991IzLsxLDpgPEY0i20cFHs1r&#10;L1OmRnoQe6mOt+eV/17bLP69dgBgOcTBTXCPMoljy0WCaHJ+SMHSZTSq/blQ7mvcUDOSZpPaVoSk&#10;PdYP1SGysbYZhTOT7/IholG+RCepBcm8dtzgiD7ZE3HeLfP6PaKFr5qheE6+X+SmrLE4Z8fFYFpi&#10;FR4tQ4iuoeZaw4QDU6s/quN9/1QSJNZY51zCkfxaYpUuRfmE7LFYit6iR7itKDwdbZdJIN9jsa2M&#10;orxYQcMMv/R1uUG26Rrr4HKdhHVQKzIg2d0kY+2wQTIjMqEEhtuKGxBZ3CRjyftPqlX2DLcVxeZ+&#10;zmhe+/0nO4mSr8m8thVJeFGhM278XL/XFA3lo/c98ooVd8H9JCW42TjtsaAQkypnasUlNM+kyAP1&#10;SHUsdszBvMSKwspTeuU75kX9ie42i/JiBeIpNZ6MtSMAh46zqPz+e4lmlN88OnJAcbSeIbf9TApv&#10;MNa2ojLs5HcHz3DHjRvKxez32lZ8/xGbJmPtCEAu6KjugnltK+77pP5SMtaOAIh7SCZPxtpWJ08w&#10;KbfKinX9Xoz1kxw5qBXUEiVhk3ntuEElumyFLZrRtIAVYrQ9L55gcryhVpQDjzRSnHXJWFSNTzAv&#10;VlRI/02KL1F9d4/Fze5E0e84FKu5d/MnyGUm/V7GyvKL1Yr90Nyw9/1dFvUnR9/oWpN57bjBOSCL&#10;h2SsHQHYOkR3krEAWk8D7gvNczLWjgAw2dkOViqQpkVUmMf2kNziJESJERjMaqgcov5EbBMtscUI&#10;dhk0R89wxw0SVJIDIio0rYeB7J5qjwk2RP3JQWX0+RIjqjvcIooDbflyEVlPtOwVI05FuXMreb9E&#10;/cl7khQa4TB+OcjvhSo5eoY7blxUrUhwKJJRcEi+ZIIN0YzO0XKgfyGLUObFMiWpI0Gt1mU2ESoJ&#10;UWI086I8ZxA3RDM6zzBg6Fk4LQdnrHktv8deUX/yM08Ju+/fFLG6iPNR7BX1JwLf6CYkOl8T4/Ui&#10;bTeZl4QAuAoujwnmta34pCAaDcYS9Sf1eZEwBWOJFWOdyXEvyb3raVBVDvF9Mta2ogpoVKCIb8ge&#10;ayrPJ6AXq3gdpdJP9ikJm3KIVbw+VMHok+I/gUiPu+TW02Astr4JNnbcYLlBSZ7k99pW8RpbdJ+/&#10;BI5EOIdmYM2Lszk0Qcm89nqDMlQciyTz2lZcZD3lNL7HKNF9cvRNCmMy1o4b3G9CgcNkrB0Bbmhg&#10;ojMi0ZiykSKOBmOJ7BP6gP+CeYkVUiSShJOxdgRAlRrltx8iFoVMgWtLxtpxI5XbHCIWfZ9HJWsA&#10;kX1ysIRaLHmGe5Uy52yJhJ6jrvWmHOQHRmd6YvV+UaJ57QjA0uYnOtMTteiciyb50jAGa16jI8ye&#10;4baKz3tF+MmFK5Pd+v27LFbvc+zoGe4IgKI9ygsgw2E9jfh8XoSf8PPwFcm8drSJeQcRfnKkz2Fg&#10;MJZY4V6SUsQN4fthsGK7Jze7qNmwRMnPJbrPkQSPi9+xIWbDfkVj7QDATgreOFnbiFwUVi9RA3Cg&#10;uZ8h52yQHMm8tlnKVopaFBaWk9Hk/FDM0MCeydJGdJ9czpUVNENHuR4H2iMWRN+XAKL7nGts59EH&#10;2NjrjeTTJZrPuegEYWoyzo4ZU0kjmZK++xfbvGiobcbpazIrUXyShYH2JRnKzaKPiSg+56L0KJPz&#10;EDOSbZKKepz4LSihtLvQzQW/lpixWIsOX0XxOYUCs2MvMRtkJNFJFJ8EjOsVnWCLGSxFoqekYvV+&#10;hpzmR9mVaoZgObklhgWujhVqesRsSvMnBxtaLzTWvogZ1QGiL5cpPtEPJXqvQ8ziZ7jf/1GXRtnL&#10;JJWtR49ONEn7Qne9jMhmYQ+cxA0xo1ZdosMmO0TG4psc7bzEjIJpiRYQocYeC/Xb1Kr7/jVRs1FT&#10;BGFeBJ+ztp7Ld4OxZIGSjrWXDKT2/WQrKNGJvlfXybwkbsAcsJ1P5iVm6bwkblBn7UoSvygyt39m&#10;Ep6Tb6UIPsngRJ6XfFPEbG5KjrCxlw0UJ4b7inC4zdI4bzpRyu9EuzwxC1ehnLTsB0/dk7kk4ivm&#10;1QxtSVKY5VSdKGNNRmsw1g43U4ErOFTmihyZF4kzyYmomsXPUAIAUWMKvQfz2macvSQE0Wk6UdY2&#10;yc5LzciBSdZRMCf7GXJT65W8X2qGCjEpEsgVajIWzzC55kzNWOkkh0Pc0SBjoaZKEtrUbJbzQYw6&#10;VSeKDCAqJa1mL05Eg3UU9//teR2ssROGSM0uthzJvETxSbYoCAu+KdRF2C6yZkvYXsLLtmKo3+Ro&#10;w8w4YrsFkR7+2QZDbxe8zWpGqcWE+yKTUgaj4jLSo++hQ804Eo1ioso+UcFGCT4E3O3jKMwCVQoH&#10;LtuKKnecUCczE7MbN+dEv5lEj7mLKXqjpTLpL0uBKATLxfZc3QKZHUFfog4Jscn695RyoSz45qOZ&#10;PMa97phaCQnDjKJ//2Zk0sNMJ4OJGfscZPdfz4lOkYxSh4eZJSsPNeOyo0Tfc4r6k3xYdEHRYBp4&#10;srx9TvLkMU6V52CtaGYcxSYL01P0n7OpihKz1Ax+/4qgL7JRSl4TiaOZ7QhyA/rJURg6zP0YOTD6&#10;SbZjakap7NEhBWiUCMJgU9DoeyCWaqMMBoyTwXYoYB1BBnTyiZHr7OcG5AwgOxQQUEn4S15qVZxy&#10;tcc92UOfIgOd0aIqoGqGCgzFZJABSbxeEJmy6LPY/P6ridlc3cnNR8HPJlJQZA/vijzBaBJEbuhi&#10;ktM+IrbMDdI1OalSM26moFp8sl8SESnKHW66S/ZmYjYRPErvQE0gc+OUIFrtixmjTeGA5HfbgYTH&#10;kY62zRiND3Y02o4kjIYuNFn4iJYUZdLPSJO+xy3Rhc5oUws7wOSOQHN/CcUlktEklnCy/ptkRFLw&#10;ff3cc3Iy/Ekwt72uuB1z01iyr1ZJaTyaqENJpIJ2TZ6kmBFLfuZj/31uog+dtK1ZoX3/3cQMlIDJ&#10;aDSJJUibovKFFFXdv1v8BohG9Mb98kTmZG6yF5qCqVFUFpUooyGNjn63HYJ+qQs2ut7gd9tBgdEg&#10;HqO5bTNI0ffViMFoEkuGuklOAtnZ7d/tcSNQRijZQYH3DQohWSSLwvSXDRs60ORJ7qAwo83uK3gD&#10;thmj8SST75uUGGU06rkkUVnMGA03E5SIYDRHiZj9srae3IDvKBGhaf4GiBlvAALVBCUiGmW08O0W&#10;MyQI9x/CazC3HRSIk2HkErUp325iQjTaDgp5VBa9KVGZ0SKU7KDAev5dgu77G6B1Te8ohKEigie5&#10;gwKjIb9L3jfRnBZPUmMJu46kqBGC1h25uHxkKNNgbjso8LsRJ5OvqahVIXUmITcZTdcld9YlyRdH&#10;lKe83cgSE0yKiJS5EfGSL46Y8ZV6p2p9f5IiI+XtJm04QYmYcUcKX5xobnuBwWjvgo/f3wDRn5Kh&#10;SF3PaDSNJT+csERz22a/bB94KgFKVExKAbGopCIfz/0GPOfqswSTKiflvZlKp8GT3CGIwhKwSdFo&#10;Eksov8eAyWjbbEpMZieFIinllBbhYPK+iRmjcSQfzU1iCfoQyvskc9tmXFOM2DOJyiJGnTUox4DJ&#10;aDsEcc0r27dkNBGWjmSeU9hgNDH7paYVWsXgDRBFKnN7Cz6/Y1LMirlJLIlPZ0STmv9uIi/lSb5L&#10;JQVzk1jCxYvZGZ7oUtEEvkV3wWgSSzjPn0p1378BIjEdBeKUdQ1Gk1jCNTkcRSej7aAwoyHxT0bb&#10;ZoidqUiW7ANEncpoyD+i0WRdMk8yKWgOybCCOSjh5Cl637YZXFaKkh0UWJcTuaLRthlEDAftydst&#10;ktOBFhuB4HcTM3hcFq/RaPsQ9X1BdcQWiVYVZD3xMsCkyk6nKneEEjFjVcIlvNFoOyhQ6IJKg9GT&#10;3GYQOCitkjdApKfcPIQOP+EDxIztMyrAaG47KHCJI3d8Ju+bSl0pwT4LjO+RS+Sn0JdT2STB5I4l&#10;N75uc6wZjLaDAtsp1vTR3MSMl3QOGoPRdlBgNNIFkhMMUa4SEhAMRSjZQWEyr6Pad6doVzmchFZM&#10;5qYy1Du7jmgVpGa/swhKVngqROXwm9gVoETN2HZwx0fwu4kUlbrl6dxkOcOBCSR+MtoOCvnvJtJX&#10;KqP8ZKyRyFFv3Fg7P8D3lYKacfR0T2o/Uh9qf035mHLrTDKamLGfncSo7++bSFJJBuSwPSFp1YwF&#10;JVv2ZDQJChyOTa5o8CTFjMUyVRqT0SSWQEnC+CWjidmIbJL6hacIUydsscJIRpMQxMIEjfT3uVHZ&#10;a6OE/BR4hO+juRmJHMm3G7pnj/aLljCpKmRmN363hMvHJR3thLtO5iZmcPmT1vb1DUBvIaPxcyea&#10;ZzPj+CKq0oyGTUaD2s1GEzMqmVIdL5mbBgXS6BJMvkQSyztKpAzy7/g/ydwo0ZLcFW1mjHZBJQe/&#10;mwaF+EmKGbUxuMsuGe0jKGS/m5hxiM0qOxlNg8JsO4I4SfLC/gH4CF/JbhGd9DajtN4dMcXXqGxm&#10;VP6Yu4q+/24ic+VojFssghUep5jbSZIMULomo0lQYDTorWRuYsZoURYvsWM7Cf8ZFbI3M7KawrlJ&#10;UGAZeiV6UCpQbyeRIEEJJE9SYgkPEn1h8iTFjLXMzz2JJSJaZUH/YG2SjCYhiJVadGn6S8Su6AQn&#10;YS4ZTWIJ1+dEJd8oQbN/ALRjCPGS0cQMJekIRYL3bQcFPt0UzYne7m3G1UBnVDqP/K41N0YjmyKZ&#10;m5gx2isq/kqdnDUayjGskt9NzR4IXpOSkS9RvE61qGf0vqlZ/LuZ5BWtWnI/G5TIfiRQwgSvACWu&#10;eb3dk5oAHBHKaE8uJQv2Aaj1lhmFgX5Y9QZvgJhxhMQLF5z0wq7KaJziJXUq1YzROJ1J1iWiX+V4&#10;jCcZYVJjCd+ARPPEHTB7bjCSV8J1qBkPhOEilOygwF4FHVISS1QuC0lLnaUAkypgTYX6fGHWI5mj&#10;dhReyWg7lnDUfkRXSkIA6GiQW9Foe4Hxy0LtldQXgwCQ0TgLSpQ6CI2XGaNR1Dg4wVAzjtqnrHHy&#10;JHdQIHUEAWs02jZjNI7Vku+blEJFPQlvlMQSMYO0uE2B7e9fUxWwkpYBnR9ELjEbaXTELb5E98q5&#10;B5lT0ZOUWMISaLbrwdwklpAxHNWVZvm4wDVieDixZDSJJeTa3hO++yW6V0Zj1ZWMpgLW2XNEmBQz&#10;yF3SLJI3QAWsUA+EvAAlYsZos88PnqQKWMHx3M7+ff8mZjxJvjjJmYLoXueWz7mGMBhthyBG49sd&#10;jbaDAueMlJhNdh0ql32yw0l4HG6kWlDmfZvc6GRu24y58QIkOyoVsKKJmaIlwZPcyxkiF4fm0ZPc&#10;QeGPhL7oSW4zojI5Q9H7toMCXxyK9UajbTNG40kmX1MVsMLPDG0XPMkdgniSs+gK3jcVsKLMnSIf&#10;30cTsxHBDNn0PSqrgJVS+ny9k9F0XQJpxBI7GG0vMHj40AhJLBHdK0lD0A/JG6AC1jhyiRlSKaJy&#10;ghIVsBKVszMFMYNC4IMTzW0HBcQN5IMkmBTdK6Pxs0Wj7aBAcfwLzXiCkm3GaPyXfHFUwMpRUFRW&#10;m2JTK7wyGlCOfrcdFKj6w34xiZOie2WnOFliyRuwgwK1ySgWEr3d2wxekS9OEpVVwEr++E/0xRGz&#10;YrQdFNBXIadI5ia6V54kVHLyJFXA+iDeJRpDqmltlHAH2StamUvhVZIW+cQl75uYjbyKPXSAEhWw&#10;kkcYXT/MDRQ2tzPaCYvudYRqaI+Dt1vMyOrglUu+AVJ+Na4C9BIzniRvdxK5VMBKPlp0qxLlyfVJ&#10;ppiUWMKthVNQ7fu3W2qwMjd48mhuOyhwYAu3lURlk8sisk009MxlPZK4UpSaEUtm3xe8ASpgBZOz&#10;wPj+JMWM0Ya2SEbbQWFSkhEUJaNtM+DP252suUT3ynkC34AklohZMbcdFFDccNYejbbN8q+p6F6p&#10;18edqdFoeznDmotoHv1ue4GBKiWrUsnd2wvKs56cq2q+r15F9zrpvgyYoERiSbx6Fd0ro53oLpPR&#10;dgiaewV+f5PT0FNiyXyoIgZazP5YmSenaipgnfJx0WhiBkpItkt+NxWwcoJHjkbwJMWMN2Curw5Q&#10;ogLWtNoiAkbBZBpLpOAqKUpZjTYqc+horIKi320HBVYKV3auLLrXPE6qgBX95JQq+P4NELOJk+xy&#10;kt9tBwW+byjjkvdN5bI5SnZQYBWE5iya2zbjDeAViH63HRQ45mVnFI22zfLTGRGw/r743aLIJWaI&#10;qjl5Sn43EbBODZ65nec7SsQMmTMl0ZNYIgLWuHoPdbX3+zYlxyOljuhe4bsh85PIJWZkscFAJygx&#10;ASuZD1GcVDPUk1G2HYWX9yP54QwvUkWoWaywUt3rkFTR261mhK6hEb6vFFTAOndTRTthM4Ndv0Wj&#10;SVBALBtVFGHfu38AiglHV9TxYRIzcvuSKslmNlEh2uWb7pUDyohZUbNJyuSg8evvdpnuddJxgn2A&#10;mSH4QNCVjCZBgbcGGdL3yHWZXJZvfvJ2kyIkvxsipGSPY2bk7bKBS+YmCwwgGWXKXy6X5aQrepIS&#10;S27kBySqCHKE5JEMlR+hRDYryMem3OfXLw6JUzIam8wkA5SD3W1G+cJHcteKmbE0fyRcBxvmPdoP&#10;KeiJCsnMOPrm+C9BicQS0njIUkqepJihnBlRdfB2yx4HFocFZTLaNpuc8JE5fx9NdK+sFEZRF4wm&#10;ZjC0EGLBecklAlZCORKTYPWqZqyCHiP0D+a2YwmxnLO4JE5KfVdWeHCgSSwR3eukvLMXTp6khCBi&#10;MnUAkrntoMDKPDvDu1T3OicYiXqMu9DX+xaf4anZ+7wkG23HEkbjNDSJXCqXfc7+IXoDdiz5JbMp&#10;Yvs4IVyPJD6d4W1eZlO0j7CcoGSbFU9yB4Upezsbse/fAKkOixXHMwkmRcBK7eDBcjCamL19TM5L&#10;LhGwTi55dDqjZoyW8aZIGPfvxuvN4UQyt20GSjjBiJ7kDgq/cHYjS/n+u6nu9fnk0DbQmV8iYOXk&#10;lWsjkvdNzGIun1xpeZJ3KtIGO2E1Q19ClmT0JCWWQFtPaZDgSW6zGS26/JhLyPfcqGLL1T3JaNuM&#10;EwxO6JPIJbpXqk9GRQDIHV8+MlgmaKTI+TJjLMpgJDPbVuhQYX+Sb6nIVye7PloCidUUbphqFt+X&#10;CaJe5dQ9i5FiRZkCqPXkNxPx6lRsjcKIWCHD/omSrS+RvL64FyOpzqhW8QkXevIFEI6ho0ur1aqY&#10;2Q4iXDCGRCdAo+pd2aRTGy0ByA4GnABln2yVu0LVRfdx0/16jFy4SCpaNLVtNtVOIgk2ax0ZDY4p&#10;WiCIGTEE8Eev9Y4Gv2zbhov/HoxN7ko4SI63WP3tubH6+Umu8lWzqeTCXZ4BSES3+vvLEXuSrsiF&#10;JMtJRuOUJpAncDK+zLiTh7VW8hEVM0bLJKFo12U09pZR8BezPySh0ZPcgYSFHW9pQGCyuVtOMhrf&#10;+iQgq9yVjfPU6vuOSTEr5rZDCa/2m9MNRttmjDaTSzC5gwKbDc4lI5Rss2I0iSXkVLIkT57kNmM0&#10;Pm5JUFa5K+Ij1DDJaDsEMVqIEtGt/iG9SEYTs2K0HRRiuvQSlSyjsdlI3gDRrXKF689ky33HpJgV&#10;c5NYMpkSUZw0uWsalUW3itCDy6ai301jSZiGQ6btCkHQG9yFkyySxYyv6Szvgrdb67WiEWTtkPxu&#10;Gks4gYgWrqJbReiRXW9Fzv56JKxL3p+O72ty0a3+jpQ6ilxiNh/8qPTwpfVaKWZHIkjyJCWWkNL3&#10;SgrAcHHFeiQkj9yzw2sxY3fDCi9BiehWeZLkFScHF2I2G7CoRDu1tvfcDhYY0XpSzEDJ+yznO0pE&#10;tzqLIBRxwe8mZvmmVHSrLPD4oCYoETPebp5ksgoS3SqRC3l/NLcdgvJYIrpVysFTszgaTWNJenAh&#10;ulWkhRQlip6kxpIw8fMS3Wr+NRWzWZkjXQ2isuhWWSlw3Xs0N4kl8Wgud53cz+ANEDO+3eF6UnSr&#10;c3PJPSlIcYkZo2WJn5fWa32f50Rz2yGoGE3WJVNRMPrdTO6arielzGt+VC5mvN1ZIhrJkDsqw/Jl&#10;6xIxy98A0a2yf+NALRDqX2I2o41i4/s3QOWut8ldSA6vxYzR+OIkuw6Vu753i0mcFDMwOcvXZG47&#10;KPyxE45G22aMlqWZUgZNUTI3egWxRMxmtKi4zSW6VU4w8DL53cSM3y1LV4RTlbnx4iQlWdQsf99E&#10;t8o5F8x/9CR3CGK08GRedKssnTgdS+KkmLEK4pgred9Et8r5JKEkmtsOQfk+QHSrHJZRiC2BpCxL&#10;HshWoyXXa68v5rw2Wk2KFUUIKf+SrBOkWiuXqbF/S2YmhyX8Yjz/IJCIaJViBbOU+b7DFyuIAGaW&#10;xEjRrPIwoupHqEbXG5prPESyevLwIyJArBiMnWLym4lilfsyohuhyBPcMyPbkEJewW8mglWuv46K&#10;2qBMksGoI5kkDlIzaplxJzXMVAAQsaIELWxO9Bh3LIBN4TQhGWxb8eVNH+OOBURGzreSwbYVWza4&#10;9OQ9E7Eq0J+48/09E6spazlP//vKRySuBIKovsYlVrdhACKSVKSqHFhkzI1YcR0sMwse4y+3hS84&#10;cp3KmH19jmZ2oxrjb5ITj90+b+XmqeiuDDNDTAhzGnxBsdsB4UnMSsSLZkbRqblY+jtMsNshYW56&#10;SyqSmhliVT422XA7lMBCovOOfrttxnC3Kany9SXAzR0WELQ9ksWPmTEcv10QlLHbgYFSOFMrIEHm&#10;NmNdl9UcZri9JHn+IAXKhttmc3VklDjFcHt5wdUjBL5odtvsRhZ4pIdmuL1ReXBzVXI0aWZ8PTjk&#10;jZApotU73+Xku/P7I2YUa2U9E73mIna9I629BTVLGG4HI/azROygnCB2O6qQqhWV3jYzhmMFlc1u&#10;RxWO4iJtLcNts7n6NtrlY7fDwx0hUbLOMzPOq0i8il5zEbyiCY0OKBluB6P4egnsdnjgK8LFS8l7&#10;J2ZztfsrqTbAcDs8TAWYRDxgZlNplMS+JESL5pUb0KPC6Qy3owrHSC9K1EbD7ahChJ5EryBEi+iV&#10;bzmf5Wg4la9yQ2CS/MbCZC9xmuEkPMxrFyyeGW6bUZaf6JDNbkcV7n3gzDF5mCqXhQWK6pfgpoQH&#10;joWyhZ+YIWClRmT0RRAJK1c2RZf/4OUORhyckFqQDSfhIZ/dNpvCCJH6Azd3VGF9eiSJW2aG9hiK&#10;PoPKjirsLKKq/gy3zaaKUgqVHR7YokVXKTHcNmOpQkpnILjCTqIKaaDP4FDbzKBeYUyimKlaVs4r&#10;k+Mhjl4lqhAwOWpLYqaqWSHJksw0hpOoQgo1B1nRcDuq/LJxTVLmGU7MyA1krxwNt6PKXC6fVNlk&#10;ODGb4jpJuQ/sJDw8SfGIFn5qxtzIYIlmJ+GBZNCkHjFeihmxgYtLo+F2VGFNG24nRQ47JcW4VCka&#10;TsID1HRylM7sxIwLr9lmR8NJeGC4RC/EcGI2K5wkOwG7HVX4INzZyQRrFTWjLHdUjIwQKeGB3yB7&#10;79Rs6msnGXEjXl7HOAOVRMjpZtxd+kj0UNhJeCBtLykf4WZIyanYn0BF5K3A+UhEDAwnUaX47SSq&#10;EOkTKoThxKwYbocHzu0S/RWjbSuuGaHwdfYsd1BhHZbo5hhtW5G7TVH7bLQdHKj3mK3YH9uKlEt+&#10;gWjV99ixAYF9UmSBuW2rSbkkyyFC5Y4oVNwMUbKtitFE4DrFSQLl6O+PWHHTPAdU0a5cBK5zY3yg&#10;d2Q0iUJ3tPkJ1Y/dDidsRLJFg1hNzDszlIjAlYCelIfBRwkm8OGUWE1QIrrYY66uSz47YjV3JIU7&#10;AxG4HizbgmRG5iaxhMofHDlEc9tRgQvEk/RCRttWnLNyb04US0TgCieYFMljNIklLEm5kSia244K&#10;+WjbigRPlojZ3HZUyDG5rXiSzC2KXCJwfVLoPzq2ESvmxn3sEUpE4MrRc7YSEivWa5xLZnPbsYT9&#10;QLbME1ksl3OTUhTFSRG4TnTNnqTEEkpjnBwLBgyMCFzZ9ifaAlZLsi5hI07N22i0HRVYGiY5JrM2&#10;k5Uo9HE42o4KVB7K2B5V0+ZRWXSx+WgSS6hpApqjJ7mjAid7WeQSWSzfbtYl2e+2o0L+u20rlPJE&#10;hShOqsCV692iN0CsWE+yYYnmpgJXYkm0iROrZrQdS/gqZnFS1bSsExCUJCgRgWs+msQSQjI722i0&#10;HRVG5BGt8EQWy7rkQXWOaLQdFXjfkksFkEtsK8T89ynSFsRJFbjGKNkRaNZck6GbjLajAhRPokRh&#10;btsKReYV3fmI3Y4lSLXDN2BbsS7napPsd9tRgeJn2VpZqsDyNb0jM0mepApcX2eiL+ZwS45aEO9S&#10;gCgabe9WuGk+WymILJafg0S3CCWiiyWWZ99usWKrigoiOmUWXSxIzlhOsWI0nm0UuUTgeufLEe1N&#10;xYonye+WjbajQoxJVdOSYzUsRvB2iy42frvFijeAgpsZJndUGDlJ9iS3VbFWFmUsrHa2yxeryajg&#10;5qjoSUosiee2rSaPmxymZDRRuc5lZtFKQa24xJ0cmmi0HUvy0cQKrQXKwmi0vS6JMSnqWFZBxNds&#10;tL3CiL84Io9tRtvrkjiWiD6W7RvcX/TFkXqucZwUK/K4EZFkT3KvMOJTNakCiz4WZUA22o4KeJh9&#10;30QiSxWhd1HEIE6K2pVD7OTS00nY2LtFNuuQXNEbsKMC5x5J1SJG21ZEu3A0dHDbS55kxIyZ2QkJ&#10;RID9/ijR4+zhhhlLlCBmRgG67Bwb5nwPhyouWlKa2UlgSGrFwN7scJJSAmr1e7DNiRZ5LGLW5Cg8&#10;HonZ1IqFIaKe5DPAaeMa7czumueJbCswQr21ZOvNWcsejZOX5BOnVoyGsClD5Q4n6REly7rlI+Fk&#10;ziOid2AHhqlCmiyEWK/KaGA5IoeJDMsOJiE6xFCrSVyYsnDB+60y13BTBUyWj9zbwsok+t1E5Zoe&#10;K3BJyB6N6jkZq88PJXZTOvA7y+5WHEdkb7doXDnDSM6eiG/bRUSE8+IkP9sOJXOsmk1NrLjfLTvD&#10;ALnby3D9ala83ZOlnsxthxJ6iYScfM+2j/E+H+5g2aXrV7UisJDclf1uOyik+0XYlOUjIZptR/a6&#10;7VCSnvVyaCGjoYGL9sKcGy07gmvE5qsV5/Phl1uUrQhvshdArEbanOUQEPFtaon6Vq1YgZ0kxScv&#10;gOhaqV4U6bRJkl0+Urj0ZKUWvG2iak35N/a+e7CDNyBak0gV2BE3JAe9bOr3YLeLD340sx0R4IOz&#10;z7bIZycFLaIe0OZuH1kmR+FfrJCJcrtbNLMdD64jKjfLd21bjVY6/M00HPA5jHYAopydHNHoYIb1&#10;/nqOHFZFlYRmm7DM+M68IokotXyW2VuqFs1NzAg9V0S9Ibvbo5HNEmUAqhk1GKMLGHkkOx5QcCrL&#10;yFOzg9V/RJmylFhzQ7JBZe5ksSVmnDhNobYgaImK9cZmNqncxSPZgYRYh3YsGm0Hkljijp5qPRK2&#10;GnO/bTK3HUnQbDyTmhXMbZs9IR6yXaJIWFEovLL9vZhxjd8johV/RcHKTShh5BIz1hXRBVU4tYPC&#10;jZOZpLqVmZFYGuXSY7ZjCWkXSImSN0DMRoEfHd8hslzgorAMF3BFo20zKkOT5JZgUtSrSHSyrAsW&#10;4cvJxx+3jARvgIhX0Rrw6Y7mtkMQQRmYRHPbQeF+sJHIRttmUxedDV8ytx0U7i9Gy1AiZlzXExF9&#10;qHnWD4BIhwSw6EmKGTcFZOckIl5lNPYt0Wh7XXLnspLwd9vrklFtRClxRKr9SI7jzOKkiFep5ETZ&#10;/WRuYsYa6JWdAYl4FcKOG0Oi0TQEcTYfvQEiXqXEZLjmEjM4/MmNCt4AEa/OGVzEBfyKGTvnLBuO&#10;k6n1c3Nx7/0VxUkxI80sfANEvBqXJeC4bjmJKve4sie5gwJ33aGwjlCyzRB7kFwT/W47KFAJlupp&#10;0WjbbIplROQzhTbXIyHtm8uCo9G2GYugW3Z0IaVgebWjmrpzNLWc/H1xCBv9biJe5WCeDW0yNzGj&#10;UmcmaGfdv5yEnUKJHY22zZhpuHoV8SontVk9Ar65y0nqnpISnGBSJK9DjWRHvGJGiMiyM4n5y0nK&#10;B2f5i2pGeCVRLwiTol0lDZ4E+uhn26HkcUIjR4PtkHBRZPgWHcyI4pULtJL77Id4XI+RQziqVmT4&#10;33aU+YkyCXlPZDTqA0FoBTSA2M3pRfQp1Tqw5GJT9zkabUcS0oWzcyBVrrJMC+lSsaPgS3R2p8LV&#10;O6fQ7J6DByl2KZ1oulWKMmTxX+w4Ao3isYpdqTke3fQIB7C3N8cBURe816pa5ZsNnRw9xh18bpmE&#10;i+tQN/gflG/PPtpidx6/URARpetcZM9HPJrZDj6cP6HWSJ7jjgbsGS7KtUSjiR3J1tF7LUrX0fRQ&#10;xCYaTaLPnB1Fc9vRgF00l5NE8Vi0rgd7m2QwlaxyJMb2Ppma2rEljQaTVUUx2LYzpu1v//x3//Yv&#10;//TX//zHv//z3/35f/GPv51//fN//eW/2/jX3/z5L//2D3/6+dP8D//x73/9m//6hz/987//5S9/&#10;/d//+a//g0Oi//P//vyfP3/CnC6x+u9u/n/GuLWNfytj1jzb+FYZE3u28b0yJpZs40dlTEzZxs/K&#10;mHd9Gx+VMa/uNj4rY97EbfyqjHkht/FVGY9aYlvzd4UxB1mHslFByOgdzkahIOYd0qaCl5h3WBvl&#10;gZh3aBtRgJh3eBttgJh3iBvaXsw7zA0PL+Yd6oaO3+b83aBuqHIx71A3jLmYd6gbMlvMO9QNPS3m&#10;HeqGcBbzDnVDIYt5h7ohhcW8Q93QvGLeoW54WzHvUDdE7Dbn7wZ1w6yKeYe6YVjFvEPdUKZi3qFu&#10;yEwx71A37KSYd6gbulHMO9QNfyjmHeqGEBTzDnXD8Il5h7ph+rY5fzeoGw5OzDvUDRcn5h3qhiUT&#10;8w51w5aJeYe6qd0i5h3qphiLmHeoG4JKzDvUDeMk5h3qhgsS8w51Q+5sc/5uUDckj5h3qBv6Rcw7&#10;1A2fIuYd6oYgEfMOdcN4iHmHuinbIeYd6qYOh5h3qBtuQsw71A1rIOYd6oYG2Ob83aBu6AAx71A3&#10;B/Vi3qFuTt7FvEPdnMCLeYe6OVMX8w51c9wt5h3q5txbzDvUzYG0mHeom5NpMe9QN0fG25y/G9TN&#10;IbCYd6ibY10x71A3B7Vi3qFujmzFvEPdHKaKeYe6OVYV8w51k9sv5h3q5uBTzDvUzYmkmHeomzPG&#10;bc7fDeomP17MO9RNwruYd6ibDHYx71A3Keli3qFucszFvEPdJI2LeYe6uR5JzDvUTVq3mHeomyuM&#10;xLxD3SReb3P+blA31wyJeYe6SY0W8w51k+ss5h3qJnlZzDvUTTaymHeom/RiMe9QN/nCYt6hbhKA&#10;xbxD3WT0inmHuneK7rafhgZ376Rb7aBD3juNVjvosPfOjNUOOvS9k121gw5/7/xV7aBD4DslVTvo&#10;MPjOMtUOOhS+E0e1gw6H71xQ7aBE4gdhUTMWFgInhbOC8gdpQUPXgYVBBPJlBxYIEXiXHVgonHzI&#10;bgoWDCfFsevAwuFkLXYdWECcRMSuAwuJk1tYdeAkxqQLdh04EuE1ug7sczxZfV0HjkS4ja4DRyLs&#10;RteBIxF+o+vAkQjD0XXgSITj6DpwJMJydB04EuE5qg6c2JiUs64DRyJcR9eBIxG2o+vAkQjf0XXg&#10;SITx6DpwJMJ5dB04EmE9ug4cifAeXQeORJiPrgNHItxH1YGTHZPn1HXgSIT/6DpwJMKAdB04EuFA&#10;ug4cibAgXQeORHiQrgNHIkxI14EjES6k68CRCBvSdeBIhA+pOnACBOVY2YEjEU6k88CRCCvSdeBI&#10;hBfpOnAkwox0HTgS4Ua6DhyJsCNdB45E+JGuA0ciDEnXgSMRjqTqwEkRanSXHTgS4Uk6DxyJMCVd&#10;B45EuJKuA0cibEnXgSMRvqTrwJEIY9J14EiEM+k6cCTCmnQdOBLhTaoOnCihYlfZgSMR7qTzwJEI&#10;e9J14EiEP+k6cCTCoHQdOBLhULoOHImwKF0HjkR4lK4DRyJMSteBIxEuperAyRNuES47cCTCp3Qe&#10;OBJhVLoOHIlwKl0HjkRYla4DRyK8SteBIxFmpevAkQi30nXgSIRd6TpwJMKvVB04oUJxkLIDRyIc&#10;S+eBIxGWpevAkQjP0nXgSIRp6TpwJMK1dB04EmFbug4cifAtXQeORBiXrgNHIpxL0wGFaZSjmYau&#10;A0Mi9aHKDgyJ3BdddmBI5H7rsgNDItXHyw4MieRClR0YEm9UD+1+BUMitazKDgyJN6p1dh4YEsmj&#10;7zpwjoUr5ssOHIklx0IZWXsXSo6F+pHeQYlETw65lRwLl6C4ByUSPUHkVnIs1KtyD0okepLIreRY&#10;uCHNPSiR6BwLpf47JH6kipQcC5X5bAolx3L7SBcpOZbbR8JIybHcPlJGSo6Fqh/+DMqY+JE2UnIs&#10;t4/EkZJjuX2kjpQcC9VX7RmUHAu3nXsH5dfZE0huJcdy8xSSaag+LJ5EQsGCsgOPiSXHcvNEkmno&#10;puAxseRYSJP2n7H8Ons6CUWcuyk4x3IrORZKBtkUSo7l5kkl01D9Cp5WwiVSZQe+Tiw5lpunlkxD&#10;NwWPiSXHcvP0kmnoPHAklhwLNxE4DkokOsdyKzmWm6eZTEP1DDzRhCI7ZQe+Tiw5Fi6+sYdYcizc&#10;4OgdlEj0hJNbybFQxdM9KJHoSSeUQCt/BUdiybHcnGOZhgpInnpyKzmWmyefTEPngSOx5FhunoAy&#10;DZ0HjsSSY6E4nAGp5Fio8eodlEj0RBTuqCifgSOx5Fgo2m5TKDkWKs96B2VM9ISUW8mxcCeRe1B+&#10;nT0p5VZyLDdPS5mGCsqemHIrORaqU/ozKJHoySm3kmO5eXrKNFTPwDmWW8mx3DxFZRo6D3zvXHIs&#10;N09TmYbOA/86lxwLxawMByXHQmln76DcsXi6CtVMy2fg68SSY7l5yso0VL+Ccyzcvlt24DGx5Fi4&#10;oNB+hZJjuXnqyjR0z8CRWHIs1Iz2KZQx0RNYuKyinILHxJJj4bIWn0L5dfY0FqrhVVPggl31YBqa&#10;n/E+d87t/IVp6DowJHIPctmBfZ3vJcdCQVGfQrdOpLyid9Ah8T4XsulD7JB4n9vStIMuJt7nAjTt&#10;oEPifW5C0w5KJDrHwsWrHQ7m5jHxoORYuH3YOyiR6BzLvcxjuTvHMg3Vy+QcC+X/yw4ciSXHwu0G&#10;/hBLJDrHQjn1cgqOxDKPhXKRNoWSY7k7xzIN1c/oHMu95FjuzrFMQ+eBx8SSY+Fyc3+IJRKdY7mX&#10;eSwUAXYPSiQ6x3IvOZa7cyzTUP0KzrHcS47l7hzLNHQeeEwsORYqxNqvUHIsVJj1DsqY+FGqq+RY&#10;qOjqHpRf549yXSXHcneOZRq6n9FjYsmxcPuSPYOSY7k7xzIN1RScY6E2eNmBI7HkWKhi7s+gRKJz&#10;LNzLUE7BkVhyLHfnWKah+xV8nVhyLHfnWKah8sA5Fu6uLDvwdWLJsXCNuuGg5FjuXs5rGrpn4Egs&#10;OZa7cyzT0HngSCw5Fm4W8YdYItE5lnvJsdy9tNc0VM/AOZZ7ybFwf5U9g5Jj4bJR76CMiV7i615y&#10;LHfnWKahe4i+Tiw5lrtzLNPQeeBILPNY7s6xTEPngX+dS47l7hzLNFQeOMdyL/NYuIfBkFhyLHfn&#10;WKahm4LHxJJjuTvHMg2dBx4TS47l7hzLNHQe+Ne55FjuzrFMQ+WBcyxcNFN24DGx5Fi4tcGQWHIs&#10;d+dYpqF7Bo7EkmPhAi2fQolE51i4taecgsfEkmO5e1GwaegeosfEkmO5O8cyDZUHXhqM2w7LDhyJ&#10;Jcdyd45lGropOBJLjoVrUQ2JZR7L3TmWaeim4EgsORauwPYplEh0juVecixcJqweTEPzDB7OsUxD&#10;14Eh8VFyLA8oFTlbn4bOA0Mit8mUHRgSuYyp7MC+ztxCWnZgSHyUeSzcgeYPsUMiF9d6B93XmQuL&#10;rYOSY3k4xzINFQ6cY3mUeSzcmuZTKJHoHAv3hZZTcCSWHMvD81imoXuIjsSyVtjDOZZp6DxwJJYc&#10;y8M5lmmoPHCO5VFyLA/nWKah88CRWHIs3G1oUC45lodzLNPQTcFjYsmxPJxjmYbOA4+JJcfC1eH+&#10;EMuY6BwLF4x2U3COhQunyw7861xyLNw5Z8+g5Fi4a9A7KGOicyyPkmN5OMcyDRWQnGN5lBwL1337&#10;MyhjouexcJ1rNwXnWLg1tezA9s7cMVp24EgsOZaH57FMQ/UzOsfyKPNYHs6xTEPngcfEkmN5OMcy&#10;DZ0HjsSSY3k4xzINlQfOsTxKjuXheSzT0HngSCw5Fm48t9e55FgenscyDd0UfJ1YciwPz2OZhs4D&#10;XyeWtcIezrFMQ+eBf51LjuXhHMs0VB44x/IoOZaHcyzT0HngSCw5Fi7nNSiXHAu3yHsHZUx0juVR&#10;ciwPz2OZhu4hekwsOZaHX6kyDZUHzrE8So7l4RzLNHQeeEwsOZaHcyzT0HngSCw5lodzLNPQeeBf&#10;55JjeTjHMg2dB47EkmPh9mt7G0uO5eEcyzRUU/A8lkfJsTycY5mGzgOPiSXH8vALV6ah88BjYpnH&#10;8nCOZRo6D/zrXHIsD+dYpqHzwJFYciwP51imofLAOZZHybE8PI9lGjoPHIklx/LwS1imofPAkVhy&#10;LA/nWKah88CRWHIsD+dYpqHzwJFYcixP51imofHg6RzLNHQd2Nf5WXIsT+dYpqHzwL7Oz5JjeXoe&#10;yzR0HtjX+VlyLE/PY5mGzgP7Oj/LWmFP51imofLAOZZnybE8nWOZhs4DR2LJsTydY5mGzgNHYsmx&#10;PD2PZRo6DxyJJcfy9DyWaeg8cCSWHMvTa4VNQ+WBcyzPkmN5OscyDZ0HjsSSY3l6Hss0dB44EkuO&#10;5ekcyzR0HjgSS47l6RzLNHQeOBJLjuXpHMs0VB44x/IsOZancyzT0HngSCw5lqdzLNPQeeBILGuF&#10;PZ1jmYbOA0diybE8nWOZhs4DR2KZx/J0jmUaKg+cY3mWHMvT81imofPAkVhyLE/nWKah88CRWHIs&#10;T+dYpqHzwJFYcixP51imofPAkVhyLE/nWKah8sA5lmfJsTydY5mGzgNHYsmxPJ1jmYbOA0diybE8&#10;PY9lGjoPHIklx/L0PJZp6DxwJJYcy9PzWKah8sA5lmfJsTydY5mGzgNHYsmxPD2PZRo6DxyJJcfy&#10;dI5lGjoPHIklx/J0jmUaOg8ciSXH8nSOZRoqD5xjeZYcy9M5lmnoPHAklhzL0zmWaeg8cCSWHMvT&#10;OZZp6DxwJJYcy9M5lmnoPHAklhzL0zmWaag8cI7lWXIsT+dYpqHzwJFYcixPz2OZhs4DR2LJsTw9&#10;j2UaOg8ciSXH8vRaYdPQeeBILDmWp9cKm4bKA+dYniXH8nSOZRo6DxyJJcfy9DyWaeg8cCSWHMvT&#10;81imofPAkVhyLE8oFcmgmIbOA0diybE8PY9lGhoPDudYpqHrwPSJR8mxHFAq8hCnofPA2L6j5FgO&#10;rxU2DZ0HxvYdJcdyeK2waeg8MCQeJcdyeB7LNHQeGNt3lBzL4RzLNFQeOMdylBzL4Xks09B54Egs&#10;OZbD81imofPAkVhyLIfnsUxD54EjseRYDs9jmYbOA0diybEczrFMQ+WBcyxHybEcnscyDZ0HjsSS&#10;Yzk8j2UaOg8ciSXHcnitsGnoPHAklhzL4bXCpqHzwJFYciyHcyzTUHngHMtRciwHlIp+nUuO5XCO&#10;ZRq6Kdg68Sg5lsM5lmnoPLB14lFyLIdzLNPQeWDrxKPkWA7nWKah8sA5lqPkWA7nWKah88CRWHIs&#10;h3Ms09B54EgsOZbDOZZp6DxwJJYcy+EcyzR0HjgSS47lcI5lGioPnGM5So7lcI5lGjoPHIklx3I4&#10;xzINnQeOxJJjOZxjmYbOA0diybEczrFMQ+eBI7HkWA7nWKah8sA5lqPkWA7nWKah88CRWHIsh3Ms&#10;09B54EgsOZbDOZZp6DxwJJYcy+EcyzR0HjgSS47lcI5lGioPnGM5So7lcI5lGjoPHIklx3I4xzIN&#10;nQeOxJJjOZxjmYbOA0diybEczrFMQ+eBI7HkWA7nWKah8sA5lqPkWA7nWKah88CRWHIsh3Ms09B5&#10;4EgsOZbDOZZp6DxwJJYcy+EcyzR0HjgSS47lcI5lGioPnGM5So7lcI5lGjoPHIklx3I4xzINnQeO&#10;xJJjOZxjmYbOA0diybEczrFMQ+eBI7HkWA7nWKah8eB0jmUaug6MYzlLjuV0jmUaOg/sPPEsOZbT&#10;OZZp6Dyw88Sz5FhO51imofPAzhPPkmM5nWOZhs4DO088S47ldI5lGioPnGM5S47ldI5lGjoPHIkl&#10;x3I6xzINnQeOxJJjOZ1jmYbOA0diybGczrFMQ+eBI7HkWE7nWKah8sA5lrPkWE7nWKah88CRWHIs&#10;p3Ms09B54EgsOZbTOZZp6DxwJJYcy+kcyzR0HjgSS47ldI5lGioPnGM5S47ldI5lGjoPHIklx3J6&#10;rbBp6DxwJJYcy+m1wqah88CRWHIsp9cKm4bOA0diybGczrFMQ+WBcyxnybGcUCrC9k1D54EjseRY&#10;Tq8VNg2dB47EkmM5oVTsGZRIdI7lLDmWE0rFPCiR6BzLWXIsp3Ms01D9Cs6xnCXHckKp6DMoOZbT&#10;OZZp6KZge+ez5FhO51imofPAkVhyLKdzLNPQeeBILDmW0zmWaag8cI7lLDmW0zmWaeg8cCSWHMvp&#10;HMs0dB44EkuO5XSOZRo6DxyJJcdyOscyDZ0HjsSSYzmdY5mGygPnWM6SYzmdY5mGzgNHYsmxnM6x&#10;TEPngSOx5FhO51imofPAkVhyLKdzLNPQeeBILDmW0zmWaag8cI7lLDmW0zmWaeg8cCSWHMvpHMs0&#10;dB44EkuO5XSOZRo6DxyJJcdyOscyDZ0HjsSSYzmdY5mGygPnWM6SYzmdY5mGzgNHYsmxnM6xTEPn&#10;gSOx5FhO51imofPAkVhyLKdzLNPQeeBILDmW0zmWaWg8eDnHMg1dB8axvEqO5eUcyzR0Htje+VVy&#10;LC/nWKah88D2zq+SY3k5xzINnQd2ivMqOZaXcyzT0HlgpzivkmN5OccyDZUHzrG8So7l5RzLNHQe&#10;OBJLjuXlHMs0dB44EkuO5eUcyzR0HjgSS47l5RzLNHQeOBJLjuXlHMs0VB44x/IqOZaXcyzT0Hng&#10;SCw5lpdzLNPQeeBILDmWl3Ms09B54EgsOZaXcyzT0HngSCw5lpdzLNNQeeAcy6vkWF7OsUxD54Ej&#10;seRYXs6xTEPngSOx5FhezrFMQ+eBI7HkWF7OsUxD54EjseRYXs6xTEPlgXMsr5JjeTnHMg2dB47E&#10;kmN5OccyDZ0HjsSSY3k5xzINnQeOxJJjeTnHMg2dB47EkmN5OccyDZUHzrG8So7l5RzLNHQeOBJL&#10;juUFpSIszzR0HjgSS47lBaViHpRIdI7lVXIsLygV86BEonMsr5JjeTnHMg3Vr+Acy6vkWF5QKvoM&#10;So7l5RzLNHRTcCSWHMvLOZZp6DxwJJYcy8s5lmnoPHAklhzLyzmWaag8cI7lVXIsL+dYpqHzwJFY&#10;ciwv51imofPAkVhyLC/nWKah88CRWHIsL+dYpqHzwJFYciwv51imofLAOZZXybG8nGOZhs4DR2LJ&#10;sbycY5mGzgNHYsmxvJxjmYbOA0diybG8nGOZhs4DR2LJsbycY5mGygPnWF4lx/JyjmUaOg8ciSXH&#10;8nKOZRo6DxyJJcfyco5lGjoPHIklx/JyjmUaOg8ciSXH8nKOZRoaDy7nWKah68A4lqvkWC7nWKah&#10;88B2LFfJsVzOsUxD54HtWK6SY7mcY5mGzgPbO18lx3I5xzINnQe2d75KjuVyjmUaKg+cY7lKjuVy&#10;jmUaOg8ciSXHcjnHMg2dB47EkmO5nGOZhs4DR2LJsVzOsUxD54EjseRYLudYpqHywDmWq+RYLudY&#10;pqHzwJFYciyXcyzT0HngSCw5lss5lmnoPHAklhzL5RzLNHQeOBJLjuVyjmUaKg+cY7lKjuVyjmUa&#10;Og8ciSXHcjnHMg2dB47EkmO5nGOZhs4DR2LJsVzOsUxD54EjseRYLudYpqHywDmWq+RYLudYpqHz&#10;wJFYciyXcyzT0HngSCw5lss5lmnoPHAklhzL5RzLNHQeOBJLjuVyjmUaKg+cY7lKjuVyjmUaOg8c&#10;iSXHcjnHMg2dB47EkmO5nGOZhs4DR2LJsVzOsUxD54EjseRYLudYpqHywDmWq+RYLudYpqHzwJFY&#10;ciwXlIqwPNPQeeBILDmWC0rFPCiR6BzLVXIsF5SKeVAi0TmWq+RYLudYpqH6FZxjuUqO5YJS0WdQ&#10;ciyXcyzT0E3BkVhyLJdzLNPQeeBILDmWyzmWaeg8cCSWHMvlHMs0VB44x3KVHMvlHMs0dB44EkuO&#10;5XKOZRo6DxyJJcdyOccyDZ0HjsSSY7mcY5mGzgNHYsmxXM6xTEPlgXMsV8mxXM6xTEPngSOx5Fgu&#10;51imofPAkVhyLJdzLNPQeeBILDmWyzmWaeg8cCSWHMvlHMs0NB78/jjJ8m4puzCahS46NGJgcHy3&#10;lF7YcpEuOkRiYJB8t5Re2JKRLjpUYmCwfLeUXtgGhi46ZGJg0Hy3lF7YJoYuWnQ68fL7UzIvGHyg&#10;s+Re6OIDnSX7Qhcf6Cz5F7r4QGfJwNDFBzpLDoYuPtBZsjB08YHOkoehiw90lkwMXXygs+Rifn+c&#10;jHm3dO+I0zF00cZOJ2ToottpY/CBzpKToYsPdJasDF18oLPkZejiA50lM0MXH+gsuRm6+EBnyc7Q&#10;xQc6S37m98cJmndLh06naOiiRaeTNHTRohNWRvbvdNF+2Z2ooYvuLAiDD3SWXA1dfKCzZGvo4gOd&#10;JV9DFx/oLBkbuvhAZ8nZ/P44afNu6dDptA1dtOh04oYuWnTC1Bg6S+6GMT9iZ8ne0MUHOkv+hi4+&#10;0FkyOHTxgc6Sw6GLD3SWLA5dfKCz5HF+f5zIebd06HQqhy5adDqZQxctOr0sGV20sdMJHbpoY6eX&#10;JqOLdlfkpA5ddGfpGHygs+R16OIDnSWzQxcf6Cy5nd8fJ3feLR06nd6hixadTvDQRYtOT6Ohixad&#10;TvLQRYtOT6WhixadTvTQRYtOp3root2zO9lDFx3bg8EHOku+5/fHCZ93S4dOp3zookWnkz500aLT&#10;aR+6aNEJz2OLg5L5YcyPL3vJ/dDFx5e9ZH/o4iN2lvwPXXzEzpIBoosPdJYc0O+Pk0Dvlg6dTgPR&#10;RYtOeB/DRckEMebHurPkgujiA50lG0QXH+gs+SC6+EBnyQjRxQc6S06ILj7QWbJCdPGBzpIX+v1x&#10;Yujd0qHTqSG6aNEJF/R/STu7HWlyIz3fymBuwJNV1dXdC48PfOxD34AkCFgD8mqhnbUXvno/bzLe&#10;IIPMqs60JQGt+pKZJIPx/8cJOy9Gh5hzwc6L8SE+sWDnxQgRn1iw82KMiE8s2HkxSsQnFuy8GCfi&#10;Ewt2XowU8YkFO6/GivDfT3ihf7mEnbhdl09cxE58Y8snLkp2HBjLJy5KdqzM5RMX9U5MgeUTF/VO&#10;9LXlExf1ToTq8omLeiecb/nERb0T9Fw+cTFWtC2xIv3LNexcYkXb1VjRtsSK9C8XV7Fg59VY0bbE&#10;ivQvF1exYOfVWNG2xIr0LxdXsWDn1VjRtsSK9C8XV7Fg59VY0bbEivQv11axxIq2q7GibYkV6V8u&#10;rmLBzquxom2JFelfLq5iwc6rsaJtiRXpXy6uYsHOq7GibYkV6V8urmLBzquxom2JFelfrq1iiRVt&#10;V2NF2xIr0r9cXMWCnVdjRdsSK9K/XFzFgp1XY0XbEivSv1xcxYKdV2NF2xIr0r9cXMWCnVdjRdsS&#10;K9K/XFvFEivarsaKtiVWpH+5uIoFO6/GirYlVqR/ubiKBTuvxoq2JVakf7m4igU7r8aKtiVWpH+5&#10;uIoFO6/GirYlVqR/ubaKJVa0XY0VbUusSP9ycRULdl6NFW1LrEj/cnEVC3ZejRVtS6xI/3JxFQt2&#10;Xo0VbUusSP9ycRULdl6NFW1LrEj/cm0VS6xouxor2pZYkf7l4ioW7LwaK9qWWJH+5eIqFuy8Giva&#10;lliR/uXiKhbsvBor2pZYkf7l4ioW7LwaK9qWWJH+5doqlljRdjVWtC2xIv3LxVUs2Hk1VrQtsSL9&#10;y8VVLNh5NVa0LbEi/cvFVSzYeTVWtC2xIv3LxVUs2Hk1VrQtsSL9y7VVLLGircaK/tOf/ukv//Ev&#10;/+3f/vgv//lP//SPv/7lj1/+9vuvf/v1lz9+//WPX3/5x++//uPXX/78+69/1rR/+qd//dMf/xxj&#10;9X9/+d+//3p7Prjsjr3+s/7/dvvASa6h//Pv/+uv//3v+0t//PIfv/+6Pe5U5jcsZRBdgO1r7CP/&#10;9i/1jRsXfzeX7+1JSkzGVDzOf/81ZrhxvVLz72r8IzPfPe4vf/v7v/1130ifM979eNxukQ1w+7gT&#10;6DMB9pF/+fc//4+//Ne//p+yxg/WGNmrvPd4tgZNQKot6WN7fkRqFI/pnbx/tj8mVTbE9I313rtv&#10;qcx1OPODHn/Bvnj3xn/ijAIY3LYdCa08/lDosh1hPOaNUBx5zCUw6XM9MXN59+DTJDc2RsCn2dPO&#10;RXLPwoOIzvD44p4Bdzgshnf7p58f9sIeQfvxhVfBGHh/snAT04k9f3OQ+e7BOX985Kbu92dT4nNh&#10;L7Grnuwb/Hw+nvfEsxtH66hFx09jeaDe83F3U8bbxw2F3m94nP/m+I8tMl01/pYS3eNer47Oaro+&#10;RjE7kArAOpjRF1c32qakjxYMw6+BgwWD6euzRXT3xuLjalaDlA4XW0Rdefr56Nrxj2f5DbpHDIdX&#10;aYheKIN2AR9JVutTCLwvyu+Kif487efnI9xcwPf53QLuuR8ap4RzFNT94D+FXOGDvlOw0ZSZ58/z&#10;qt7hEcnDvAsL2tHeExPOeqo6px0eiF1PgVAVC8vHLxmFkSSQiWxlp7sxJ3zPmoTH+a/HP8g4H3mG&#10;9+dxdZ/51tNl/syCgNilY9/Zx/2ZEH8A8QmmnGWERrXGoc/kj2dJ3IuZvV5xwOnTXOcczsTbh9Bz&#10;AjlXHUUsk8dwIgubukvvPXa7bVSem1yet36/isf5r8ffmMVrBLlS4Hpcnc1vwbsj/n77eD7CD5sw&#10;xbfgq+R4DEzrzjAlXEbBY6S8z7HOVX95Zm5jz5k/gen0aYCW2//c4orevjDEYYIc8Hej/efT3L6h&#10;N0OWC5GbYMhPA0er6LcPbrVtBuzwmH2GmtIfn+IJRD/4tM/o4NN3VpMLQ7oVDomyta+1kS7spZuC&#10;P+/5JhDmp/1u39Q3j3NhEHA9jPsGGMwVuF61LWzZszEtTvi+IbcsRMe3PM5/Pf4G40jIAinr4B53&#10;iEd3kUaLCHNcC6Lc7yyj6eY8ht3tcjE3fgfkeSJPuMIxbR7PjGIUHmuw3+/2Tz8+Xe6qxygUhcff&#10;PzL7fHi8wPR45o8PZ4oM7/aZP7667DlYGFw/JYSo1ty6zmWo+3TgQfnWmdOUGDjCGX+3zuZZuEMp&#10;PN8cF3pq5fF3/ikFMrfkTCLgDlWEFYWizTZ3ND4JU/aUko/W7q1GvsMU+khEgfk0Z/zw+P5MPQJN&#10;p2eq/EybbNKXmmEqYWFU6XKHyabuTpurlmbQZ0apStUIKdXD5idmZsdRpMnMfrd/esTgg8dYOAmx&#10;fHwS2jcEsPkR/Lj55/rMqGJpzhw8JvktJWqC5NzMN51tzozkqKzuBrRBm8Zk0dLmx9I78m2f1cmZ&#10;b7KD/emdH482GrwSXdqPjUIJEtQBqb1tYV9wmyuyVqaoZ16Rd4MJJGlzUcukOcH8sRk9s4nu3J6J&#10;e6Fw+l2U0Yrb/MN3nvNK7hsgycMYeU7lHfVXcJLf6JKZJ/Upu72wX1LPfX+b5MKsflDV4wvm4LCM&#10;vcBJ0DO/NsMrNbE8SErEPyM9A3Vwl/gjGiAzbpGXyWPrmgu0zUW9Wyro06GBRZbOJ4/z3zYe1bIT&#10;vmwEO5o87AikNLRyiiNGC9g4WVIoVcYxrIgWlfKuvxmd2rfowBPWieqvWCv2UcJrtaRgXGlKoEA0&#10;tTenxeWebFmK3XmioXN15xP4dSpX/gIYqRGBpVXl5yYAyY9Gq2RTXpBDX7Cn9DxQelPNN9iem7Fg&#10;eoMdhZxeGuYVrK8te8KqIH6Y9g8EaKaJd9PeGBKI9+Bgoz7zhlUljwvYDLp6nP/GeOyNm10nj++7&#10;pPn78Z/oMoFWD7FAKyv+bt2bZ8F6MON4IJom4scziRHQzufwMZpbPob5ZW7gzyL1QUGK7esHLKgp&#10;lMZHYvgI8+AND1qTTwbVgwMwuwSaXwn/usv6K08CjhXqNu8+WuP0PjOGqWU9zkS5Tke284AVhRuc&#10;c9xFZDuXOtcb3JFOGslvt8fnDbU8TvYl7nzQZMKqO14aOTDf4oLcN5aQ6Hn37O/xFhc+UDXsRdQs&#10;LUMn4YJB/hk1ASwbcbRbHf3xAw9QmBdYCsM96hUXXvuaP+8bHCyQTchhs+Y1XD5xJ5iVSgbOOO/9&#10;xsljWnxGxcwNmuo3oXjc61P7hI9bk5LbOBGuL64iQJsSvBVu7gzugYVR3c3gofyJ7Sn6RAtvGaTc&#10;hif/c3s6UnSdqP5q08JW7ykKcKZvRXf7wqNgQOOXnFnn/wdPfsvsF0FR7LxvtCeW2USBJJDPsu6v&#10;/mq7RTNSfXi8imirH4aTGsgHDkYOM73yyNueBFXRtvyKaUeX6OLc/n6yBS9qVQLQpNKDIdXvPOek&#10;d6Qul2u7XQIc9LZ0s1ncINJYRu4lDp8aKiy0OTUXnekQyOBJWpSigEmpGdzD67Qoieb1PfRxblrc&#10;Gw52HehS0Hw6v/L0koAwiMzJP+RROvZZmPiDdABvIoQOxnjoYUfAQQMgAhNnQs1Sq9fKdQCthLqU&#10;kYKfmDqYOH6XGT1hnaj+irXiqLWJ1mV+Trtxs6t5zyJhuZM9HYMXJegnZG7+ISd2S7r2tHB+d6VE&#10;QFr45NNP3vWicBU0ffAUKnyC2jajH+jlTVnMD8PyjGMPRlYg49NDKW9AJmQ0JJgUwj4CsvR3n+0D&#10;h1FVkT4hMeMnOpd8xIO28FJq1IneiB08g5ESgruHXdkceC92cKvA4mO7CrtV9RdWm2obpAx3HNbM&#10;hcQKszSxg9C/YIFwm7LMmXh1BgY6L7D0U46+LuqGpLT+gLXXzKJTiAFv8R1jtweaSzVtUFp8KcLt&#10;ASOuFsiOVJ5WRvYxj6jn1ajvEzFqCwT/Trya+ChEt5a5Pn11rnWi14jxAbCMdwqRpR/tPWI80Tgs&#10;le6QH96M4eifnLb9G3d0la0gxpPRdhreJSmthU5rLhTVQIV36G47T7Ht6iwStSaFwQCbbmVAPnls&#10;Lk7c5dmWfAox0HIellnYG3EpS34YHEuOsS5qhAXcBKg1nfvEbkFlM967vCvFN1uOYAUyOrClgawv&#10;KPH0tDhMLA2kcFQwwh4/DGQ0eYF0OPmX6DTt9qX2rnQPe1exKD8zIbLjowVoUA8vRBHnDesWOREb&#10;9TD/9fCPp2Mk9wf7fG8+4xtWT+6dE90VRPXp+auvKetGkayC3/u7+OFuWWbwaivkHeBaCb7HG3Lv&#10;tEPL2Q5o4kbbAuykmAdyrkRxo6nMlz2/eAu2yi7RkHkcc0qeNSQ7RRY3OifKj9egIydcwYUNz0n6&#10;XzvwTDb4VxXNNGwJ+PrkJlw52POG5gCvineRAJU08DWgPIWI6Fytz4y3LNeNBg0+nyUOMIar9rxn&#10;xaELUfIYBdELIzrSpF6fGY+PGRjIqgD5+ZnxdNi31kk6Pw3uSNi1w0CRnIKZXNOI4PTj3Rd7emZ8&#10;ZJtZ551Zmg+pz4xPNaFNo+AqGbcvzqrzR9S8C+f8ha7uVT8403ZSfWbYaWogC8cH++7kgrQ9P8Dt&#10;pN4TGIbbAid2vAuVVHWNSCufDnASOYmWMn1hUIa5JA6N4c7cgs11HY1DbaBFJms8sAerfrrBctPb&#10;/Vh0MoK41DN5YcjI5kY9Rc8b3piU20BWCik4kpuCGz8dPJDjDAKsj2+ZRPPAFOhZoT/v+RPhlgeJ&#10;ZVNlDjmqsOpU+VDZK6NBSnSf5TVVk+QRKblxzmRkNIrse1ZEKh9bneyPcS/2hSEaz4tZ2aNfqSCz&#10;wa1oScSInulvkMtnYnFPlOT00yq14wJVoQn5AlFccKja9SCZV/HBnZPI8prQ4IldzmLiMYd1gXvC&#10;LtMqfnyh/NWDfOL3tyg7cObC1LC+Y2Z5si5AW+Fp823c05MriwoSbpGNPUPNcXdAnrNyOPNtNaq5&#10;AG2cFjIWdniRAziFLvDIKpvLj5WnVqgKz25ywDfOh0NOIus2V73EasgWGB9zkBUBCeT0FFfwPDWr&#10;Opd1k+BeD7J0bZ2h6EfEBP7jcf6b4z8+Mm85M/PejEfXiYoVeDuOGZ+Ev+u//j74bX5Y4OdxdTd+&#10;C3eE4wLygk8kQMAvrfWDI5UH0jYoC7yELUqpsYZwhIgEom1aHaAxwQ6XHOOZvkYhGBT39BEsfp7t&#10;ycEmuzogXSjE68ZYusYVUMlTsJCaMZHAEwU3elAoYiC/zyh3nl+fv6X9fJETEh64ZxRmZbKf253/&#10;BcNZWfTnjS2nWLrI/bFBfZD4PMNPkQwHewHEjZkPxBIBi9zza4lnHA+sJvTwtFFINLXXKnic/+b4&#10;YY2yrs1vPe6QdpCoOEwNNDhtPa5PfF8pPo529uHCzxsnzeHqsE/qL4TRoNQmmUDBWYsAj2w0PODK&#10;k+pOOO5hTtTdP8vM3rthpCwKR3ARpj8kAsAY8CV7jTj9mrU28LtjmHLJWcbUFucT4pgsJYN8VRm/&#10;EKu5M+y05sxfdnY4M4N7hPRA0cX2dE4eDmgYcqHNL4SI0yRIciR4ff40hSa2OrrDJikEOzcZO3Z2&#10;BDP7YzTKjI7iLG885eSewYTU6uAQk34EC84kGrxXmCh1z5yVJQ7eKrTm83vmAvFM31k9ZxvYLT1w&#10;R3Ai+TqYkRNiGUiXi8cchmVjPdkJgzHYXBZ2E2o1nWzAyHn8AxM3mCIC46u5fYfxdbagEyWVRUH3&#10;7Y7t0Lx+eVzcO5Zy7Q7ZN6D1x9hbPk38ykN/2Z9tC/JgUDECKtTGVJMcJwZmjYGGP6OKemSiCDbe&#10;xnny6jRferQwlJKAkGwdEV+5gYgrPKNMj6IpSpwcyPE5+G+DLOpWMj2Gw44C3TzsrYuqV5Zw9rhk&#10;4t1Xa8OpRX1HgEPYsrioPGtb3Dx+DYNN43WJiNOH+X6cxoBcy3haVsTpHa7nze5p0aO8rZ1cyN/v&#10;F4693D1tlkAWv0GO8fujuZFLkOHZG97chK934b8BLWzAp9GcgoJHNnrxuNe7uZNdZ8epkrKbvwLA&#10;vdoMRhypXLEXmdRmU57Lf9va7izeWQR4krYLS1MpUSb3IQQipvZmbXpDRv5+NPtufgL0F9Z0jt+T&#10;FprW4E0c8SRsQO6Q9VvKAyvslMfPrM2B9U4ZjTzGteW3lbFgANa56i8fNNLJOpLcqDW8TqzuLldz&#10;w0ys0RY0MDek2gy0CouSsUqMO9KRvHfPqSBG8EHe4isTo5jHl/0RoPQsHne8MwjEDAJvqEyGQURN&#10;IIciinKoc+/niCPsgm+Bd79ujgRg2PK/OjPRdIK5RqkwHDtMX+Fo3eVrAoQz3J3XxAEhwwK8LwkQ&#10;D6FdS8Rnes2h4eu/7fywfJALsX4iq7hUJxR/KYLud9TdkNh4UDoT7kuruwySx/dqVRWrMrIqDTHM&#10;Qbk1GzwxZVq7yXxKBNvIBtPEGxirrRPVLaIX9CNixdmFzcP8N9bHGZuDUYCJljtDpCgHfol3DAul&#10;Axf8RNg/XOMMEU5pL3dYoN1TTE3+3eGm6hbj9GgTaqUQLW0q7EKjciPom6qlqsmEbxMdwtwAN7iZ&#10;YZ2o/oppd508XsWwrrEhrJwsrSKcgsta+/ER1qe4PC7sVp4LMygwp9bryqyzy1XpNA2Tc1r0ROfi&#10;3JBK2zHmHO4WjLTejvGIqlL2Q+DW9Iadoqr6cbfwKkcpgNNw119BosNpEY2mExyxSlEaP8zuLZhV&#10;FTadrUq2fLYg44sEror4eNeleDXxgNr2AyfHV58pEYc60vz1a8OVm+izpnw8xaC/6r+Bka827GHH&#10;EAaGFl0HMOTY/ZS118Iv+ZHtPbp4sNRpo+oEnLHkql8KDHratlWAvcpwDO6MDKjoLaO/dX/1VwMR&#10;icGp094xWBrhmT4IR6SOiOVGpsqIbXKoGBZ3ugNcSKVGbmc8Yrexpg9jedqKkk1TkByv5dO6EPG/&#10;74bkaHh1f/VX7BZNxJyxv5q7hR/bZ3MnqNQ07nyKXDPB96fnpiWjwobDwW4RaH0/C5BR5U3wV88W&#10;f5gVW0olnzXHFGaHzG0IR1xe2R8DJ6FMHz+On2IE709P7VbeLvc3wHhXLfzwYdiJ779CEIE05eQJ&#10;E5CyYyqAge1Pz027l9fFq6hzNZ+x8KWVbvdTiXehpiaczk0rp6NXTMC9BqSJtGWEogsYoxTZ2dKM&#10;G2/Fg3JB6ik0nnJ6wwgpYCRNHKyJD3MEtS8CpX3Z6IQ8EFRVHdCp3WLDwuHiw5xeS8b1fqTDOR6j&#10;krat0C3+m09zuG7inJsWCW9MpuJ3KugaF7VqNHIzmUsRXellL5VB1F+NXdy/RAVttwfTajtx8gfT&#10;4mKyD6pbXad2+yApysERfDiTRUZSWBb0qbfHpGbhNnKhCAYQoezTZzsqhjiDvifK3BN24uRTVfLJ&#10;k3uSOTJoQ8PVZ0WjsdwN8fy4qZCloT+k09AFEHmY/8bwV1vzsKMjrNBC/yt08h7ShcbScD51hPhT&#10;3+EGeoldLwd4ha/ZHP8qwo4klkaDD4m8c+yMQGdCLNWXDLqmI5r2gsSOT2MOovTLEQO0AHjEyPFR&#10;HDK+ifSNbjS5qFf2Yj3N17YwsSmS/BtP2lCICdvFwrvFaQxpiKQ3bN7qjbXubB6PoWTAkTqyOiLf&#10;rQ5XmVdHWgBu859Wh+VnJVLIIbdhY89eVYVM7EkqRvDe7ZtCv2oik+iIu7+xMngvWl0xSHhMAqAf&#10;Y51dkES8y31/Da1wwiB3pk/j2QqRjpxCwypCARuBdfttMCVrF+ou6y/v+akGEDtCw4D59DQzrqsw&#10;vzk/8lsL7ZMjydve84g3da76yzOD8rlqOH2N/pEsg+kVlAbC4LAbCUJ2KFZ5I0QuDyayGydc56q/&#10;PDNecUeRldNX7WhUKtQMfxpiq/YJjucH+n7MjFvnRTGNMS3mxD+IF9ZvCSknjFzG48zI8aTNGec9&#10;zn/z+wTGQ86iaUYW2iAIXkACbuK38D3UABWQoAmBHyO85iPCiLCugham1L6zSpDS8fAABjwQx63C&#10;wRyN1GDwzgwJvGz+qP4YQZv0giS4oFpztlCLP60U9OpFRtkmh2xfGASxJ8YPqje0xtn5bQy2Fms8&#10;JdB4l0p6v6s888LjJyYAByuuLh5TbWAqR2NunrCTM8sY9Lu8yaGWTRXGR27a/Bj2EyBRLBU8O33O&#10;oBfcu4ETNVlFd+PM6oFizgYOqOarPCY913vGuiI8czzzS1cqWTUk4ATMCUGrbKytvUu2Q8p4YByY&#10;m+Mj+azqP5/FWxAAVV1lc+kkftbHZKN51jpX/RWUTHUx0scQI1WycmSi7I7ogYloSBWJxJvC7ucr&#10;INGlmcdPW2r2Tf2wsAKSi3su7x6A84fDeHHGFb5vNAx4EZIsYI4mhrZxCkvwYrtsg+AScqMeBqkx&#10;zgpSpITwVMFuHNLuXEMwBH3jBXYX/T+wBAvF+Ui7hoNvpBAOBaFh/ygLQZXt5TGrSdmL1ZzRxwli&#10;RzPjLiIxLxgk4nEKduF+QE2KxygUNWvnRtgNDhyP8ds2iXOOixHNF6HJ2ME03kuLyqaAZ5iLqKR8&#10;ukKbZBbESrz9vT1fOCgmuars+QSkUm99Rh5XIWYaflIE7JWuQoRCRffkQlnbq4bKRkiuCN0GdU+Z&#10;7YGNda76yzOP9E8gonqOUOxx/RkIeKyqd5vH4LMlFJZl0kGdq/7yzOR8hIdOrgkC3BPKdbb2jTXT&#10;gqCdudCwKGUj816Rq6rpjzyyQ5Y40AIBzOe2gzNnZi623fACZ7QqejiMcxiJ+ic5vGPkF+6VaVOF&#10;/rEcm+DsM7/iOhW+b/iWalQNc0W/k467dDOe+pRolxXep400tN7QzeP8t49PelXBZdOWgI7H+a/H&#10;A8BwACse3wOJHvduN5+wh8C+J+E3OFQ7ide7wScZMSIlKpCCH2/kbIccDD0q14jkafdC5rHg73CE&#10;RDU4ESHJx0SNrbnC83HxHFseXkHABX8o3M5YRlKfsczj/HcYH5o5rAJFfKemAe4VR/It1Gbj44rq&#10;nD1mU7DAJLK+M/hrBPoGCj5HCXdUHutZWGOL8oqiZxKl+CPU5j4zCRJJ/Sk0Ts4McJC7TSoQA240&#10;0D+NCmmkoqBbGSIjr8V77kAvQoO3jUEVvvWXoQ31G4+UDjdxPPIQETn7wqjTpZlLZYik1GVtGYmT&#10;wO8831FxqZMLuEL+o72be2bL2VEVeCDryp7B6qxYQk69apBwuGfcf4oW7Q5HzC7VfY/gxOslid8e&#10;LwF5+B2C0UkR5Ee8gPZEC5Kl6fWm90tGNDzOf+NchGq2S0krQdcJyHqc/3q86hK8J1SyjP15nP96&#10;PNkVgcx4bNHELJ897hByKOOWrVhvpOJVyOFU59Aa5LCYQgXNI6XFrqyfHbAIZsXCjqSUVxAr/Y0C&#10;X8Ia8RaJ3uZVHue/Ho+PK4gF9zXXQJoDe5z/5ni54+L7T2H0e0gT7lCopK0H92nKWn/3GHIoSY4h&#10;9DrbDhrKLCG99lFMzDlVFQ0reAu+G+Jh5ykcjiBHU3waEkdzHbAdj9iQBUuUoSZP4T5QUXB7G6R9&#10;lYvqvTeY8hZ4EDDF56JqonbSHue/Hg8yOkqCTdDvqfc4/83xvYAJ1bJrWh7nvx6PI8qepTvcIq0U&#10;jzs6M2wANfuPvROYAKtGyIFm6pmxnxmdXmmHVR+jZ5i/oVUp6+9nbEcaEw2NFEmVDP/gM9u+ZC94&#10;EQittogfZCxaDQwldgajgajL0hExZOm0ndG6g/+Vx9QBEheIx7ipXyQHGbZxBjJmQs9DRVLua8DD&#10;4/w3xqNd/+Ygfant9LjDM1OJScj/1lCjuFxBRWrxA1zoXeqOMh4pIgkHV+wMPe5C2IwUN2or/WlF&#10;GyeYojo72UfZVTUuDfYQjAgqpbEvZbEBnbrL+isghSaYKb9rNw+x6UzT3euGK0ikc+bCyElO67DO&#10;VX95Zhh6rlo9L4ufh8ITAtIGJxnpTeiZ6ZEKS/pXiAvFwJOz17nqr5gZB1E2it/rw+umyDNW/4lG&#10;m2QitRynnJnqOjz3foz7f3970dWMaZ4T3d7rhemEV2ugtXn8WMOOyE8Pr8f5r79P1aazSdGHCEy8&#10;pxAaYUCbsQuchNsPFEUTkdRcSKUkl/yH7yPpHG5HbIQbZNjv4cnQKjJbLMHKlTU8khjsSoZDOxnc&#10;Ng0oeTJF3mALvtAoJ8h9fz1Tm6H8XC6Uxms9zn8D0nt9xigTff4ed7QzFGDS+6zeSAoXnGOx0HAc&#10;hwIlk1OJK1TU9rmJ+Ndpd8czw5VwBbV3l7SV229UzqfepQ6uhatJvVOspr0NXmUefZ2r/mqQ4l1m&#10;9qqxauppkpbAzF4YKFjj6jxGXfPbeCguUDjRIj7td4k0VBKmFpbsAm8qk2aMRwTWaenrx5kesVD4&#10;4Z5piyXPzw4vOoroUAcM5iH4FWigMoMJ2kS+s68ACcL0Og9crHPVXwFtrsHLVjRKUq0yBI0bE9wz&#10;Y+bOIIHfWAL1+Pu5PUtVzjxj1PwpWEVFXtafUfhHjU0BCb4AtUPbIYYHWXevN/qruzR1xW4hEVfb&#10;AWYo2JDyOP/t47udC5NZbJw6m98ajWdZx5VqFToO1VC68OcEUzIh3XCshdK8xjpX/eWZxwgfdmZN&#10;ziLwjGIVTjswKrafGAy7UKdjwRTbQR6+UzAlVzPOEb8rdsQPdqPy39O1MHrRDfvjnaHspL/iII1g&#10;DBIi2Jtx2XemTIFGXwpERnryOTzlOFQUs0OFSH5kGOWn8Xv5zmdkF+RSSVctPex9R3NG9TmE6eGe&#10;0co4hjYzeS5Tnj7KJmGsRgL4p5T7VChk9Puj612pVVdaORw+ZsYGa37lvmfd1xZuOXnda/tAdG0C&#10;p7Ew5QW94v6v44+41BRp2GH+gSRJG+OlT5Oeaa6+2j6IUzSH1aA5GLuCUn4c/8bjquBGFNlQA6OU&#10;izjT16vDv2PshYn8aPHjgMBGiv2zscYbh90c4guHJl9ugxoZLeDOKEWQw25Oj/rJIubH6GeN1fOY&#10;Djs7Ip+jEZJK1C8pZmYdRQMjcZO8oPy0FO+yMIUA7X9lYa/iatMJ8tZH2K2sdzgFj/Nfn/jhGn+G&#10;KSVJuTOvLSkBVFNiVWxcKTVlZ+Cuy2JVzkaJUmBKPb93uEaNVxjGcuipN1aTc69xDS8yVuS+JN4Q&#10;HrU3DA//NVxIJUAO5vhGzANc1vEwfI+nyabxxOPq3vos/S3wEJgW3IR/50fBzUmTpYKJyGXMief2&#10;gjcK2dQ5g/r8TXlLzIsqH58mFjSpIcphcM4MURNZ+g2adZf1l/dMlpjjxSrzb/6YjjsUZjkkTP3G&#10;rOiSvsPFaW1hytBO70Wdq/7yzHiMHQsFWFJbC7TxsFuw8P/UA7k+JiZppCY7M31pdS6ft+ckTuIz&#10;QhoFDxjwqL6dbxGFNH0R7Jv0TyzA78gqQ1lkKRPawHsdvC5cv85Vf3lmpUvFLlFJdEtoAQI2jtkh&#10;iurU4w66kreonQ7CRoz1PF7gCbcGhEIRGWAdLzA0fPCqjJ/3jAHrTCxKc6Ip20k+PeQ/EALkkOqe&#10;sdbDqiNtjXBzxQusLYgp9gxjS6lU4Vt/BbRxM2RqBd5TlJkyMxRPiKJ9GopDjZoe98QhMiVQbA+h&#10;PWEkCcEZXeOjqF/xlsf5rzECOeR8L8zIz+TWHne4szGnhMYo0eukn+Z4XPhnqxdOHD1j4QQr0F0O&#10;d3Y8M1aPM8zU0636wkDRnkdDZqPcTwXBhywcOt71JPg6V/1lSGHhWN5jQIZd1PdMmqIZH2J6NoBI&#10;lyVcFJxt1O7qXPWXZybn2oiCVJAnumyKXZqb0/Aiknr7wli1sxbOaxqM9O0i0vfY24RHxyvFmiJS&#10;01QD9O8Z/CN7B4STyU/dLZfvxNuwiKZYnKRy1GdnD+L7AvUrjEgmMtNEz6MbSH1cBKK079ht3WX9&#10;5dORU8y6ARxiYiAfg0AEO1UGXQ5vWDeq3aVccEpdU5jiuMJvVj+NYZwijaAzyniZeZCXKKv4Bi7s&#10;Wd0vYs9PzOvJnEeC2TlDaIeQ7ESFo5jBe33O5kamA5+GHcyozAq2M8hacyyfCybqZosMRtjWOIw/&#10;Pk3cUo8WdVH9Cv6aCjToOjqL4Jnkm7MwQQcxS8c0bvL1HAajDrmLw14sWONgukomkz1xFk6N63CZ&#10;91w7EkhUaN2gU3dZfwWkxlQvAnhTqQqf7nl66uzfFNHkL+o3Ztlc8oTqXPWXZx5y/NQebrKh8F+4&#10;iZtaoxINKIeBwpUZRIRf47a1k9DGcWmeiq2pTskjceD2oo9HQzb1u5/3rJIPP0abeaEtHu+ZBBer&#10;wJTlKtZRZh4KbA4yQaniQvOKhV3MQVM3qEytQUuo4W+Vh23W/r4R0BD4uDCacWdut25S2C7wyFIQ&#10;Iyfc9OnRk4VDdpILlFIRSWp7VhStLezcOQ/+PeIyvFtZER4Kwqz7p+kZtNYtdK8mPGvPoDtNVdRr&#10;Zq9IOXMnXZsASpajsiw1FhuhTcOTvDuAhPzoIXtuz7hOsuKNxAyopH4aGne8EHbG5PUxTC1yleTf&#10;jxu/Ts6MOhdUpSoPkn6mTxNraAfJY2aeHiuFvVEVj92W5OTMdCEL7YzQAf7WCZyUcmTRHGHj6TCU&#10;pe8aE6jzUp4TWp/uapPOI9EBvOueCSq5wwG9TPB9T49ZmPc8Nn+pvGOSbYR8SLCIOWmnl95Gj/Pf&#10;4LOEm+1bQ246mAJkPa7OFm/JFR8eSQLWdBGpO8Ojnzew9crmlAtjD6Y3vYyOZ8bDGtYisXIoaZpZ&#10;scfYPikO4aDoM8OdHWVBgPQKwjqX9+7dIutNFjgmeiWGx/mvx5Mcg2KznzvtRzRj4w0e5785HqU0&#10;Tprx6qrwfjwhk4RBxgSHM5u/r5ulAw8hs95exePq7r0qOc6CAR4kk+Fkz6ZPnASdxQr2Yk7pYpEG&#10;A6D3wkY9nhl9x3xmLbwG4YgAmqzIt5zEpBiEi/5YxZVrRdlGeVelmoX1lseuYU/sUjVxeEEEj+hG&#10;dZJLKaxpagcHJicUuEyALsh6zYmU/enIeM+oPDlz4VKqr6p7LgxQec31MWpKVt9zLE1+n5wZH1Y4&#10;wtk98mSCNlRnFKJhDtRaZwZGobNwbJzzvu6TMyv31eDk7W3aFF5mF3fi94mm4/2c8b+CGY2vo5u2&#10;yMLJmYmqm3YP0mr3Es/AbSp7Zs9PKSuFuTVL4NzMigo7SQHzBFO3gFO3dVpYkfKJCV4fkzsWnn/0&#10;HW7T2h+fnBnstHAn63Rq2wpHymJKWIbLAxLalIhDdju04UcUupibVt5RfwUPw5sqo0QnRXCZ1gbT&#10;pvCz2SlBbDEYdc4s9T3oea+ovgJtAk66PrrNfFCqgrvVZjLpCnOEFg8LeQ/t7ZK5X3dZf8WeH0Db&#10;cS98+TJWRh6Gn4Ech/i0/LaV3MF1FVDu6+4B3HPnXKwuVOYm9zo4R5sNgp3oeazq0u2WGbOsu6y/&#10;vGfoOeGFtJnOGXzNYigS16a+JZix2NdxVoTGg+uf3DMmtUNeVLkDvQptENDIK39GY1IdJEhJHwYh&#10;HbQ8vX1y5tErQBRoIlhpOsYwvJ3T9by4QzHdAw3wzKnI4PTMSPYMBhx4r8eCRhXvTIwG3x4Y2jCM&#10;prdi8ednHvydlA3MxeS4gVw5gLdetw6XwygxJNKyoc/zM49eT3x5k8bLuaeTcfe0TjPDW1w3uEc+&#10;r8yMnLODkosHFtcoJ2CC1Q0sEwKWWOGTuNnxOVsTDHrCLawUo50LQE09n8jj/DfHDwFLzmXReA+p&#10;dsxrIH0jaiCSOMpj3YlTOVV5rHzeFzB9k1dBtpHzEMhkCe8W1Pc6mkwhlz1agktSjeHhv4aLxrc8&#10;fHGln8drRcH39xXNnsw3sXFutVbsbD8z6KD7+fpuDk+BaJ8LfVBBEexVRo7pCIrOTRxsTGaQcviC&#10;pia4vHzL4/zXcNS9YiGVUFcltBvletzhznRBPHZHw2IE8uzmLo/x/Jcse2mUmcXRI+ULb/YKvNIh&#10;x4GOE1xBM6303XgyVpYo2zS+QC7j96zK4w4hodRvh6DQD25TqKF8lMKANxkp+xk74lPn8goCEuCj&#10;qxTAKzlpJ0i8wWUUGKRy4DIBp8wP77g8zfaBJZHYj3r6Q90G1VpErJNa4FgzRi3fRw8NDMQBLCqt&#10;GLiMJ/QZlK+MixbvGs5pGd8jNgQzuibgcRXWxjasr1wVIdqtah/yIfvxAe2ilH9Zd3lDuy9m7uvF&#10;ZzbbqyN40cDnyMAoLilie2Upe+/eLbV+3Hjf6BlTAc/vD2cABZtrIDmXiPeLnSGrzTXE0eaw3PgY&#10;oVXZJcLf/cWF9ZEivHCN45lRkJ0YRqeW4AVdHipeGAu7Uw01L+wVzdS53lAdhqwbOMMrqUW3pdWp&#10;rn7LlE40xioIye0kC+hcct2kjr9/TFeLkHn97XMQwxfX34VJT6pmmZlasa2SR3mcAD0787Apspkm&#10;V3lZGFpZbeKHy2BYd9Lt2ZnJRQnORfAjsHqAdv+0al6nHDxuctP9gCETwe4Lsd0RPwiDEbOezpls&#10;ACsvrYyuogEyKCwOpbdkZl3FqfrLGIbFYMo4UHJJCrITiiQDJ4d1kAiZY88YJ3gbgm/UueqvnBnT&#10;PzZFpsZcc4Irrj+Gk00+fKDg6AHxEnR3U1Sdq/7yzLgI7Jw4yO2ggg/+0g6yJ3v1PZMglslL7PlK&#10;3oKKdp02cpAqQyyWEu02M7cGUoBY0QBvhj0fJAaTy3Qe2hxy5uwStPmeMvbH/FLyp6JIL/eM1eIa&#10;b+J1SgG6MHN9NyoPh0/D9QOF8DXIOBpxGzEDWgZIMuvpHD0j0pROt1MkkT1YSf00DoY8SHWOnKwg&#10;/IlGA45Cd582mVhxqv4KDBvzcXvOU98z3jGTjSZuoezhcdePaSEi0XQ08yTDwa2sOeG0w44GUh7n&#10;v6aCebyxyeMOd4ZLxqE1demGfApMVWpjmPbEp9xZIa2r/IKgn9MV5aCYGv+RHOkmnFQIkYo6LYxc&#10;MPvuuJgsutmfwyPOB8294REeLeJUdc8DE1Rl7SwqCYenriTD5fg0j6FNrqs9Og9S62YLkpQgO7mO&#10;JJKMVYsNqYo+4TpX/WXskJFsaZYWfD9IPmaRQ9EY/skKkvEx0G4gOQntYWbtb8rtIhemzwx0pgxO&#10;qvYc2kCCo7dfgTYGsMUsEoWmH9OmhscQ8JRhNcp/0rFpvaW3z+656w4kC0fe6QDtQX1EVZ2Szkbt&#10;oWiX9WRf66eUDBMm3xEcjSpyVFh5107NExp2MN6paIxXxUnbqUf5bx8d5MPonvPmUW/WRYFNmFE4&#10;JtSfo83T11V3GPNJBWoiAy7LmY2niLHs/CU8cVNtCtlnTlAiXh/duU6dIKEsleZK1OCoiZ5gPj/4&#10;ElyzgRePYmMA+VDqXnuTEv1+RVfdmWEVOyQRNpIEJB4zYuRR/uvRJHI1lyPV4aS1vj8tVvNsyXiM&#10;Xk9r/vawetLlZkyou/B6UOwaW0K9n8HxFpDD+ZDae0HPLceuewQrToDDjb+jEkQRVJ7PiIO4Gb3D&#10;urMJKtpgsyc/CfWjRbylD/LM45Y2Rncd2t98TR+kT8n9IaxTHVvWjPxAH7gi4Zr7W9RtV7WHTGYi&#10;d/FQdxkWQJGkC0Ntb5Ixtj88Rx/KOI3PQlnYtEAkQQwlIiF24lE2cp2TgGqYwPCOVz1GDStzAEJD&#10;DYe1yp/gjyodGiij1Vzh7WkNODiuxyuoeOH1APG2e3V0mTYobaQxANBgusmAUJKSVn6AuOdusxHh&#10;I4re3kGVJ3pX9/MGn+CcYQySbR8JW2/kANlJhPPbTFR0LH7IaV3sPRQhMqmUdT6t66gbnGyRRppo&#10;OspIHPBGvVyCdSo3tzkOjVQk+6g33A45HLNsq81Wz6f+CvipS0/MiZ009wUAHeMo5aeruIqBEuf8&#10;hpcfzanC2ogpcvOWrqsb9knWM3r1vhVE1tQjjTizm7PIYEkOXGepvwIrlb7e9klcO+xYg48CEbc/&#10;INNcwZxxQbg/YYSC7X5N3AU+gCsJq1Zv0maSr5TPEtkOUieETZy6PtyDX/ubMLtGQ+d4D/HK8O4p&#10;8DAdGV4G+Jg+q74LKChlUnRNWw0yvtu752aVQekPo9JxuiMEZVE0CEoCTmF1vL7Z6h76j0TpZdpK&#10;XhCA4uttJ1LjfCoedogDijt5HTrmun3u6bA1R0qN0q/LHnb38j4hgUyhKE+XVR5Ni1Hr1nxMMPX8&#10;JNZvnyeWHGc9Too0tpONvE7R6ek5d1d6Wy1hg6qFqXqlkQIqD/W+RT4BTIdMeC86Tp7a5/BZBIt4&#10;6wC/YSu00qDlTXnYgYDdG/H2ZU4fbSNosmzsxcaFFeV+vONR/uvRmcBDqmh3MnjU4bnpNt2GYtI9&#10;qhqFlYdfKAAsRb/sBzIL5CQjPhTkZT9Hc24jEu6VPeN3SaZ25xrdDxvaU3IxRRliwWri9MIO9ZaD&#10;LxJQjmZFis/rnoOGYx7mvzGcBgnUuTS6kxnnKn0P818PR9wHqpH9HmktL0+JvOq0Z+FPitK8XQyS&#10;DutQiyEwSNLgD6Ohw3YqnTMOSzk8Dgp1g3Zp6qQGIwNK64b7kFSkj6rxZ3nY2Xs+PIcCSkJox0iy&#10;ZmRC5hmTtmofCeYEUfUyKZp/iCo4GFVq5xkGCNNfzZPKactTqhoLmyJHTanbgRSYoVemxVNjwYFY&#10;rkwDJHc3TLLLYdgV/qPQUROt8yx5K69iXxZeJf7uRC4Vqk9yojzVxemBdhWB6q8gh0HUHYmYgboZ&#10;CesfEWrkDNcEEFOl3DuadhCl624x00Pr1Q3yXdDW/U1kP3CiItI9rL5sTjRAfdUSyM3FeGs4tmoY&#10;cvgZjS6qLqRbh/l6pBMNxLiqU4MKd1FLA5UjpeRA+aPVS0Rs4MdyTI5ogFAIWruqjQ6OmVXJxe0b&#10;4vRAPVaLhkbfV7Xut8q8XFft0EjrUO+EcZ9q7RAPX3uKjvCIILHUKGGK+l9UDZhCujfmjkys9ial&#10;UVe4J/F51ZRpTvY05z4BhNC6FXqfkkpfWKF1Z2+sWBTIaOKJeaqgAEBEznSviGmuURk1145AlfEe&#10;5b8evYf8tC+y5BUXaF/3KP89HL3Ww77MocPuQMHd4Qdtk8L/wy4eOM7C5yEHMgrMu3Uxmj7f8XV8&#10;Ve9VHIpMlMajPeOhlOvx7bc/oNbmfyA0EBeuDlpFhRDhbhSi+PaHrhWq366n3qBKwh9zxDtzZSMJ&#10;uVwbvD9Usw1CRnzQUhvnlq8XIhtZtT5ttjpL/RVz4hcMvQ1Lfer9SMGK6w6ZYUphhWxoDdMWBE23&#10;KpBTes9wj6Wuga3qNj5usp7bZ1WOVtQefDGuN8SyUFOks/tEwee77bOokDXplVxRpPD+kDZgU7mB&#10;wi0RPiEhk9Lqwznr6ZMerizmnZrw6GYs3aP8t50BxV9OscBEVL7oz7hCf0VkfSyZFoQVTLiXYnoF&#10;tat6oU63YTwAQJKLD/dzhCuksVH60mBIqWtVpZRwEbxP3a+au9H4iYmo+nbBg0SWuFjrFK7QG9Mt&#10;BPdrF8o+cQzZNDxAXqbhsPY51Zb0eJ/1JMgbvELjP3Cb17wchZ2riPe1qVI4+Wfn5UfwZ0PIEL9F&#10;dYpOziDmfl73uqXaTzculIeb2t/tnA7mnrmIdZYJFmj3USqNvRAM5zW/UzFC7Ih0/ezT52/WmYL3&#10;IEsNBZyelQ8gKGi41pasHu8lOM29hfa50oXoSmaQ0pBC44dB02a1gAkLOXxNhDrlfxxhCMmFA4c0&#10;m7gZfsFh7zd2qMYNcWLEJBozew3Dfn8sSzvXJ4VkGt8biGGKiByXrMa+4f/B14K2XB4O/FsCZX/z&#10;h/3A8wnT7oeC+Y4k1wdf7gdWbnm25505cmwYHeEEZ8kVDW0GqoJrlJwkRnbbHkpY7a52EwCF2s4a&#10;fOjO7J0AftqP+H47HwgfpHq/H121GtPrsvZ5P95XcHUQzTuBSzUEfg0r+IC3Rk//9Oj4m4ewIpAZ&#10;lhKIi+Qox4thZZa7ym6l5wRv5HLBlE91lvordjXIAJXMVHzr9y7rRoTKg0YZ8BrfDuck3wNa3LkX&#10;aNzkYx47Yb/YykoAyEhflrJT1BmcoOWomg3ss52gWVQSTw9XQCRXijjaD4JMDvl9BpI+6rkhgmhq&#10;FQ9xjRUAo9+6jevO9473czgn+k+YfQSFo6LbMFRyqQG8MmJaX5vvqRDLO6yz1F/B/dQ8JiCJt7de&#10;SkD/Jkpd2j73Zgcj8pIRbfenykyTduospo2YjfJJSxN6Pi7U+Voakxkgj/a+FiIjSmtqh/heHKsV&#10;LhK5vaaEjHJUCnGq1YZOGSqVsjYIE111RK59PCUWcqyd1P22fYKerDZeRfGeHIMIMNUX79Oih7GC&#10;Mq0OsJESoolu/7HTOlH9ldNS6egP4xCePgymhm7InQ2gaZn2C+eZIy6Egi/kWeIaUOg+gLynE437&#10;wR+PR7I9FdJM074417q/N4hBiN6FniS4sYxTeAFDdafzfMukhnsVhtvAyPHUpsPc/AASt4eczpXL&#10;LNS11L5kTJh6OJg+2bCSQH31S2xwdFU27hjDgppKtAjOCrPACVREN5Zgy02M9J2qoLdRVW5meHgI&#10;2TrLm5MhKAJb2hfNIacR8wPFqp1LlNfheWt0nktCQ4bzt0+ifu26TX/I2TgTSjkB5+kGkOJ33D/L&#10;2Vd+LkcrmWbtoREs56SDgQvKaGPb2Mu5c1GToPBsEGWFe480o/7hwdA5l4kvIV5c5kS+VLpEpnM5&#10;SGnA3Yx3Jo4b2FZmKDkcXInW2BN6UmvmtoJE518Y2HUFgX+E6pRaJtRd8U+IHnmiaA2VTVIsjz7c&#10;Xtx7RTfCrpNU+aLk5vBc4bJQRUV7x6P8ty2NSzWcfEWQoXsqPKrOFO+wSKfU6sqoQsQq+ne3Ll0P&#10;U+CLs4h/27dD4PmVj+JoTnW/82fhOJU1cMF7dlJIuWj05I4vei+0OVP6nUJPNXIP1XSVjGoL55AM&#10;/AOdeMBdebmCXHSbxwVdhFiVTSGx4Oqe0C2JDmstMhPXMkpX2ycsGWlzhCtHsFUVvROVYSitbt3g&#10;o6mCM86pZ1OjjWGfNJ4gKrTPKcJ54bs4mpMOkoSw401hRfmsGqI1Tk/YeuqPQmMHl40TZe9ZUnWW&#10;+qvhrZqnBqOHfIkIlTkhaDffgcybWWYgKD3HbVVgfw37TuEQCbRuP8y981JtB/CpusB398H/Kg4R&#10;a0Y3axDCwLwAW+KOujxO3EZdKWu8AfRyQh9Eo1jyuCAsx4AQoEXg6uGyT/OGBlUcnL41F14VlwTw&#10;jkf5r0djarejxdW5doQ6OjeOze1K1Hy6ZqGBrulsIvu88hu8pEr43yGBqGmBqx/2Q3yX4p/2DolW&#10;zYH9cj9E+Zxc3O2VYfTRfqghdbaZXGCtMtqoRnGtUw73yFDxJ5H9AoE2nMC3n36aOkv9Fbiv5odN&#10;AZXTt+bWI2JwrLTP6qK+iTAwVxoMqbqL2ykWGB7OqUSO+CxaXy1SIJ7tetJ2n9qIh0BAqXQ6N0w5&#10;0PQQDw/nRKdHqW9vSl6Xz6J5B/KR8kOOeXkIloV6SZOr4Ein9okeTb1BmxNkrCWRNN6zu4dOPViQ&#10;45xgbtpeX7x5TG9H+0TRsqe6G0jGIWSDGy3Skg6XdpkTVS48OOiKYR+d2icBUFWaCrawfdzo42fl&#10;SrfZpSTuAni1G41TISsiiszOzaljauepPteVl6H52fymoxaFw2VBrNBv4oRIT2+FZv3VaEUy0KtF&#10;/NR+26SnOS6NBEMlHOfEBFQL5x1CSh3agbDss3JEKhJVUbK/I1vjfSxQnf8iWx11bfW91m8TBwIh&#10;G8OgVVB2HfaoN4aL3Avh/MFlj8u8SYIfDBeGkqO2b4bkpKZ7GiuJSaHCtbMkh6BqEjxUYGB/c49t&#10;xXz1fOqvdlqUzvDZBnQ1HSqIhzVCS+R4SDfh+SFitS0Iz8cFCctnkdYNrhjzVUtjQfJ/ta2gtBcy&#10;oYxX7VLaQ3TnXfwuGHK4T2BmTyl3TU5bUQTSCwLxilTXxcLuhALPvWIsIavV6UPIqUbmpTM09Kik&#10;ypcPD/Gn7uwN/qF0Osax+2jP4R+6ITeKtSWhPRWGQPob22m4oAKFei4kRDitiJDKhVo9ao8em9Ha&#10;0E2cR5A5X289NCxYtJJ9tbDMF97DCrHAefZhxSYxt89Ju4yQ9dSIVnEEEDjSoDNTyzn8wxr3fb+J&#10;RTknmGkODxnXpGGKqg/Psu7sDS5wpKij7VTRXvdTZc0/8CKKgPK45eUfGTWqNVkKzS+z4gLWnvqY&#10;71iPwnleKis9MAP/1DIV4aBsVjsBV0YF+Biwz4kKeEFaychXj2etVryozklQH+tuf5goloemxu7B&#10;i2gNfqWe6zf8U5H1Scv4etmFPCxiploQtlvt5gEP4c2G8+lXPId/u5+kvYmxVGkb0lXkXFNi+05C&#10;WZ1n49klZ6U6gofwZNkIrxGD0C4yiR46qket1vtO4Uut5dQuaQPpZpYoVGgf45yj/S+fQznqTzWv&#10;bCd9Ua8bVVSQtvpWdudAg/qBLqmmlw20237tXXDpibIP3HCkwcmJowM70F9xfQQDUzVk1dMpgXME&#10;Up0oX+hYdQWNa1LyIWfVPic9BKsAGF0ZIFfVX+nHp0wRvUmWCos7vU8KWhXw3N8kDllxiG4pLpI6&#10;8HNAtxGLIEcQnej8nHh/7DlY/Rw7v2gLomK0aie0BlPB7r5aeMmFu6JJVlD76P1NvLVV6BDG04WJ&#10;ergavLQDch4tesurzgDWWNtJKhCIuNw/CK/5obcY/jc7WO+UBy8VedO3lcDWsIREorW/1RFmcekI&#10;OQT7eqgWmVQ+1DF5OrVYerhMHlGMcbNgEfSFU1bDhWT7vFk4BRxYGqLmRMVdOirBV+IhbO2CdY0y&#10;IUG6fxacrLIG/x8x0HjIZ+uCiD9jvO1vUtN3gWpR4BWh39/EOqp1Ldwu68AOlDb3BCIdyEAgAHlB&#10;v4IHYve1ORGplVMMZb+fhJWqWwNXgNJntFpcmJSHH1JtxTjlJ4Qe/QlksouPR/mvdb+sG+zl0sgW&#10;jzrCTzQwe+z5vCA2OP3gbC4nPCieJ3km+LRq3RskTkkypc8Fz8RyCKsjVQ9SCxz4IUw1GW1AIwiG&#10;AtNXWR/eb0AFLTvMVUJFQYEDVKbRqIYwDZ2ScjebXTOMPoQh4j5MIVnp1UGMZuzaSaD7MSlE40Og&#10;csHmG96EO1TvMUUCTtlH+5nCMDg7fSm4bqlvYa5z5zbUa5INUCUWDiDXJqAdqTRqRCRSg8L4IvwQ&#10;IZFzc/Zaim88+g1CiSu9dgOvQTT07Q+zGkS1ig2RTs2pjqCNrZC4rTjPsBPUitCLDyowcKiFFQma&#10;ET7b+dypKfGKOYCND2ny9xOLtLsKpR11alwQWQnWJ+XubmVH5+bkBNs2MT/muiICycGsqD/CM1dY&#10;Nk6VOE00NRIYzptBis81Xq+vqqRigO2wFeA3FbWqOWC8qXvBG/It+6zEDDUGnyFMbb8S73iU/zZG&#10;AS1ARqJ88Iy1eVcedUT6yrppphmMDEdL2c9QR4rXUAW7w2ZxCMIy22y6tsPB2DqL524rlEMw4pXq&#10;n/5DyaHI3OdLbPWHwgOtJ2KEeEqEUyx2gFVdV6wnCUXZlxzZuMGh7Pmg5FCU27ZCtDSaGC6neTTn&#10;Xg4Xb6raoEAcnMLjskNVdx1XewWnrGhHIAeBKBaJHdZZKsTlqo0cL3jlT9c273y3AZHRn+lO8zfr&#10;TCGeetkmTCCamSUPg7NHdBEyi0z3o4eE17BH24nVWeovz9k/S3y3uutxVNgvBT3MqRdqbteQ6o0A&#10;PpzzvVzvGgHe+sbEcp8Yu2Fsv1E0DOPYoa44isZJZK/QN6di8zRaFWXt3M4rTkgxQqTCJq70oOV9&#10;wX1YWYBJfo7my839KB2swRD/Q3QvP4X79NTFvdHmROOoytqumbZNKBQ4aaa7obi/yb040T3m3Jzk&#10;bETyD7G3+R4B5Qw2eiMyOoVY5fsIuYU5Kz55Fj+Jo/tWX9zlc//tPVO4bYXi38m6ITk+TGOCSRHI&#10;P7dPch1D73wC28pX2Jnb6uK1JU97PGz8s/x3XxDhU4ptTu8T6Dkde7X/xuokpaqXNBIyx7LwCx36&#10;Amwf8po0HOphdqMmXr9bZKewNKX/cGT5EN0n6HA3x8/zG0oNnPmzW/llK/ic3RVM189V7RkTHuNx&#10;h62SwZvqc+o8sU2cH6W61Ao+3C02SI/yPaiobPS5U835fY5pJJiJlSdAPU5ao63D7O/BRe6AuPpn&#10;nacV3bEWDgYQfvJO4YGlb/cOPvY7+bWUfhSwveouQ9ZbtVCktaAJpIKcbXNynk2RMA7RgxJrPx6y&#10;2vOwJUnd6YsE9aasYECNhdE+u/op0S+CJ1x1f2I2hMaAb1qhxIEceJTR8sUfS4SLvbcFXXPzyvHm&#10;BDFx0EIraJTOwln9ziTYQEr7nMzd0ndOkcr3FwGPeBGvT5kR3nI3Lz5IxJSHtm1TLvvzp4l+j2Ha&#10;5twl5AhZNEfaUFjOKZowgF2piNqcBK9CE1fmhCeYxcO0p8+CYIGZipVMDzmV/7fQLOqqEX6N7HAr&#10;kRPzQJJ61CpvcaoGPDutkapb1V+h+3BnlKsz4OGg4Qg+3YYXZW407KytubDNsPoibosRZK2pzjLp&#10;TkhDd6DA7EeNYjbQzqPeBO8YbZFrfvdD4A7lXpnLuwrfsonNWNiKSuoaxXF+Zc8wDsVo9JpSnGKF&#10;dVf1V0ASeefQG/GhwuYgCsz0NiFhuWnCbxbTJuRcvbk6Rf1ltZVAYDhgWWjhNyQPIBxjh2y3rkZN&#10;KLawj4nsXpmS0G0IEOLiTDBiC/VfMrF2yEEy00O0kKDE/8vZufX8ceTo/asIvgwwa0nW0YgDzMxm&#10;crMIFthcbC61sjw2IkuGpDkkQb57fk8VySKr+1WzZweLV393V7MOLBYPD1lgpu7YH3CgQ2SjZawk&#10;wtQTZgdEtnaI4Ow67h6AIZ5PLea5BfsoD1DVRoqqsdRzbjm4mcg8CYKCmI9F7DOWuiVYM64Ag6A6&#10;brS/pTFrbkcqVKWJS8A8najYU5No0jxpGXOLnRifBSlSuZYwsIOmuGV4PrxPEx6qfJs+G3iN1KEF&#10;roDBRssmzYTZ4NSqrJnRHocIfwEd6AqVKbEq19Rfvj0JxfuSHcaJhRCJdNLJy3rCNuiyc7HvzS0Z&#10;KCqNN9jEOSGmD8ccJ+l8iKG50YTDXGGHw27IPeV9Ovchaup6AmOIbY9SWfdKFhiIvhvryZccwn7c&#10;glgQShMbckiwzzq3ePdM9MfO7vEQ4T9ozc/CJnU74HAkFDEeHgUjyAbPXH2i+PYpD/kZ6KcJ9lNW&#10;fq2Nv3XKcThq3DAIOrH6nIXotrOH3on0kEJKdlz4w96sMDLSIR76LCi1SCawgQdNfN5+7W709kDT&#10;x2uzQlSUfMBJjYzCwcK08bf8r79N5MicJ8El6e3TOaRPmJGDwkA4F+aBvEBJY3sJ9VIfwmpuLPve&#10;O4znlCb+XhULHZ89SAolGpq7/wgxIublOOWH9b5tVkhOV9lWUSMAfpHUrvvjXYvi7QAU+TfPx/OU&#10;WZzTJGhCqd0iNVLZSYM8km/DAqLimi/s4fGc02Q5TH4d1WP0B7d7j5gz9plqhowOJb9/pVJ/+R5d&#10;+xo36OYZJd0AV8L47BGyhycq6pkwCXckH/vNZogzYtdM0BLMM3D2MGQmSalTPevxJ/BMz4UlOv5k&#10;E+KEV0yuhIkVe5yiXqDgxyREBmKT5joDBQ2r0pbrw0lEGJ89GoTgtVViWOspfdplRF3B+svWk9gr&#10;JsNsyT6s48RB5JE+YcNqhwgDu11DjcMH7C/fM04N7dTDGmjk3k9/y//62wzZs6tY9wij+Wv+117n&#10;ZepJjKEoaj4P3iT7jq+jbvnr4H6242Z/naRnMAmaYqYMI3t7/XR26UTKEdzuZRBUiwuo5icFCa75&#10;qKDSAt0urIlXxKyE9l4CwXlhn+QeiMs5UN0wO8k4LqbNlKas0vJ5BuPp5z5iep5Iwf5AZjxhk+CQ&#10;LMBsKnD5BJeYzCGjDM693NsdSNU4WPF+bO4JqoUDjJsfVn2HqgGRf4FIt6eM84bwwVNFIUVrymi3&#10;DyOafDwyK+towTYSKZxtcf9PHbw3WqFOfGXwt9T4sjLjqAk7P4y2vHlGENFee4ju3UITYHaui5yO&#10;Sf74CcyTTw6NZHJeW6rpsLyzU/dSN8kDYxq9KUyzfRgQvhmfROQl7QtZ1ZszPS4cn81JfiUH9uzx&#10;wU+Lz1fFdebTg3NYFrLQFpIHBAEtu7NHltrs7rnikvstWqLKAl5RSNciT7MktheHmNcoQuMgEG1i&#10;qO7U+sv2LUtHoHn2mC1ScybBCgErmktA/uKGbpTHTGXqx2jlfzgnuwkjudncLyCPhkswf83/zv5x&#10;bIF4ngKZWjorBuevnQ2KA0qhp9ExBIvVK/LZQgJyjs5uU6iI7MHMOfkpnj1O/I6VolZemQpwB8vn&#10;CT7eT/9rwyK5y3P5dEeGiSY4xd87HZdAoY4hUU5YVbyJLnDOT3WTjwr3UEdGwobZxFKzTWq1uFPI&#10;KHcuozV/B29vn1bAdkw4j9FKispA66F/jGOSWBZBqTaDyl5xRCdIAbFrpQyHGv6dXcPJuY2ZaLxh&#10;FiX+HoIa+6z76mBdeTSGTDez5dPqfPV9DjA/Svw9/xvfB1xlB7J07mkZfO376OO2sKNg1BCF6f1T&#10;bmG7egamAEdW3ya2Qb7PGdy5nX/pMf5ZZybOmhuekKecyRSzn+wwGLGIbh7Dxl97DCTLmAlD8h5l&#10;slRcPCvEXB0txPJGrYPBiGAdNn0BIDwhoOgYqRXnEu18tgGDedgLkaXku3Qg8en1eFQfK+eVIPha&#10;gLlDEOAPyNIHKK9erwuz1kKmC90UO69ufijjj7ADjTIli3crrfrL+BjHqKZw9prdVbU+Zhv11T+N&#10;7KpGGo/R9r01QIIbfi/a4sv3+RKVbToTGyiqt8kjjshIiEBmWJz7IAm3XYuu5sAD8kDHLQqs8OUu&#10;BH9iPg18CHimiq7IQPLjAQ0rbINHmVkdM8xdcPI0T5p1PfaeCuJlmhPqPlgxa+Xv+V9fR3a6mZFg&#10;chiZy2d/z//G+0q99l5xVcYuj/b388ypuvqFfKzrI2/e1v86eu9VWXS/pm/tg8IySIlNKBVuhLnO&#10;z/0HKGdG92v6EuW0TbDFqoq87UAY8w7lsrmhvO2DLHUQO9VQ2aQOlH0d6yjrL59tzD3z8gnBp5B/&#10;YVyUrNAIZAJss433y1G/OtWnE/6wA88p57Zg/WrkBC0xfVoawU55WGQms27OtjawnQ/SJnZ5lx+D&#10;qZrurMUGeUpQWqax2hyzLr90eYdPsQYtWMi0GJyeu5DJrYUJ/kfXWXjXbZ0TZY2vWiZ0bBQZmPIL&#10;tMk0WbtjXmcihTQ3kBOfXicq7l909cqAaWeo8vHc7l3K60wk2RtDc/s0fidjg3GD6vY4HXtEPCgg&#10;ZdKrcnP95bsqSSFuC9qw3pwW6+DCdfrqcKKuw0TwsXs6G3NopzEAuy2ug862jggCXVsEC/MbxcrO&#10;KYCdMkPOzqnzMePPsygfIWWgiNsJSdKYCxoK8ciEyYKGEiReM4nWgCdv8DY1N5Q+MriTZbZCsLFh&#10;sWM8TZERUayxsj5bWCjg2Vplue9Q1s0FNtsYR8rdLIMSZtc4jMw8KWjlcTJ6GPwdHxL2FDvSxwzc&#10;dxOPmJAeskh3Y68pKY+Zv1tjFkp5ztdL1Tyu2wZvD7AGewxkazufiQR7ijTRZGIKY0p6+1lBD9fN&#10;OSP3AzjbzWjhVrd9jZnnntaB5xbTvc/beHcjn4Cw4y63kelK1hoshJoG+9Z1xirwaCSbXckl7V0l&#10;JKprjmefptAT0mNSPukYJrtFDAXFujfmq9nGmHU2OFmM5KW4v84jKjMHxc2W03ezFlLYLdt0qje3&#10;sz6WkFu8VKldvqYqtTbdVvU33QbCtWsXHMGX/p7/NQkP4kiG0OgjVcLXfTv+nv9d7wPh9fcRtLtu&#10;XnsXrQbwyKhgTm5uEUB07kjm5NR1VEW+IOzd/6ExTZ9Lc69h0Phekyd1d0JxkrheiGG2Jf9wVx2e&#10;F5NOX1mD8zFz4rtTHu0KWE4dFEeru/tBEAqyV8ac+w1A4EYsEhRZmk6k+X5EUZfTauFR1xZneqUM&#10;z2AI2wqrItmNXc45LRjdXGfOzlqziaUjdu/MQ1xpWww89yzWbI2coht9+YIwRnZZW2Dj+6Co+eLB&#10;CFUBrsUVEPQv/S5sRSqENGhLtmck9bpbgSFtwBY+zZhtSijGCS68rDNlHTzLhEWhve+nylP1l+0q&#10;Ypt+IyoeeSjvn2bMThl1aWZPhvjRvTPOnygtRO9Ox7ztf262ga9tnlnhSD319857SmU/myNc6JiF&#10;dYPjFKUU6vgocQo+ug0ENdNA0dqi8gP2V4e3ObrFkcrs3sp9YXsRO/PH7MJjzrvnomk/mv/uIHl8&#10;7L4u2s3TH0ErEAW+pv6e/7X3dUOBSXp8Q4RpfHz+3umcKrpmNhitvtsKtj0lQSiCMBQx3CI4iknI&#10;wzXmhRk398PVyDgfldI5W4Ehmmb0w6dLpYKi0xtZ7jorPlP7g3HrwFFpKjOV2URu3vHuc9WZ54Ki&#10;xUJ57IlFmaPEPMXK1KJ+bNnLOPy9SB5Cl/shBxsf5vR8NQlEOCMCSwbHXj8NZ5oUgf9JNCr4HIJx&#10;pEraBsL7KDz/2Q5xfnK+AxFrSHFSWYCo7Ljvw/uIm6kr8D4c5dq2v+d/7ftEdTzupZqL64IUf8//&#10;xvvMwTxteZ+t6RLJ3zudObw54v3Jk4iRqZXGmjEqj5+O+8c3LQv5LGtntGYybp2zTLvqfcy2hGE3&#10;dxbpLMBs7DHRj02b5up6N6pQOwDr+t6oo/Sx2xwRA9WxOWkSaJ7DeXgHat7NXGV4hEWdJ/27lZpT&#10;YZu7vMZPZ+dhzCm55Mp0GJ2Ay/czTWhTp0llL6q+dLhRuQq++jirKLJkrbyn/tf7SIK33YgFW2LL&#10;XYRua6/YqC3uYrMpb8OGqrBy2Zcq02nqM8rlcaLK7CuD8nQmzteAlDrzBvBpsnuqLMI94OBE8SGA&#10;w9oxqXG2V5HCViyvJ4vEMQYjwodNjk8VNlTDALZtU0KQvpZIQTBi1ViIXO5QPP8NWaRLFK2SPqup&#10;MkzWylfd/8bqY5j5uoC3CF+xv3c6pypAZHakRNnuvKGEgqtyABcYSF1sgixe/5PHcJD3sdLyHlhP&#10;OdE9S4pWvlAP71i0c79zXtAK8OjbTFRqTuW5UktsUVSbs8II8Fn5PcryEqGWFG55TPER88LwmG11&#10;PrJzyjg+XcMCJmraWcgKIhehYWFpvp5okPUYtIxLGmrp3illIkgLKvAcM1Jmy7PjMR2zQ5FkZEOO&#10;LcqApgzPQ64yB66fZnWUdTUR2gBujLsxyc0J9+Bq8j7ozqkvQ0VwnW016/eV/un5G7xPZVZfCX+v&#10;9s5Xn/V29WDN4hpqnijk7BZ/JNUTk9Hm8eGZeICyMpqsLYKItWS3O2WGz6ftSKeM/xbVB7JDbSKn&#10;jMYUMrnSqr/mmDkIMSm8Ld+uupoqQPI96xi8P0EQq2Oqiu2P5bt23afSqr+cMjkArgXroqQNYYyI&#10;4WgyygiZ6aBblIlLBIhJGc7n/jtfb6eJ8Ww1jah1hYn09dNO6EIvcsn7wjVvfHc6MnaE1Olx2smP&#10;VOPY8hZ4NsXEXxWXKYyATe+LDer7ASt6Gxk1hUMLhTh2y9bT/f0FWBz5clPrSjvwfGSYmOZDohWX&#10;hGxd54z0NWMvbKUDZD45UJ3WBOhdd6i06i9bOVDJnguAP0kSsOwQweNd7SFjg1nbHqsI2VyRcWng&#10;uZQ6pczJTYEPb0vedB1zgqPiiwL1vHeMSm5OGV/vHRgfVb3jzEPlxFaqg0IoGCxGlIUZz0KDeKI7&#10;RnlMN++MGRZ1X8Fz9PkaEyVNJJC/p4uh+4tixpgTl751fusvW2e00ShWsFYqtr0cbS4on6OtVXUO&#10;yUhr2zu44R/yrW97QdGDWCMlEnl//T3/630UNtW0JoAcKvg7dTN/73xk+A9cyaU2jyEr18jQe90A&#10;w82vglRlNXVHhckUInmqHTVpVlr1l/WXG+oUrxzySEK3hu11xZdXlQE1w9aqlKVR+hEwAKEuAyst&#10;H7vTfEEU3s4VNCHsl22O9vfBKayVUy+29ys1Xwls7+ibJq0oZPjhqXV1YIc15SjgIRWY0ulnbWn3&#10;GPr4B+LTzgPr0wg4V6zP+BQPJdJvrkiwcZcy4QiXKMF9izJmjOsKawukx0o9cl7wGWtSzpvvhDK8&#10;5aYWuu92lwVCQ1aOj5nDwVe4rmz95euM49/tMKIJXN9VN4dKp/pinBwOSkXw2ca3HPu70qq/nPK6&#10;bu1UvONqiU2Ny7vqhBQDpmNBmY7fOPFUgCam8+xgyUfacUp0djhlnYc35AVufK99isPMeWSxEDZz&#10;8Dbu3ArepSfwp3MYh3zLvqMVx5WZw7RRDl+VqZu8KPtPKuxuEZyvpmSwn0wSi9thvfKKCKkjg8ak&#10;xcA5yJaMIuHnAc3slDImK14A437mdzu48I54IVAoc65tlJlytyzH/TI+2kqr/lqSWPHIKWtIZpul&#10;fdegWGqr6ybKh8fEui2+r8JPFvk7yIttdQgceaCIVvzvSvqj9S4qcILvE//u6cjAlUi3mCPj35PT&#10;YmS418KCAESC9ClCI+X9SXkCwW4cV2nVXzanaKCR76AE+xp2pDxdFJLg05xRVVzhb1R0wvrtHTvM&#10;6TnllSGJ69zbrjFjoYeoO3mMkhHSPx73KKfLRxgUCkhlUQQB1tIclDJXamwQJwJxORszfcDE6c82&#10;lqCjmKCsO0TLQqYUVx7Tja1jiBOPCazHzTGvvNvTT3MIujaK9oblVjsGG7jXcz0+UHYeN94ijOe3&#10;ZYkmhedtpvw9/+vvc7Wk+6xU1ieiFv7eKR+RkAj6yZZLymidtJELboJSKO7pfgw2IzIevum1IoeR&#10;nVM+bZs+zbVTJigXo1w87lLGF+SDor5LDeUS7sfJYlrEEgiJMkEt01/Wpm5ShvudB8ngRSkojMIt&#10;shwJu0BYlDm+LZdW4TK0LOOIOr/1l3EH4Eyh/kzWyLjaKBPB9APxKEKJ5K0aA5QHuGOxf0dqmUcW&#10;QA9a2zUoLPY40o6PcXJ6Hj9jZtPf0BY5PR1VxnZgW1beBjwf5efOHq9SEqn1YZ19d/kuJEaBPmDz&#10;nPrr7/lfe181ikJQ615kl4f+3ulq5oNFaXYVVamQphdi4yzX6VgW+zlatIfSWFZuSurzESJU/oc5&#10;vqNqpDvjgs2OilWuG8SxrEuE+tYrrBMGTWh6wUegUlUkenbs5LEuTvCzNh5frSYYXYAz/lHW6kIG&#10;S7p7rE5qR/havr6aOKlDR49ZiZGlOgAk28HG1S5XcaagiVCYEvwwsnM+WlVtztRNKogrq2DOKXg2&#10;DN3si8C09bu72CGc5a7dVVr1l/P9utqLts73MWZBlGNQMi3qmFOtma/tzVPKWYs42/ZJTTh7nI56&#10;jljrWG+2QUJ7/Rl67W3XmHElrNk+iit4Kw6HkGY9ypzyDkWVFEV/LwsJwsGBeaePMURCXkTrJmVu&#10;aQj/yHHMwEvWp49sQLh0nZc3OSzrJicyUt6WcIahimx+tnFqOeszBma+LamyjgtSTLGksm2yCIXb&#10;NnOFg9qvmMDTwJTdkJHM9TrldQ95pQymzfHfRBzwBVQlgHtZPK2Hi73xzNzYz5woKjswRAVh6r18&#10;AVHvMJTwRivdJU8JKC1VPJ+t0Xaf3BgzAT7H3CrLXlmH5dOcha5yUcZJ6Xrlccqu120K05rp8XYJ&#10;iqFHbjoV8JcQ62SQKw2iUGYnuYij9IxsEx63KBOMpa3NF1FtDvz8aUBenCj+WDeebY/ZkYYeJ4bO&#10;y3cok9tMPHusFKFqwzm6DOPWD576YzhoGtPrcYYE4Ca7oUeyskoBNMr0v5p3QHcehwwjSV9e1zTb&#10;IKzAB1lrhK/l3vRmm0idKrmOMePP1ZXQ5dMUwfcxs2+2WxqI9AAtsSkBDkBorL/OwOZQiY3yd1zN&#10;VimD6/LUcXwPUK5jBoMm/MDsN5i2yQa9MQOW8NxURsCNtKPXsZDETz1LigJzJzAxMBBGmdkz/1qT&#10;Mjhc1/PkOJ2RskVZqBFbDJZCAMO8GBTKDDmkPJOpshwouz42tRFhuWCKOVPElVQVc+5Ff8//rveB&#10;ePj7UPEd5O/5X38fWIajIwitW1CHXvl7Z5oKODbNnVHBw1WVIFaX+ym9ExxROxYPSI+bsfDJHV0b&#10;yxukhZnAQAM2NyQbkbIdRpk8ezNa1hLRcV9Bxqq7E+Zs1lHWXz5TeAxdKtKNzTYHc8iUWMfwhMpX&#10;WlYf1KAHekA56xxtUwbj4LlTEEa+VMYCbRLWItPzCoGQKT9BpBpinp1IxPsOZcBGvpAUAQLhXj/N&#10;sRbimnywbZc/JqbneBO8w1Jq2mNGH/VqVfwDdFnd5aos5YPCFLByarHOYLjZ+pM/wVAIGdmnzInv&#10;lhX2qfTiPJ1kkAUQhtRFTrT8GInDY6f8GpxTnzIoGRAJfo7oHpYy23A7nzYOU2xr084ARgpNPDUV&#10;5OKNdSbqJWShtQ00kk8njM+nnTLiejrL12PhEq3fMIRlFR4k29muUjExJWnPXus+r7LOsDZIFO/Y&#10;Efwjvdz9ZYT+JF+760wMkgIoPigWsgqpGSQyyihQlpgfY2ZhscBnvxeoojdmLFKASNZWRVgrC6ED&#10;aYbHlMiE3mYbcym8fPKRPIArOp3tYrVE2xgU937Bgk7ZP70eZy9ftO6NGY1rwSIiMpU+LZHqlA9x&#10;LVWXiscyQ27sKqWZ+Dovz8eirGwkX8ijiwOs/4qix+PmmJEkK5Z3cI8IzB9scDIl7HZXJ+6uM5Vg&#10;kAY+nYdYniJ5LirIvN1DfThcAm+5HvfGzDJJLzLmPbCQ6mOuIKO7hGIxUKWRuN7aHzcpY+es6TzY&#10;tsIg+tGvgoyb3FYNNT/d1+MeZaQf2p73+rBh+Q+4Pf3xgbfJd6Y0mT0Ox+SBsutjUxvhEFIKkbV6&#10;zq3uO3p4f1/OVu9EmPZQ8ff8r39fxbbcy4AzLewhf8//+vvgt4JbA8GTvn8qj1BlvEwfcXwFecph&#10;KrEb7IBtXnUqKjAiF5xbAgN2mLlzyjJFfdaP2AUgE2GzHYFtRKaW60gYrr44Atqkuv1zfyAAqmWO&#10;Qotbxp/qR54PqJIq7E8Rxv3TjgM+VDF81VtCOCJuSSJto6J4KFHSVRqFWG+4cXGucKTMHqOXbxnw&#10;xEGlgc+zn6McKZ00rVfAcVwb0pE4bdvW6mJThBDC6NrqzyBWZeZMsoj0OlqVifPtiABSGLyrUgDi&#10;Z8nswzBrdYfjZWLJ/OmOJn6Fjgt7z07d83ABTGABvanKNpRpRP21Opm4AFi9omzgufS7/YAP3xst&#10;Ys3PmIU8dlGuTOY1yUi4urbsguhyLFBvbVkd3yJH6DLqpFwRxlK7Usd5G0eqYEHTB9QiC5d4tjTb&#10;Ycj7xKtEZUEauyjCHb6psXK3uZ56F1dMSsfyzaOWVpmgqyxRUeaIlRoyt4kvg9JtCHzZYxw+kUdW&#10;pWL9ZTJdRqyvEp4P8z2sT7OIoUVg3m0+W6w/RfrHUjB1BjxrTTY2OlaED+oonclLWjGYcERHx/C0&#10;PnaWH1i8czm5n2Co5e6TAnlzie/SjcqBCMoISf/u6ZzKMRSarKy4slk51vmoL9fxQORIjoyEBcFt&#10;zqnkr3m+TmCXOovaj/2k7lGWl45YweSEwDzHcuGVkDPswcewdyCCAnbcpCxqMZ1MdjnY2JMjEGqU&#10;Nd1ZcuqxfFPb4yZlGW6hP40BZnkxFPR4fKBMT+Wn+Ycoq2xKaKPEO6rkBSiNDyym5PiYCHxEozU9&#10;fW8RDhnigNHrw6cRTSpe/9A6gyriHlZ/fI/DiNR5XaMzPZJbIEHq758OBiQ9MDJ0lxbaW+d0AwSU&#10;DwuJty7wV4CPbToX5fKYWGdfkSRghvM6tg2cWnlbdZOXJDl0DPyqsrBsMe7Ndomua3dWygh71D77&#10;NA+nBhVjVj7CkrM60NoKlupLqk7h7DXaVnU4KmFHVZTm4zAIFmUwqtGxm/kmBFLwrPqn5RYsokIm&#10;o8e1ljtoUQbBGk4GmcA31plDNBLcqAOyH7OCWLrGc3JIg89D67F+h3rQ421S1ReuBVRndSyrNplS&#10;9+dsw4413kEAAK3QNx2n2vRmNimzoRHG9undXKErTwQUmI95uoGMBG8J6RmuuwNlP6dN2wEyJI19&#10;fBQd2u5NoZW/53/9feKJrqMIFDLddOn9t3/5j1/e/uHd//kfH1OipMwN37XLmApGKW5FIKzb1qIo&#10;G84GHzib+oZ0ZjEokOxtjw5NJdG6uqYDu25qSj2GNbYMyMOcno+ZrbhUVOeENWbAxj4lEi07HyGc&#10;lu7sXNikTJWZAA8erG0K9/FpZ9GjgguOPXJHlxOgR1l+s8AWhvYbYy7QqJPHuirMF+OuvOB+PLe5&#10;z0TRui8mJd2tjnGGhe4cIrQ5ZoT5ctewzlWdErvHQh4zIInIe11mUvYkyvvngtJ6QqnhNJ8+8RgU&#10;ybt+mRefPhxY5ZCOx70xl/M/2i7KDCQ27NnjpLfE4yZlYjJuYS+tJSiT/b8yjo6KSQH0xuMeZS2O&#10;m+DLClmUERXBvKGwr8dYoeGPD2ugR1kFGJduK89bOYXZzUvEHSkrOBrb/S5lNI9ltx0pS9F2wSxl&#10;q7g7sCSyHeKPm2OWMeCy4MjbBEYos29i/birikc9TOUmZR2tLh7xXm37GawP8U2n7Bs21pmo9dJ5&#10;Hubt7VSlFd5m/yjRvSFD6K+/53/tFH6KsyXWJTTC9P7piYRjSEs0FQixc83XAHURQdwhL7bHGo0P&#10;XGw2HjfnNC9XtI1JG3XBfMqDRePxMNKDspSqUxm5zRHx24VUxwo7VBrZ30fLiAM5FPirOeXOW2rP&#10;+ZyqWdmbQD4Ih/ljV/vXyODNiN7c5FNF5EMdjNNyfVp2gu/NY5K6vHVxamlj39DNh2MjPu3etaCs&#10;/RNb96h+kECQihG4Z6/HR0D6kKM2nVGpYFHGhRxC9qhTUYoQv6G3do2sSXkUcLK2uD2rfwF3cmDh&#10;ZGPWLEKhyV2ijIt9+md8uk4dVyofLuxF9cpQjCnUKGh8crfI1evrwPlhVeFbwyU0xwUvc7TkJe/B&#10;AuqJuBxReYs6Wi43wUKytlEgpEdWUKxoegglYFPHeCJY4IsPkkMm+TRkePOGlxtHc4h0SgVZhef4&#10;sOCs/uEDVoNZXRVw7qFAVGTYPckLQOJkSfYF82vjkWu3rC0ZyCF2BLGaT1uTjHW7wCXsoYkqCLI4&#10;biLsBZ9P5F08BcLnugRpg0zWqSQ+O32wGsMxriy26nUERBghUUG9K0upurCLZnAJgm/C573RnjaN&#10;8cAnrtOtD6+nxEps5YUhYeRtssg9F1Qn4+HI9u11MhdE6pwv7k4yJoTbnJw8G1gKjlKlnLlFAisV&#10;oyXu4ecJ2EXji94kMzluZK9iU/FhCp+74nCsVMUGooqldwoP041JRjK5EqjbbCuiiOGEXXY2yexb&#10;214KY9wIeCpy53KIimpWliRGy7ni567MjTmeeJp3gfxp/WP3BVFLt+pBSqkGQRL2L5DJsTOPT9nx&#10;sYGwe2Y4tLW2GPQB1JaTvYaruf/Dr4RU0VWhB3Kn4PMgy46Y8cEeWaoyuoZLAt8GsuSACcgWXhTl&#10;vCayKhHgPirgDqo80923Asf5BuK6AmGk8ocBkjqvUvAS9Ex5yhUZLrHlYZkL1Bqtyry6ZrKaOtMQ&#10;cfZaxqmW5noqWPncQBi/qpzSHy1KpJ23QkdVwxLnr9d2hiyO3uLYAJwVxQblVb4RMsFdTUaA9Zh4&#10;4sQvrvGkSeaYn7HbeCrgpMkwGSw3OFloz1g9TvnqzCZdgQsIrVNEWitE5bkAsE6WQ+OGW5cMl9CH&#10;dMNijcaROaesxCGTpSvXsAGhfsHI59N7mHFpfC7O6TqckXkV2EX4z2WV1PA6F6oFGoSad2bXtzhZ&#10;N1o5ooyapMpNTRuIwaxCvwjK6sLWZbx+8JFowdF8ysnVbvsOBLAnzFNdUP2e7O+v+d9pOnMYRxVe&#10;4bBCJPlrZ7qLpLyf5kQWWc88KNTOAIERgQcPU54y035acPngMu0rofrL+spp7roYeAjdeJfmUhcw&#10;eqSBo95qS/o+0UWcbpc+xnK/sU+IYLxyhRenlRVpjA8DK3U9m5nYKl6WTrHHJl8dOMcn28ZJ9o9v&#10;LvB3+Eu/voQkGnjAlYKSSKbt9dO51I0zM2wDWp1jq6Rg64Sx+C/06XbZLLph0CLiOGo4ec758oys&#10;rkW08C5wc/CEhawuSLRwpNDm/H9eYCSdUsG0+aVNokvYOCuhOpdcQOcVkWsjf602nguA9eMljYCm&#10;Y1jU4VNowkQuJ57u7Si9FHtPuclZwt467+UpWQ5Mk25kkTA5hb85/r0uFekYiN9KFsY03Q8/CEHh&#10;G2RHTu2cV4HX6hmvc8HORGApwOvrXMBGptGQC8V5Mrp84O/T0bKF7YBRiQFccXkaxXaWEaCKXPyq&#10;T8HdzINablEDMrbIwu1xdYRKiVeDjlLEjgNX9UAWIZMlu2eNNrrcIosh7x4RpfopoppkFxlLjgfl&#10;bCLNtZJVuVNnKUGrb6ytJGY0VdSxkMU95JOM+2srlcM0efGUr7GUbyTbOijTpnfDoeiOX6+PRRLU&#10;C6vqhDZCRGCXXdvXYUXzpcCM2BJfr3egmx/NDoPF4JOvn4Xk1khtGwKGhDhgtposltc7ccbGiAAv&#10;zscSk3tSJBqDiukgcQdhkecfFvNsVF21wD40gpWQk58zzG3oXEg3e0kfQSRsvdxfxw6cEHFxEQUw&#10;ttcrLaOBWm/WBuHRceFc4lbddWzauXyO+MbKoJCevq+BIgD36QwKRcjcr7qmFF1t6+U2KF5/MpEB&#10;vM7pPNj6aqVyI1SJqkgj09cnCWxVRU2npbkK8KNKMTsd1OlcIkBNfSD3TZi7OlvUY56KNDV/mLnt&#10;KQBI40iV252WQUvgYEZIUAxmBoljFw641kIsyjOwOXHxmxdxpIiOoQCpEYYE6Ut1wAheAJwPM54q&#10;1YkW+WiZ/82EAi+k+xxml1HSbpxhZfVwEu9ry2r7NHLWVMURFnWIyu21xX9u+RGpaUyy6rD72gbT&#10;rKcskKkzd1mK+/44EMdE4RTdORnbzLz+bA6msawtJ6mhYkhBp/aub7TKuvXXFArcCOmqG4B9SoZl&#10;PiZE6JIW7/5mP7Eghnsi/uPXdLa4GD3GjDauKaD+baGJkub6IKDDLTBJNT+zu0AkMtN9Fn7F2Gxd&#10;OJ223Aw2sHMS3qwNpYJ7mPkcy4IRZOCZ1jh1q6ot6GrpnMIdk85GJw+ZT+/tTZpjVqy3jLmwiYqp&#10;+Wfhr8km0SHe9t7eu7UbhcvVRY5aPCaZh3QtrU8fr9UO5Yfs9hsCOLWkZJ0g4+ksSx3iWpat+gbK&#10;nuEMJRHtSoHeeq65xYQXKiXR5D/4/iSrf3PTIid8a4NSUa751EHqjqzHIVU5XSPQPdOhH/pb/nfu&#10;Y6ooUwBwrLv8iFP0Myp/q1LyNo7dJibMtVrFMIM/MR/HBzHZtgtEEmej/6g67vV4tLGMv1CR7Kaz&#10;1EPv6exbeVtoJqPgb52OZ+1UGR+1GEfab0qwq0dyWh/MMNlrZ+M5pbm4SZpgNbMSH6LZqr5fYhjU&#10;EejMCaZS4wM8cUaTw8ElLzkH+CjLZ3Vfi30WgY6MSTRxebnmwWooa/dsnD7HcyXQS11J4jgEDWtt&#10;/C3/6297HJFMDsJ7+9tn41FauXNG9MrFEhbMEx8Pe7me8hgz5qaR6SyE+tl4zmii1LvIl1VabTO0&#10;I3eU6DrbjWZ6SE2KOzRZGltxFT6Ynr8YJ4tqk8B2V2JPWjekqjsn2vIjtaE+Ayu/rdvprCw61I3F&#10;dnygE1i9nPnl4eo+IZo76Ve6YCgOJa7FKMZUWgnuH9xyr/LDl6ynm5l1ZPXX5FJ2XpzpSIrqLkgT&#10;R5wPczePkyPDT2bMNIw2m9VKpf6aNFV9zRZ4tfTV//pDdq1rnPdochK4jMEnIGmfmCo/RKBvlbRT&#10;S64Nv3Ey589qngubSAOwSQB8seUzppaIQ6sX0TqZEXSuZBBZ4v/yOBNNnNpbuJgdHNoAe+SJnzN1&#10;BauMk45jtrp24/TZPXiSsY989dbGTm9XSsYr+GpDUjCcIsSxAeNhCKBgpPSQC9Xm2dCbw9USl+R+&#10;1eiapuPRmkbI7BIb6e+JNTcYlsrCTPyZ9sQ6SmKcazcRgTFTtzfOtYPZ3aoAkWmyD/y0YatPj0XQ&#10;xH9r+xA3Nt7c9jiTSFFWZ1U+8NdZlocKrG3ltvAP++nL5Xp855Rm5U/kr5+K3F1K4T9r42/5Xzux&#10;0U1tVKRmygRlPi74U/aB8SdldpU9kOYwndiPAQ5UT3o6d4HQWXiytW6cOX5AqhjX3KmxNENETWWK&#10;8k2bIzbxCsLgAa3ndB8m/nzK0pRxJtGBNYrTM09C2qSoWeYxaY0ztwTztMULlvzES7fHMNLD0KN6&#10;NFPLg6KKCuTm3VFVypIX4xLtcnJPnc36y2RcktlstW2ciyYTa1ioWOzVW/I4yS34h2geLDiY0SJu&#10;hC2wC8dnnSZeLHeFcGejlZLsze0aJ8fhlqSfPoujXNCktJHywzDXWzRzS/kvCt/mh/K2lHEm7lMd&#10;tMBo1xWsvw5n1mrp05f2ysnDtcvWw9Y4OWtcImOmbBGWJHSPHrMkh/DTqTJll2+TzXH0/CZT5uj4&#10;Ra13SSvsZrjD62zWXyajGaepTUfHbjIHQbQLUJR4KPlJkBfLjq5U6q9Jc9UolQWkG7nSZxWfs3OS&#10;+INSwNJDRuZnltL5iO6fzW09hXBg2t14aHIouX7O+Vv+d/YNG90wA+dvn40HT6OLMRx6gLxyl8F3&#10;+U2SmNQAQMumIGzupTTwkfG4f/LL4+anOzLFFGnfFtjInnrHrhSmuHRK0YsIiBKT90mpw6u/5gRR&#10;NNzxOEK+bBgUfOOeLQNZASYL2eRqfoluN33Crf1I9N/tDUFhqycQld5DSPh/d0D18uxyHy9+uVOe&#10;ORsq55XHyIUPrB6Y5GrmsvQdO47c8emNDh3GWTmPGyvtjlu4gGi+25z+lv+dywAnu92OKr5gMf7W&#10;2XiSb43Lsuy+emcYOYN93+FOqwuXvFhKir8h05IIATWy1RSWOW/KHtB11I7MLEngoXII6HG218/G&#10;mdResjEFvkgiJMluQGqb5yzZ4AN31JfdyRSkhq1i94lmfogpuulzS4dcMa4Dr5yNMx19nO9mNfh6&#10;Jt0KkJwuyksdSvYw5SpW+LRSqb9s+y9tBaS73dnhNIl6uoeQE0nJ2Jkm3hj3UtDzG/sQoeJn1DFY&#10;hM3lX8VNPrVE7w+mpft/JCL6q/k7RJtZLvDLVofod0LemUMcNbqSTH0lQ3lZ8HUu6y8XrH43AyYg&#10;imk9J0bwY3Pp+jCT2oXo0JUrTHuLg6Q12gzhT4EryoINrXHShDOnezZo8r63vGcly/Hltu7BEGa3&#10;+mePFmvSIEllURWw7jjTTkHf2GEtS0lEPm3xz+QqwLw2lm7NLZq+C1TKeej0SpsBk4/JHnPLxiV/&#10;LD/M9qhq2fUl37LpSZ7f7qlFr7JdhPNG7J26s6Q0Xuc7x/JSAlF85G1NH8WAckQBXhTFB/PD6M0T&#10;RQdn8O4wr36azR2iXtrGU6k9Mj75IG38Lf9rb49YrKaYKie6Dai+fLYF82hGUZDUYZAwYGHG50CT&#10;11vvV8AFNK1dQ3AYyxlBDjZzWhII21TDFfYD24h6l2dvHdav4aQJxmwRXGrDa5xb8/Yh39JsKdMn&#10;KcmzKQDYchZIUSbEDX+40iSnnMBzZAa1E1wqFAcUfJdHuPQ9cF7U2rHVq5NYFxwviqlrAhZeRJOS&#10;Wq7UpPAu+CcrIZPQS1nH90XRrdzhpBcjYOhzfRjaOOL5VSDFKpX6y0+FgAOBMXvKjWiJJwdoZ+qZ&#10;mE3U+agPUcX9ISHYMb0tJpF+bQYNCREvN0wOjwzgqWsENprApi11BNeAXRDYowlzmAmLc9TuY3RG&#10;0T0XNhQU170KKwFdMw0oiqz7FudGr7NZf9ncggi0zCr20AFRymfn9FF5foN1EAVX9oqkAeEehRG7&#10;NHESOoyVA9duQfdxoo4SipqfRWZNFSkeotEZVBJ5Y0Gy1txyanm6D1JNZZYSD+kWCts2ZCqZLAma&#10;uCR8nKC+blinAhaYTUY1PZav0FzIZTzzWMDlof6TTQK+8LnLeuOEh0wzo8gkyl/5LDNrvmuVkaza&#10;DFzul6EDfjNYR4/mwn6DaMJLUmgibk0DxS2zpRhQUc3lFUH3Oze1JJA6zITGUmjK4pmnJNqnoftj&#10;PYWnn3OLh+lOIug4ZuyzuN7rpaOgwPFSD76VSbBpM1gFptMJXnvDNwX8FZk+PwsTzWiDDwWQM1mT&#10;9pDYQpkEkF8At+0hwng8PKyny/opDSDg2FvVwSaTZu5pf8v/2tuqxTo1OGrQ2U0DUPC3zuSNAvMm&#10;47huwzAFMR6sKZ8m9b5oS6RxwSxzPCQQ3Ii9gcHDc2Et2ctlT1CMnpz+8VBwg6oTcuEUNbPsIaiW&#10;0aGrORT4f/KX/IXhJ/BZ8b82h2DiTcQifsF0bDN+OocYciaRhmwqcgVdw33p1DyxnDqfYIXGLdOC&#10;gD8+G6NWqdRfs58qQm+KJyACXWef5Ccr6RErMI12UUbQhEvt4ELHsOjcYQ5PaY67n+bs47+vN8AL&#10;w2yCjjPWkviCphDWtgZ4TWJWK5X6y8a5ct4Q3puVlDPt4JVq28O57m3EcS6Ifvc8pAJOVGV7SY5O&#10;4U8yKtFFxiQgobcrD+SHMmcwRpqd3oe5rRzH8YdLeX6QVb3gz5KjSbK0j8q/eTaHBOQUMpZmgNeH&#10;whaZV4AsaB+Nh4I7F+bFK+5JHTQE396eQ6SVRML4LEdbVT21rd3vohvMC/NSbs9vK1V+cQttpxwQ&#10;kwu6iCOsU58V/zt5SmFatwJfkZXYmUP4B1YY4wHPx67Nc8gdLhgg9pCx1fGQS2gpkGT03UF9EoXw&#10;mls6lisfkjSBGT5pskwzJ8L3G1o2EMn5EOnwgI60zQrZiBGwwdv69bNGPm1fQqHrO3PIgaxggniC&#10;Wde1WklmjQLe8yE+gaqbvWaLmEdtKBenXFhHQ1KfLq8WLcqoxGHrL/nfyRDcJ6ZYkV4GIRH33/pL&#10;Z3sKpUEn4myjO9jzWHgI4tPkHXuvxIvwLXDOTs0EH0wvt4TloJ7IpKYasTYD3kP/O4dDLQD8AnaG&#10;SlBvb5+PR7U/5oZlYBVTxKHLKTYfvmSwZawcqY7VJ7e5f4KBR8bFMsdEOdCyodjCyMS5Iv5R522I&#10;Ya3a0q6QRB1U/WXTwrzpiB08sd0AJQeg7OPzZ5wBrqYzNTablcS2Aori22mIZ8bVFH/J/1q/EIZR&#10;cWFhJ/ylSsebEJhwtc0mPeaHxCe0/jEUfEyVMZ8BXzHVyxfycDydE5S3cH4U9X77KCn9LjmA4JRt&#10;DYiWhian4MXW7I3bPc0ViZzb+ddnxucCd7d7jOEj50B/63w4X+0yO8zANyxHEeZY3WivkzFfoLGd&#10;8sI5RSoJmcA8cDTHPnth7m4OpLK9MKpTqq5zUiVRf/m0HBsuFlnPWM2H6D3gy37/8fO7qUr99ubL&#10;z8PbqX/8y+cv5uH//OW/vfv4q2rFfv74/pcf//TL+/fjx9uf3/367o/vPz3665v3P3zz5u3bdx++&#10;PP1Gj968/+3nN/M/oyxPXAh8+dlbjA+Xj73/8OhveFGH6vL2zW8/fPPT+zdfxrc+fBTBebJ8+vzl&#10;n998/nl+ebSfY/31ly/vPs0xvP/Ax//22+fvP//2r5/+y3/Wv/7j44//+18/Pfr05f0fP9JRBOmb&#10;D29//vjph2/efvmkD4z3//b5t/k6/3j091/ff/j8PY1/+ObnL19++/7bb0ff33z+p19/efvp4+eP&#10;P335p7cff/32408//fL23bd/+/jpx29RGR6Pf/326ePbd58///Lhz//285vf3jEK9eLtf/8rnfjl&#10;R5Q2VIsPb35998M3f/r07t1PHz/9+v2j8eYjdGpN37u/fxmzP/716C+ffvnhm//7RwD6//zyTy9+&#10;9weyEn/37Ls/fPc7/FV/IIr09NUfnj/9/e9f/Ndn/28MZrUf4xp0owv/NmaFpfjtXz6+/V+fH334&#10;+Mef33z487vff/7t3dsvHOQxH7SbL6/JfPP933/6NBiBcT/6O44pUl+JQA1OR0ahKs0tNDv+ljdw&#10;98p/9+itDm4swVA5/Utv/7LY681fGfZY6T//aBPw5x9tqt5+/PDhM8v87yzfT7++f/PDN//p20fy&#10;L6OMPvrbIxRdqmbZSXZo9D9zIwLpIJ+fP/qZRoqqm/A7NPp3lilR4nB78viaUm4EYBfb4+U1JWRj&#10;ocRQrinlRqLEsXNNCT1lUVLm54vG7OVGoORUtvCaEoueKD2mhu6r6zHlRoQjKZrRmD2OsUVJ1eGe&#10;N9YpN1LgEwviekyo4IkSvPe6MXu5UXtMnB6JEpvscYNSbsQ6EY1ujImzfFHqckRu1OYItOtFiWqq&#10;XL15zRG5ERYKXrgn1+sksGMmxW3tjQ1VWkELb2CHVt7xuGLkFr4eFsG91UPRwvnQGFfe89wkSl5o&#10;g1RuNAoRwkvXwi9vehKzgX40SOVGQjmTzdUglXc9hg66fINUbgQp8lFfN0jlbY/lhse8M6zcii2M&#10;VGqIWm6+W0uMQUB8p0Mrt2oLpid560NL3v7GHOZW0KLI3rPGHObNT2kN4AOd9cqt+nOYtz+RKxWW&#10;bIwrt9K4yLu+HpfCkUtoUESKxIxrWqUVCWhI3cbhKBVw0RIY58nTBq3cirgixYleNcaV97+Q6Rjc&#10;DVq5lWhxrDZoZQGAm4EF69DKraCFftahlSUATn6O8M4c5lZEAVmvDq0sAZhCetjhjdwKWrp1tDGH&#10;WQKgoKJCN3he2dbBUQp44jFs0MoSQJdKUFGwwRu5FbR0UWuDVpYAuv4Cx3uDVm7Vp5UlAPVKEGyd&#10;9cqtoIWcb+wv+V9i5jn8STto8HxpJYwAVTuu51DRyEQLx9CzhlZdWokW3u8GrSwBdM82zvvr9ZJf&#10;N3o493KHVpYA0MJf2KGVW7V5Q/Zq9BDfLbzR4PnSqk8rSwDu5QFC0+BDuWajh9hNujaosV5ZAkAL&#10;x1aHVm6FNcy515BRCrdED1kvHLydOcytoIXcaMgoodwTLV3i0aGVW/VpZQmA0YXi0JnD3EoeBRB6&#10;1+tFZDCNiyR+bJvr/VVaQQu3RGMOnxW5gbohxfzSa1JawYfIqA6tLAEAioBy79DKraDF+dCZwywB&#10;gMcBqejQyq3ae1nhp8WHhOhAKTbmMLdCHqLcNPayIjeJFsE5NNjr9cqtVAyBYkQNPswSQN5aolkN&#10;WrmVaFF+vUErSwCUXgqANEjlRuhDxOE7rJEFAEFxanc1SOVGmOVDz7u0lXFqrtWa90E0SOVG8myg&#10;fV1PoKA0wRhkthBuvyZVGuEBIPjX4EFlCi1STWdDadR2NiiQEqQInrC5Go6N0gqMCjljDRVKwLVE&#10;S+llrxtTmFtBS/W7GquVNz+OchiqsbVUfTJ6qPIEoCEatPLm5/gnx7BxnCgGmGlxMDTUNWERohUq&#10;FOiBxj4urRgXB0NDZCjbZ9ESfhwj6lIUllZaLzDljTnM2x9EFmZUQ71WODR6KD6kLGKDVt7/nJKP&#10;qSfQGFdu9RQoGD6Aa1oCD0QPCT8CZmjQKq2gxYHX4MMXWWzgQsWWb6xXacUc4qRo8IbwimlcVDbv&#10;BBlKK8YFFLgzriwBlA5FEu71egkYEj2EFtjUhkmpiFm0Ii0KV3ljL5dWuETRhhp7WUiIRWvgohoH&#10;ZWklGYVEbPBhlhukDIP3bkxhbiQ1GdxRg1QWG8CnFN+5lBpCM8VcMKqeNBTaOVp1z+TSqH0mk6Kz&#10;SIHtx8XeGFVuNDWNBl8I9xijQn8CuHxNqjQa+hOH66X+JCDeIgVC9EWD20ujoRW+6JDKEkMXAXZs&#10;EzAjq3/DIcfRej2qvPXJjaGwQGMCcyNI4YLqrFWWFxhpsqsvmR28bx7VuMG5MaosLgD6y1V7TSo3&#10;QjKBZ+uMKm98rH5FXa5J5UbsK2h1SOWNT72IlitZuKFg27aOobyTaDWuEOswe26kI0s29TUH5o0P&#10;1ppaCY0JzI3IdRK8/JqU8GJrVE3JXhq1JfurLC0GBrWhy5RGFNdURnpjVHnj6/amzpEPYm1NBaNS&#10;iYoGqbzxycdDYb1eK+UaxKxDivOqQypvfMDPXPXTIJUbMYHK1myMKm/89lrlRv21yhtfvqoOWudV&#10;bvQUvzNZd41R5Y2vYhUdp64StddaKY2k45xRpku0AqHImd9Yq9yI2AdesYaCq6SFRQqu7bjgSyOl&#10;wIO/uZ5AZdcsUiO14HpUpRHAUEWrGqSytOiyxevcqM0WyraPUZFBil3cGFVuRKIkib0NNUZY5ELq&#10;9YsGqdwIUjKyGhOYNz7OZjJBGqRyI7DuqkjSIJU3PqQoItAglRtBCldphwPLxudSEMFHLpULZefH&#10;tJOf9Bx6jWGVnU9M4XXHIhZcvtAiU6lBq2x9apUonHM9rtJqJJR1OCMLDGIKivY3aOVWzJ9SG67H&#10;hV86TYeuYSMp+ppYbUZVHNLrG7MIMqhQwyXZ8bPWZuz/AVe5VNN01+Na6ievcASxMS8XrTaDGv6Z&#10;1tiyGKBguMphdqjlZiB9qZ3UWrcsCVRODauwQy034wgjO781tiwMqFpOhkiLWm6GxkGZqsbRAh4p&#10;r5sS4DsKdm2mDFYBchpckgUCWYykaLfWLTeDGmNrmA66IyfxJIdSy51cm7WVX9LHCjXgzC1MWWkG&#10;Ne6d6MxkAXqSxAcQtcMlpRlGGEZEZwcUqCeMTFW8zu4uzbAu8Xt1doASouLYUJl8QaivZUlpNj1f&#10;rZnMQoFKTyT3tKjlZvgDCFS2ZjILBeVBU5OwM7bcDPHDjLRmMgsFqBFdaujeBLzTAkAN8EZrbEWW&#10;KK+r41gBYleoAfxsSa6KF0XTJ+DemckiSzB8ZBBfSy6lii+elMP9RSO8N/L2oxkziVurNZNFlpCc&#10;RR5BZ2y5WZ9LCv5zOGQ7hvuoSZzG1t0BFTdK0gfAm8bYSrP+7lbxiegkkutlK9o8rsOIZn3Jpeoe&#10;0QypTDJphydLs75UVvbtoqb0zk4Ik0vKUrP+iaOM/ESNeE5vbLlZ/zQtWFCVGaRCTIdLiiyhyAoK&#10;VGN3K9MxjQ13Q8dxoGIKqxl+RjxyHVmiOkKJGhCyDgKSbZKaMZNUBexoQbqmMFHTjY0tnszN0Llw&#10;lnXGVjChaHjErDpysjQTNXJsG+tWUKEgXQkadORkaQY1EMqdmSy4UBiLEmWdmSzN0MyxcVrUiizh&#10;5kBqaDZ2gO4ljeXG6lAKfWcms1DQFUzUW+xQy81UQoPSkB1qWShgLepa0A613AxPHZZwa2xZKOje&#10;COofdKjlZtimcEnn7K64UrwyZOp3qBVZQvRBvstrvaQiS0lyIqjfoVZkCbny3B/doZaFgu4iAOLY&#10;oZab4S8htacztooTpWRLKyaoG7fSDqCqGlkLjbEVpCgQnRZG50lpRSrq094GUInR2KUEqCjb05jH&#10;0gpilBFs+O7IMC7EAKZ12L+0EjFkeWcai0Sgckkvwa8gU7m4mUImHYYsIFNyWijg3FETajOokXHb&#10;GVuRCH1qpRnUWqFjzLW0bCrBTbHaDpOUZlDTcl8LEtWGCY6EGpC4FpeUZv2ZLBJBCV2c99cmfkGp&#10;ks5FKl1HTajgUd2L97yz3WoztgCOxsZMVvwoEKYWFkR1+9ICqBhlawdUBClVKynH2ZjJ2ozEOPSS&#10;ztiyKKGwSStnYhRaTLz1kvO3s90KiBSXE6kCnZEVAaQb4luHTUGRqtJPB2yFsZwXDaf3k940FolA&#10;3l8Lh/+kok9R7YhVdhatSASoMSWdiazNtGotakUiQI2qGh1qtZkyITtii9sK064BjE9iWIdabUZR&#10;6U6qIb7IQo16YS3/dW1GxTEM08a6VUAprskWNJR6vLmTUKMKQIdaVknYNs2ZrEhUpeV06l1Q7DR3&#10;ss0le7PHXLvdGVuRCe39VtGo7f1WgKWcNdRWa7BkacWSUW/4RWdoWZRQ6UoTcn2Qql5sksj4Tls1&#10;KQq4FGLorR1iVZDgcO0U9cB9lvpImS4Quh1iuRXpudSJ60itgkqlfGmr1AvfTl18il5BZKqxZgVi&#10;SlYq5QAbIyutIEZd386RXUCm6NUCZ1wzSGmlMiK4Ozojy0IEKA21MjvEcithJMkk6BDLMoTYHjZb&#10;h1huBViKcocdBilQUxxUrex5REZmEJX16YCJmYHU7BnekU5phdoKG2pAq681/5dZFhCjbuXqo2em&#10;Lso8VHJag1iWBc+UP99as9wK1ZgpaTFIlgWEjWXlNVg/txqmaOv8pIbtEqnk+LTQj09KKxHrWaIF&#10;dtomVlrdIJYVCjif/zWmscJVOZakmV0zSIGethmktOozSAGfDtbv2E6lVZ/1uZRiMQiu4x4+oLQS&#10;uI64amcaswRBgOCH6axZboWjTlcSdIhlWUCBT65o6xDLrSCGo6KjyxUQqqrBt2AWpRXEcHi2pjHL&#10;Agry4jrujCy3urFmWYKQ+0R8oUMstwIFgnO1M40FivqMNXve0a5KK9wvqsvbYJACRoWB6WNjZKUV&#10;Zycpv50jpmBYSc+S+XMt9UsrVQrqndQFxUpdByCzHWKbDkIKSmtkWYLgtOfOgg6x3Oop8Q9wvZ01&#10;y7JA8YiWBNHdDMmwYEI6mW5PCiqVkoTYup2RFQlC8VIkf2dkWZugdApL3SGWW1FxH0O3IxtVED0m&#10;BKAcGmeHWG71lGDv4w4mfVzmkYipmGmHWJEgxLFhketpJM0gj6w5jbVVexpHLfsY2XfK5WtMY23F&#10;zPcYZFRaXsTG7R/X01hbUWywx/q4vtM0wvgklXeI5VZIuFetRFmsnUysaVPXVm2belTAjmkELUJq&#10;c2vRsgghyPgYREyHHYswgFrLOUG8Ls2IqLWqB+jet7WtCeojwRpCZGtGyYGWuk/J0EqtO5O5Gf68&#10;kZ9/qYITRsvUsOKpStFhydyMoD4e9IaAJNRUqHH7SwejWJuRm8HB26KWbRnMLa6K66xbQbJytQLl&#10;Dht6j65YTlyCPq0CKZe6SG3W3wG6Um7tNyCiVInuUCvNuLENIFljv1HGP1HjeoyX37WolWYARrgV&#10;vEMtCwUUT6qrNXBFCMbcSbCGraAaPvPcDDWXW8g6M1maaXOzca73W0GyMjYKn7S4pIggtH4VjmpQ&#10;y0IBAAf3IbaolWa6PbyD+Ecu5pnkxhAS+TozmZsJaMJFBY2xFSQru5vl7pw4pRk7WwX/O9SqLFFR&#10;t87YCpKV3YYrt+EYwSQpM8mVb8Q1r2VJacZ8sHNa1IpQ4JSiGF+HWm7GiYOy0OHJDZIK0KHjFkQv&#10;TlMCrIvYd4tLilB4xlVlHduXY6lQQy3sxJ7wD6VmqDLgKjpysjTjFk1O4dbYilDojy03Iz7WHVsR&#10;CliIzXXLzW6sWxYKwNt180mHJ3Mz1PLhxLmWkxWSSkSCs6pBrTR7gmHf8osjhwuXEDVv6SWlGbKk&#10;h6zAS1SoUe+5gwiozdB4yW7tyMkNkgpyubVupRmmrS5tb0jlWuX0GTfNvejst9JMY6PMUYdaFgoy&#10;nVuOVqY7LQCpoNze3KK2yRJEXosnczO4RDjdztiyUCDlgrqKLWq5GZKLmWxRy0JBjMxG7ey33Iz9&#10;9lyZyY3dnYVCX5Zwa9tSevuypEJSSfLjgtPG2EozIm6gSztnQMWkcikzWc0dalkEkeDHdXUtalWW&#10;UICiJUsKlhVqBJU661ZRqcwkVSc7Yyt6ybgtsbPfKiqV8x5ccIda0UtekL2CML/myYpKfTbuCO5Q&#10;K7IEUBjCq0MtCwXg7ehqnf32LDdDw+NKw461WMGsOPI5PDpjK7KEAog4aDpjy0IB1RUPRkdXLhhY&#10;ZAkhutYOyEIB7odaI86MQM2yBJ8reMrG2CoqlXOjBXtAoBZq3GPVyekksTU1Q0sBqtLZAaUZ9tv/&#10;p+yMcqRdcuO6FWE2oK6q7qouwfIKvAD7cSAbsl9GBqQHefc+rCvAEXkBf4eYl/u3FB8rM5lMJhlk&#10;cqMyOnmwUqkLUfe3hn3BlDO1uDz6k2ODvKleATlh09RLrVsaBXzXJ3MpdkCRYBEFXUjNZBoFpE32&#10;zEhrGF0bTX6PntA1k7xfrmIKB4xOpYRZru1kN0alLGfebri+CR8wHBOTSWfiamyU4ZnyiQNGsEQ1&#10;wIfinNK+eMbX8JAPGA4eTVPETDYxlUdMf++CiQZDKH/kNGRQEcMmplLPM9eH63VrGA/e0erGjK38&#10;ki/2jWnITAVPje2JTRDEN2JvCaMR9mR0xdgKdqeCVHmvRUzlajRNWY20MkGf7L2xJcVMvb3nERiz&#10;3wo2R4eqw2IOYiaR9niYF8IaNmHNaaxwbUuK0crVaB5JNjOZfgnX2Qf1yUZa2hKkzStXRlrChk/i&#10;blTFTp1HyF1cuWBQZYjhmrEVPRXniXpVswMKhvPES+hGJ4ufihtKL3PjTxaMWPQ8FiLWrbqnclnh&#10;2VKzAwpGfoq0hfEUXmkUprcLyV2hJQUj3col0+SoiqJ6I6QzR8e15SoY96KpxTIzmQ4GuQc6JChp&#10;CZsDR3UAor1Q2hKKmh+mPLBhSKMFjbnjVDNVnEJS0GoHlC3h4Xqq5s1MplGY2gTKoc26JYzENawI&#10;tW7pl8BapSuVWreE4ZbQTcyMrYiqHKV0pTJjKxhXWrKtZgcUU5XgN0F6M7aCsdRYBTW2dDCwk0/a&#10;7Yh1a4YrWTSXESuuKukf4tHGlhQMq0wZu/G5iqzKiYM1N3ayYJw4719FQPpNozCnqbtRFQxpT+o6&#10;xX6rPquEbLkvqnVLE8TZzfOKxi8pvqr3uQqGAfo8unPtBVWLVq7rT3fHKdidFnCci2Ym0yjgveJP&#10;qt2dMI4bHhUxu7spq19YEhULapgtOcCnjhNnbn1DOLg+TRvGdY5YhJjJJq1OxFaRxxqGuXP3t+K6&#10;3jFbHN9mbOnOkO2eVgJmbHVZgYiuHmiBh5ILMP0TudJe74CTt/oc8yrWLU0QYRbq0Y2HV3RXVPl3&#10;eqELaWVLYDxxFTZjKweDixgRMiMtYWxTjIKayXIwdMSweLJzpXXRmXcZhQcNqd3uThjmlU7RYmy8&#10;ppvKhSkh+HQ9kw2DXzLJret1495b0n5e06boUksaxkEFvUFE1R7VwZWr0ZfKdTSMQ5ixiR3Ada3G&#10;Bu3SPJjRsGH3zKPDl7v7UbRXmiIxI2rd0pbMtQ8v20gro0DYA2Ni1i1hc31Q3TKJPORMTt2ZuQc0&#10;bFrVkVsxY0ujMO8OTlJe6GTCYCu/efXJSCtbwmu2qk8Cb17GlHClpQRenDhslIAxNistYV5a816H&#10;pmCqgDH58SOpEn8MNfF6BxSBleD0AMW6FQxpkNOFr0wXjPiRSMOdNFpSMKT9TnsRMbayJUQwuOib&#10;sSVsGr/iKxhpaRQIhRPXMbu76LJIm7uwkZZGYaT9mDgXl8NYAKRZLSlbAn0YRTEzmTCkEVVT65ZG&#10;AS15q5Zb8JprbBAT1dldHVzZ3ZBDRa6Da15KI4/2ZXgKlOYHbOzkDyGkaztZsMnazca53gFFYEXa&#10;z6TtrqUV7CPN9JN5FIF1pOGYGGnpziCN52vMDigCK9Km7YSRliaI3MNjjnwxk2kUkPal6jqI9MVy&#10;k9uF36PGVraEorebKUWj82pKm0pFE3ulNDRg0/GJF+/MTCZs+pIQojQzmUYBs4WnoNYtYd6WdCtW&#10;KnVVHgezGFPiz+5uxUobPvdOecHGKVGvHRAKiB+JAfohkGrWLWH8RFw+swOKwApJBY6hWbeC0RiF&#10;YISxXEVgHY6h4mJTRxNTQhEyXSvMfjt4r1ggVPnaThaM8llISMZXLgIr6zYRaSOtbAkxnZc634rA&#10;OsfUlBWIsZUtgW/ALhC7uwisHFNoiZJWtuRJoMtEeh+PNAqwNYe7YcaWMH/rqA6uWC7GZuxkwbyH&#10;Vx1cscocjGps5ZfgzmMVzLqlUZg3z3kr3cxkwmiyTI2g2W9FYOU0pQeIkVYwTtO5L4qxNe+VoDKp&#10;TDG2gnG+8c6T2QFFYGXdnsTNjbTyS+DuEesyY0ujwA744n1hIy1hcCKgNBotad4rnhOTYqS1LfmD&#10;UnrtczXv9eeGg2luiwXjxJk3L81MplHATrJuZr8175XLAzdxIy0dDCLt8JWVtITRRv3TAUrMZBoF&#10;kvKcAUpLEqaZ3wQD4hCehwQUF7thdPUkXGP8kiKwkpSn0sKcOAXjyscpbNatCKykyantM7u7YLoa&#10;AdudM/mQtX0Nm0gv3d2ETjbv9QER1fQMfxQMq0V4Uq1bGgVSkhNaFrakea9fZFYMo5H0as7knZk0&#10;dVQH7IvN7WaybMk8pmSqESA55Y/E4+JANeuWRoFyRPgGagcUDP4qfXSMtDQKJNHe6kUAHhKtsUl2&#10;NAyDhKEm6qWiA8ZEqtaSaGBJ42UFw1M4YBgTFzM/CKzsUhUNbdg0LVU+VxNYoeoMoe76HtAw26MW&#10;HkrOJAlQ6KFGWsEgz6g+GPQ4KWlwgdUdp2Gw1VXlLuzAkgZZ0zS+O2A0vpspuT67i/dKewuumWrd&#10;ypYgbZqvCWltFAhzKqtcdFlMEI0Y1djaKPyAMl5QdYDl4HANLR9NYOVqOi8iix3QJgjVUjGFJrBC&#10;b8CjEdIaxo98q3hJE1ghYUzZ3PXYGobThU8ptKQJrMQv1DtkdFWpjUNnCsNqJ5CfMJSLyL4ZW8Fu&#10;dA9Tkd4msPIT2XNG2mGCWDfjT1ZH12lQqXqwQ1fNKbnBnTG9IqgJSxg5ekyXGVvBvohhYxSubUnx&#10;Xufongf8hE6WCYIAoNjRNEepsXHHUbf8gnFVf6kXb2hhlNLm9uD2W8KITiLNzGQTWIkEQXITM1kw&#10;XbfIi0Y1NgImagcUjHswfZ6M99oEVoI6KKUZW9oSDBcN9IzlagIr5/2v6ZZCgDamhJswD9ua07QJ&#10;rDhcmEoztrQlWGQOOCWtjAKNQqeI4Xq/Fe+VmDmHt1q3Mgp05+IUMNISRuSJF77UDiijoDNixXsl&#10;go1jrmaybMkPEQx14hTvleAY55SSlkbBZzJ/E0Y0lGyfWbcmsBLCJmYr1q1g+EA8kW2iak1g1Tnh&#10;giGNFJXZ3U1g1SykgpGBfv6q07R5rzRv4O1LM5NlS+gBQGMvcZo2gfWHrtkqhlewz7qp3d281480&#10;0ekMykvaydESJy2NAgEMZtKcb0WXJaTJTAqeOQVQ8SNxZWifYSxXwXAnf6b7/rUXVARWpPErjT9Z&#10;MMZG8Y+xJc179dLalkhpmO6cSVr9czRe74CGTbcm3hC6nknoyS3NsZAaxg7gmU2x33DpSppkITUM&#10;ssGLvWPGlkZBc55wQ+JHDheeghwjLR0MrZNssJKmZzKNAtIcM45mRCVtdFKNrWwJu1tVSdIROaU9&#10;ptRIVDaxLwNGBIlsq4hzNew23X1NRRqdg0safDpjuRp2Iw6i+k9+H7zXKesQdrJh2EnObrO7i8BK&#10;Bpo2vcaWFGweJ5yj49Iq06i1ZxK3S5xvDUMa+VZjS4rAytjIeIvzjfMlfiQzOUgztjQKM5O/poMP&#10;yZ6UZk8c+qQHDGkuu94wfK4vFXn6LgIr+43eFGrd2pYQ+CO1JbQkjQJj48RROpmwyaKpd4t4IK1m&#10;kkoLc6NqGFryS77JjK1tibVczXvVlqsIrBOt4owTnkLBIAD8zvOL1+tWBFak8YyF2W8FQxqlTWYm&#10;m/fKI34qYkgGLJZ7rLJ6kYyESMAWY0sYWvKCL21mMo0C0uB4mjPg4L3CzTVsFtLpPbYbFf1CSwpG&#10;sS8Nj42n0LxXLm84a0Za2RIobvQKNzOZRoG+MJggNbaEkcgkua/WrWwJhUbT9uQyFgSbIRaAFyOJ&#10;lyhpZUu0h3fwXuctETWTeVnh4MYqq92dMCqboA6I+xsKH1OC1cIqm3UrGHEuDm8zk0VgRRqxXiWt&#10;bAmhIKhgQieLwMq9W96oCkZUDSKqkta2hGbapv6N62EsANLoH2O8oOa90h1KSksT9Ic0o5PNe6Xr&#10;Ceew2G8Fm9cUnS1p3iu9qIbCfb27C8bdlIihGlsaBSwXFVHGljTvFUv+cjrZtmTiLGZ3F10Wn4vo&#10;jBpbGgXON3nidL9X0gN4XWK/FYEVadP5RKxbwfAmObuVtDQK/uxu3isNPnhoxYwtHQykSQ+v6LLe&#10;w6t+r7SBYe+YiUxTMq2oTEyNhqtpgGgMYsqaGoWsKay89lybvIosdQkuFLIUd5j+RTkuqmGVQ1Io&#10;AnfTalqMK20IpRKUnZj1ShQ8J+yqkZUWZAqT3LgSRUeot+Hx4rHkHFIIa8qeGzUehRpXU1YZlSkd&#10;JHcSv5CWSXDtxRw2YRVZT9EeiHh/y3J6WCxXvV6Fmjk0rBzq/eIXaj0s1IsqE3W/KKoqXY/c/irU&#10;C4690426lFCqYFJR38WKRdY0qb/ey0VTnRIrbsnXzkehkOU8nW7OSlmWCq8WaloRGB4tmYHUDWpL&#10;OGXFuBKFKMVDgBSfsp7IMo5AobDy6hUV+nWkLCiV5t35Rs2olG4UOZXuc9+GzEGNTPxCZHHPFXpY&#10;1FS9lwvl57DsBv62criLBat1o2mp88ydOSsLRauDl+mGC90mZp4Gh4Trhc4XilbENHY265X+xh0T&#10;YGiztGGLXwixF1aFkZWew53GqOrKUjRWLjpTBHdtD5uOOm3jzGWsUFQjzJNUQlbZDaIKbn8lSvs2&#10;RUWlUBj6ktCNQk38Qp3LRURl+w/v+9r2FmpeATCsY0hfoVE8ND/cEiErUdSPzGvn1+tV3NUbt0ul&#10;G42ahKkKexd19Ubm07Dg6dyf04Fl+zWMrO+ioNKfYBhxYhbT3ty+5g6mpjGNwIRylJtddNcbjKVp&#10;uCTWLG0HbpuKeBfZlTe6UUWzn4t+ymwo96ZA8+DeWBwxrrQCvKWsXI4iut6mfbCSVdRTCh1MHQ2l&#10;q6mJxNCGmHM9riKeDi3HKGKBbtS1uBhmsVUh3KlQQIGoICNFbZS+SafDfzB2qlFIo/DATGJZAWgy&#10;ph/sdxFchxJ4I7EtVqyswHRSNjeIJqrydg7vdhphZTuwpcrF6bauNO4ns22Epe240YFIBfiapgpF&#10;bLLaYhrz6gEbAVq4MMHFUoXnQl2EkZXGg3sHXWOMrERNekEpfnNN6dmvLFWheFqGXqliXM00hfSj&#10;HI9G4aI7762JpkT7VcKxUdyAHV2u6Kmcfk9TXQiFMm0wGxpOk5nGNh/4VEY9mpz6NfxBJazMx9cN&#10;H07oYnNTtTfQJFPigurWcqCsn9McU2vyD5T14JpiOhkTc740SvumRUy96T1d9kM63TQvSR3+gQ4g&#10;lLFR9jLxU6TU6aRhvMVG2UsS1eA5rl8IBGLBGmUvfzQPC1l3xmWUo1H2UvtTvFIbhGiUDUKQr8hx&#10;4QWbNzQaNZF3U7ZF1cIpS+lhorysdDwgDQxx4/I6RlV8/EIqHel8dW3saV4eKC8rUSPL0NRgzoUs&#10;bs/crMy4EgVNk/p/Ma7ikn4/6XEmkh5co+IXIourn5GVIU9k8bi4GFfRVkk702DQyEq7QfnyEHKv&#10;daPYp6TDJrV16ZPSpSdmA1Yz9GsjK1EPXlo3rZZ+inpKagfX3shKVwV6AfkcM660G99QIEz1Ddmb&#10;nA2eNlN245YWALeejsNmXImaN0n5hWK90gLg1lP9Z2Ql6hvdcHOYFmBoDKZbGxYw5pCKom9T5kYu&#10;K1BUeVLnZsaVKKhGcJvEHBZvlJJqxZGk+0D8QqzI1HNdr1exRuE5wmIT4yoUi0VtopGVdmOI/Obm&#10;TL4yxgX1FuKPkZUWYMhCprMY9bQpa141UbLSAmgbVSxTbaOKZKrtfKG0nb+XBfilFsjYjULhmPN2&#10;r1mvsgC/tCBQepgomiFPJweh82kBCDwPef/6/Cp2Kdf6L3roCllpAaYbg+Gp03ky9JBDGXKpkFUc&#10;UQp4VZKKd4JSFm8MGjICnZ8Dxdvfk7K7nsNCUcYw3aqv57D4od/TEs+sV6Fop6CIDxz6OS5iAaaT&#10;ZKOwbKpJJuyekKXP5UJRjagavMNaalm0xzPrlShij7jLZr3SbtBIA6/NyErUp8hF0AQ5eHJcUMWd&#10;HiYK7aWroBlX2o15i1P5osUkxX9lXxpZZQE+dTFmDhNFJu7xbeaw+KCfp8PMehUKWXA0xbiKDUp/&#10;5adJ8xFKilUmuk+pqJGVngP9B2mFLeawGKTQA9SzpJCK4xdq36ZQei8XgZQKYVJ2ZlxlbcZGGZ0v&#10;Kigv2tDAyMhKu6Ftb1FBh5jh1ivtxpwpzMb1mfJdFoCuIYbgRquoXOU5K9Ucpt1gp6hMKT1JUta0&#10;Q1HjKgtAuy91ryzaKX4UrevEHBYVlJQFP1noRqHmAWtlo4oKCn2UW6xR+obNPdtMYnFBocW91Ltp&#10;PFcdKwbBRbWmpwQrUbScmC6d165Uw+bxXmMSiw3Kw1Y4U2oa03YQrFSlTlQX58j8mhVMr1maAdoO&#10;0e3XWKqDRjrl9tfGo/igsBJRfSUrrQcrppzfg0VKXyrTr5FrRs79DT6z8bSLELqYxDQ6lOWoSWwa&#10;KSlg7KLQ+4JhBlTkoQih5C6JcxhTVTAiD05WWYEvhmXKrmkCGQvGq0GmuIlUVIAgTZFYMYpYMKj4&#10;KhJbhNAbj+Cq5wo4SeInTs97Y6aKEEpzuqfpb0BmOUV9HgO73svFB30TlFYJgULRRJXGRMJuFB/0&#10;DaNAGd9CkWd2wdHig/Iy2t20L/wpFHlwFxytTqi/VKGZJuY/haJOg1JkMYfFB52wuWEzU1QUqoFh&#10;o4zFyMprB+9P4SUKC1Us0qmquZszpVikT2iChmFM448YFxcBpsOMK83Gk0uzsobFIoVMp1jaTFr8&#10;QkpLXyqgUiiKj1VvLNrBhSw4T3QsNOuVKNqWD7Hl2m4UGXReq1L+aKGYQvV+F4/IxbhIj7xUAKxQ&#10;mFCeFTXjSseBzu+KYcxREL+QVjuqOzSpskCRgJ+K3mvPt1Bc61UPRgrtU9a8Dm2CHIUieDsW4Fo3&#10;igxK8GJoSNfjKhRHw4/pqEEkJMdFsF0RRgrFY9ZDUxPjKruBzqskWDFI6UEwoX0hq+zGE/6o0Y0i&#10;kHJnxiIaWWkBKJ4ii2vWK1H3zxPgRlbeU6DuzgsQQjcSBU+HWm8jK+3G65cXGdS4EoWrzHsfRlZa&#10;APoOuIR2kUfhBk7zUKEbaTd+CXIoO98NTgneqKRK00BJgqtEYqEgFFLIK8ZVNFC6BfHMgdCNQn3u&#10;vcZGFQuU5uJ3U3X5UyhcUZfoaBLodJ9UUcSCPVlks5ebAzoBH8VqKxg8dNJ013rYFFD4PQQrzIKl&#10;4eDYU8HsZoDS634eiL02HAWjf6fay00AnTSdqYGA3JBHEVdY42M3/5PSTToZmXGluaGxmbrCNmnU&#10;60aaG6kbTHVMBo8CEqkQxrdhGBtTJfA8SKNTWyv0sGFUDJoOJ1wWclzEG3DArterYTyYZwLMzyKN&#10;QtuHBa7GlW7K9EgXtpfueDkuv14J0+uVBgB3iMCNeEeZwrH4iRhREz+kYWmAhrU/D8pd2o2GUTRr&#10;elthklLWF90hnKyE0TjTnMvPIo1yEr0oLTDjSrtBiN7ciYh317huT+X4NgzGszm/qE0JWcTZ+Yli&#10;WIWSoWUSoiFqnjU0ObBG/dEd7/qoxEiErNc8wmFWq1DWFeUISVm4onc1hYmi8bS6LlNAnrK4Vior&#10;XyjSMJNfunQ3qDYNWU8e1zFZh0ZRAcntxshKs0ExIzQho4aJ4gVEnBsjq/Y/pVZuDhNFs7mvlxpX&#10;7n+qk2j5asaVKIrwVKMzXvyM9ZqmoRx615a3ULwF92VacHNxSlmkEE2Xs0bxCM2PafJAP9KWxY1Z&#10;jKtQNFae1ivXOl/sT3i3zsoXCo2n1biRlRaAoOM4ldfrVZxR1lyFHGAcxRzy2s+U8ApZiaIz7NR3&#10;izlMu3GHuejWK1Gc/5BNjay0ANSCDutOjCtRvPdJ/yUjKy0A5B6KyY2sRL2YQdNuFY811gtZXybk&#10;0ChSS7SENeNKu0EnOudhF2fUNrCCjJbjYgZNeKNRtANXHCliXSWLrvFG5wtFh/Sbab5E992Uxcvu&#10;WNFrPSzUvLv5JWqZKb8vWa6+uFHch+aFveu9XOxPQt/wWs240m4QB8R5MLLSAnB1UG+S4QDFbJD7&#10;gvNsZKUFIJPtbrDVgdQ2UWEc+QupLTYmqkDooOuh8iz2J2Qb5WIXiOwy2qzmMO0GBSomQESHppgM&#10;aPd0ezS6UexPApXq+CoQ3R3uKsUBtzx+IrQe5fYWiKgob26Z/VXsT/aJaTRCMD5+IOsFK1nNYdqN&#10;N10rjB4WZRQ9pF7S6EZxRie0LPgvVBHWuHBTTB8JerUGbCyUMVEFmnHRnlPYjeKMzhyKDD2OU/zA&#10;kTXb8tr2FvuTZZ4WdtdnSqHe2Hlle4v9CcFXvYTEx2NgbC/Kds24ygSQq+DxGDGuRHGkQBoVsor9&#10;SX9eKExCVqGQ9TLhXop7YzboKgf53shKFF1AVYMizpCUNZ3njdIXSvtRTf3knmKyKc9Caf+wCaM/&#10;NP8RJD3ekovZQBZXX6MbaTdwN2jJY9YrUdrHLt7nDcNhiHNwBmJcxObgBJlxpb9BGyrCImZcieIh&#10;62mncW2jivdJ6JsSRiMr7Qbvm9Dg0MhKC3CHA6NiRMUx5SKFHRWyivZJ+oD/iXEVCioSRcJGVloA&#10;WKmqvv1ZZFGSKeTajKy0G5Zu8yyy6CceZXyAon0SWIItZuYwvZSJsxkKPaGu2ClP6gNVTK9Qn42i&#10;xpUWANfmS8X0ii06cVFTL03GIMY1PEI3h4nS8d4ifvLgylS3Xp/LhfrEsdUcpgWA0a7qAqhwiNnQ&#10;8fkifpKfJ19hxpXWRucdivhJSJ9goJBVKH6eKSnihfCcDDy2h3nZpWGTJTLLVbzPoQTPT7zWjYJN&#10;9kvJSgPATYq8sfFtii5KVs+wAQho5hwSZyPJYcaVMJutLLYoWVgioyZ+WDA4sC/j2hTvk8e5XEMz&#10;eJQxHXCPcIiuXYDifc4ztjP1QjfS3zBHV3E+56ETiKlGTtqM6aRhhtR7/801T4lKGNFXM6pifFKF&#10;AffFiDph6jApxuc8lK4qOZ8Fo9jGdNQj4heqBNPuDW9OrFbBcNZU8LUYn9Mo0IW9CjaaYaxTMT4x&#10;GO9fFcEuGFkKw6ekY3XOIdF8VV3ZMAjL5pUYHNyWJTk9BZvW/Caw0f1CNfelYHQHUCfXwfiEP2T4&#10;Xs+C6TnM/T/sUlW9TFFZTD08UVP2Be86QFSzcAc2dqNg9KozPGyqQ0oWZ7K6eRWMhmmGCwhRI2XB&#10;fpteddenScOGTSHMfBE+x7eex3eFrHJQrKx0GSjt+3IeVPFEP961GVfZDTIHXOfNuApmx1V2gz5r&#10;b1P4RZO5XGYKns1ZWYRPKjih55kzpWDzUrLSjXQbaE5M7kvpYcKsnT94orTfUbe8gkkvlEhLTjx9&#10;T+aRiEudbxjcEtOY5dU8UWRNRauQleZmOnCJoDJP5NS4KJwxEdGG6TksA4DVmEbvYlwJI/ZiEkSv&#10;gyeKb2NuXg2jBsb4UWROcg55qfVt9lfDYCGaJoE8oVaymEPzzFnD8HRMcIg3GkoWbCpT0NawceeF&#10;jXo1TxQagGol3bBfIqLCj+L9vxzXEx/bZIga9ubKYcZVjE+qRdEwcabQFyF/Ij6byfZiXhKFqJsJ&#10;bRwwQmx3YenJPx/C4NuJ3dwwWi2a3BeVlCWMjstQj65NR8MIiSqb2LRPWLCqwAeDm79xGGaClULA&#10;JVF0uSNCbUZWsDsv56g1K+sxbzGpHV2dSW+4AsoE18P2PN1CMlupflkdCmKN//uqdqE4fHNommlM&#10;v2N6JZgMM4z+XDMq6clMG2EF454D7f4yTvQqyih9eBiZ8TwaxmNHht/zKvYn9bDwgpSwNjyubp9I&#10;Xk3jdHkWvuIBIxRrHNNX8T/nUqUKsxpGfv+tVL9oo7S8xhKrkaUFuaP6JhQGDzOnkYDRl7mONYxW&#10;2cNDEtpYFgRh09Do2hBXt1GEocZGWJoC/AgqoM0RU8/ZzwvITkHSFGBQKfgzm7oZpzzt8TB36FfR&#10;QEea6gLaMFhgMCZFBST2OlRk2qKPs3m9agWbpzt5+UgsW1FBoT18OvIIaWVE7vBiTLQPi11jI+lq&#10;IlUN42UKusWb+1KRSGHu8NKduZsVbCy4Ku+ATVBjI0qgvP2CIW0aB5h1S0PCdFhpCUMaB7aSlpYE&#10;afBCjeNTXFKYSV9DTbq2W8ULHWnTC1voZFqgeb+E5hJGWtkSIus3UxFJw/dY7omcTP5EjC39ivtz&#10;Xhoz9+qmlGppxQ6lkIq0q5nJgmFLvuawvx5b8UOnbGs8tOt1Kxhagk4qaWVLoDap9oU0Vc110zug&#10;OKJ33pfHMpux1V1oGqYqq1wsUaRBjVbrliboRl+w4fWKdUujgDQSj2psCSMp+nkaUUgrWzKpGxMJ&#10;5GaX6/Z9x1AqLUmjwH4jhWCc5GKY3riwwQM1M5lGYaTN7UvsgIQhjZk051u1GEUa/VyMVS4Y0viZ&#10;RkuKMOq1pGA3fOupDbjWkiKa+h1QMHYABFWjJUUaRZrc3QWDgvD4wryKsaVRwE5Ky1VsU85ubIKS&#10;lkbBW+Xim2KVkaa0JI0C/vynBd31Dui+pg8YwqQixEymUUAa9Duz34pzupjJtiXcOkxTIwitabl4&#10;fGRSpmJsaRRYN+ykOU2LrUpSZwpyjbT2Sx74JebEKeYpuxtaotHJIpEyNiyeOXEKxin1KdW6nsmi&#10;kbK7KRs2WlIw3kjhxFFjSwcDaZ+Gj9c7oPinVCjS11NJa1vyRYRFjS1hN64PzIrQkiaT0kBMtVTk&#10;8Mwd8DNPnxmdbDop+2Y6nYqZTBNEYwmySUpa2RLa7yHQSEvYtJh0kcKilBKlhTho9lvBkEZIXo2t&#10;bAn8ENr7mLEljGeKIXsaq1xk1PFBCQMaaWmCeOaV65uRVsTSocwThRXSCnajpxVcRbEDipHK2D6E&#10;z2udLNhibGVLdHSmOKl+3Ypeykx+WiWJsZUt4eFFF8MrXiqcwA/pTkgrW0I8fzrVXZ8BRTEdBuK0&#10;dRXSypbwTA6haCMtjcJIg+JvpCUMsjMdycw9oNipSIP+oaSVXzIzaRqak2QIY46WEHlS+y1h5LKs&#10;lqRRwC/HcilpCSMRQ6Dd7O6inI5qcREQ61Yw8rg4r0paBlE/D1SrbFFxVdGsH36l0MmmnU5XbqUl&#10;BcMr4RFeJS2NAo0u6DSoZjJhJHBgWpkdUNRTXh6Ch2/yAQXj+gwLUI0tjQKPOPLGp9lvTXWlBfs4&#10;GNeWq+inpC+ns4nRybQld063CWsKaWkUuE7h06uxFYxNOoFGIS2NAtIoFzARjGKuYhIgDCktSaMw&#10;ldeq992ruKsEJ0krmrE1DfXBrUN5QQ27jRNkPLwmohL8xnYJLWkY1w7e+BDrVlRU+pbbsZU7Q8CE&#10;JL6RlkbBr1tRX+mM8uWyRkVHvfNi7SzAtafQMEJPD9P7kf5QeZpymPLqjJFWMO6zUxh1vd+Kkkox&#10;IMF2k6RtGA4lV3YjrYwCwbGpFRUzWTCcZbo0GmllS0hJkvEz0go2JBvTv/BVxNQxW3gYRlqZIBwT&#10;ONLXY6OzV2oJ9SnkEa6lnTAKOczZTbonpd3gEpquQgfszrqZXD4/qaW9yF2bsRWMXP6UtV3uAPgW&#10;JY3lNpznA0b4QnVphsNW0kjtOmkFo5Mp3fHM2NooUEZndPK3KLHsUSylqL/j/6nGRosW81b0AUPa&#10;m1SyWLc2CnomC0ZvDN6yM9L+ZBTcuhWMIDZetpHWRmGuHcJOUryQC8Ah/Da3RXjSCaO13gMyxaVV&#10;PmB0/pi3iq7XrWiuhMZ4xUJ4eEQx80dSZADT1Ugro4A00ltmbAVDmqrixXbkjyT/qRrZHzCqmuTY&#10;yijghr4NH5QO1PkjoSCREjAzWbaEiYRfaGayYPgyXw9jS4q0ikP/jW9ipJUJwlNTj6b/FtkVnuAU&#10;zBlpZUt4Pke1fKMFTS4A3DGIeEZawWCSDlFE7Lc0ChzdNM1RuzthPA30Uq3zqO+KsSGNagoztoIh&#10;7Vc1f6VPTkiDOQbKrFvDviG8mpaRv8V4nW5RP2q/NUyv20F5hatm3mcjJZJTQkoY4yW05OS83h+m&#10;JwAhwpL2w6Nk4h4AWy9gNAb6wusVO6BghJDYcCLSS3a1pBHFM30qG4Y0ojPGLyn+KuExZlLpZNsS&#10;zgDDeeINmBwbGcm3yXU0jAlBnNKSNArcVeAhGVvSdFmStPRZEjrZBFZL1OeEiSmZUDsMLyMtbQmh&#10;9qd6UpIEQEsjuaWkpYNxw1H7Nf3FSACUNGJBhqkD0ThgSKOpsYhgNIxQ+7Q1NjOZRoHSEQisSlrC&#10;kEZYzZxv1QoV9iR5I2NLCkbS4j4Ntq9P0yawUpZBOl9YroINNVrlFn+L90rcg8opNZNlS3CB5rou&#10;xla2hIph1Vca9zGUa8jw5MSMtLIl1No+TL77t3ivSMPrMtKawDp3DqWTBSO5S5mF2QFNYCX1gMkT&#10;WlIwpM09X8xkE1jR43md/fr+VjBmkhPHxBSK9zqvfM4zhEJamiCkcXYraWkUiDPSYtbcOpou+8MN&#10;x+RxeJEqVJn9NrXRZmwJY2xsAHOjagIrnJhpWiJmMt0ZLBdBczWTaRT+KOhTM5kwrDI1Q2q/pVHg&#10;xKFZr5KWMKQxk+Y0bQIr+ZlJ24mZTBPETI7TJfZbE1hh5k6Tj2tpBRsSzCSbrq1yE1hppc/pbaS1&#10;X0LSCBdbSEsHg8knjWBsSfFeKRoi/WB2QBNYteUqGFQprLLRkiawYpVdTKFgpBA4cNTY0ihAbqAe&#10;xOhk8V6RxrIpaWkUaI7/hjNutCRhSON/5sRpAiuhINVWm2ZTYV6RhiqrdUujQNcf7ovGThbvlZvi&#10;VImZHZBGgd5kNAtRuzth5BU5cYxVbgIr9eNf6sQp2EJaGgX4VdApzNiK98pMkko2M9kE1m/sneEY&#10;0k0rtYQ3yH6VZ16NVyla5Igz+61gQ6/iDi20pAms1BGq54d5geIY20vdhIv3OkQ1uMdidxeMqg62&#10;nDkDqv2q7gL0WzBmkt1tLFcTWKlHU68q0Z68Z9LqZNkSXi2chmrXZ3f1YGVs5MnV2NIoELAlt2Ws&#10;8kGXhWRrOPSMJaZEd4pqGLZk7n1iBzSBFZ0cB+N6JguGtElbGGlpFKYkGUKRkZYw1J/dbXyu4r0S&#10;T+AMMLakYIuxpVGAcUOsXUlLmD9Ni/dKvz7eTFXS0p3B58Kaq3VLBwNWiutSydvbocrjT85TNdfe&#10;a/Fep9wXgUZLypZo77V4r0h7wbs00tIEzbsCt5uJhr7KlsxBpTLQBfvDMzdRtSawTvs4Ja1gaAnF&#10;dmbdmsBKBI8aDTGTBWMHzPPVQkuawGq7LUJgLJ20tqQarlKi5Hq00ZmjpeEFqXVLo4Cn8HZx5eK9&#10;ejvZBFb4k9Oq4PoMKNjYSW45Zt3SKHC+wYwz+63psl5L0ijgBcE5U2NLGDuALaDWLY0CYV5uRkpa&#10;wnx0pgist1/WTVmugkGqJvJk1q0IrNODZ17nudaSgkFzpiW6sSVFYNXde+irnfttWo4rpk7xXsl3&#10;k8w3lqtgVLGRgTZachBYqXxQdrJhsCdVtR2Nl3NKvojhKVZEwzTDqnmvk6RSu7thmK5JI1x7Ck1g&#10;nbep1E34gJFdvytpZRQgy6qOItx7cwFoJqyeqONgKhi1faZL8gEbq6Bu+QfvlQClyqw0bIoyCTRe&#10;rtv74L1OOY64BxwwCB8Quoy0MgrsGmhI15brfdBlOfPN7qZEqNYNEpK54xww6na5wJmxlYOBSqpK&#10;+fdJlyXSpWaybMmd+gDDiqBGqKZkUvlKS+qyAn1s2n1enjgUTpU0LpmmApTAbsJoX/ht3lo5YLjm&#10;3ybXwYU5pX1Rgm5YSAeM0DfhP6MlZUso46FKycxkwWDODKla7O6645DFwaE00hI2NeFDc76WVrxX&#10;PIVh1AlpBSNDS0JMxEveRWDFlEMxEd5rw/CCvofoL8aWtgRbTizO2Mnq74qHRw7U2JLivU7JO3dh&#10;M5NlgrDJ9AEwY0ujgGfuYnjv5r1OBMOwx3gLPfabjuE17BMvcdLSliCNaKixXE2X/Zn7g9oBaUtu&#10;VDapbB8RwpgSHZ1hNwdsmvZhlo2WJGwxk2kUpu3tXMSuz4DqDguK8IzRySKw0jt4dFlIK9jnN5p4&#10;ybsIrFNLrqIzDUOay5tCYcx1Y3sTnDBjSxhaQgRDzWQahRs5u6GlXK9b815/fgjaCp75uwisRF55&#10;NsLst4LpXD610jWTDzrSiptww+CXUCWpZrJsCWnraQ0iZjJhI009fswj5Dk2utjydI+RljAiGETo&#10;jeUq3ivdJ1UTAGrH4zcizBEaaXIeMGTRBsOMLFHwUMn+mLO06KtTXa9coEJN44bpZnHtJhR7lai7&#10;s5GFok0BqXWzZkVenY6tyowUChr2lyq2fhfl9Zd3MUx3xkbpCBd88lAQwtDq0epGLUaWRoQHxqDo&#10;CG1sviuXdHqjGQVJY0AEyB3ZTXclVafe4+bzMY08uEgpmhpawqbbiaJg4+uUNHJMykEoGDYE5Vfb&#10;Oq3BjWvb5OKvjfFBd8UcmPAW3l+ODe/nyzzl27Dp5MJbnkJJird6uxFiN+WKPEgSPxJpRGkEPYHI&#10;eMB4kwdfyxyiBUOao4TCXS9p3C2V8S/YH5RQNZNpSHDs2KUigcnlLn4k0jjrjUFuuisX5+nVd62T&#10;BVuMLU0JW/uT0xXSEoa0GZzRyTQKXDaISyotSdhCWtkSaipxyc1MJgxpHG7GKDfdFfIRbBgjLU0Q&#10;0qSWFG/1D+qFkVawhbQ0Cjpd+i6WLNK4bJgdULxVnnD9mmq5a50s2GJsZUumUkLZyYPuaq1y8VYh&#10;evDYlFq3tiWyDIdK2zBBpDd4C8c4yQXjNB33Tuzu7tcKRxDfwaxb2xIiEMpxLd4qRA/3vBU1+zEl&#10;+CWfo+PaJy/e6m2o1MpyFWwOfNV6+N39WmlmRyGImcmyJZT0/ZoGMDxcEVNC8cjDBa8Lxu0GD89o&#10;SfFWmUnqik3gomBzAVMt2um1nWN74mAof7JgaMknlnOtJcVbHScIRpxYt4L5S2nxVnHwOFCNlhSM&#10;3c1MGi+oeKtYLuj9amxpgrwtKd4q7eDpWayktS2xgYvirUItpCmRmsm2JbLw8128VX+aFmw8c6ir&#10;wioXbxVPgefe1djKlmhpJ911aj/FDigYZ7f0J4u3Oi+XPExDinfBkOYKP9/dr/UTz1FjSxO0kFZ+&#10;yXQUVOt20F2tP1ltXn2ovGDsbleIRjFkWmWyfM4vKZjfAcVb5f5GQE0Q9d8FG2nD2Lg+A5ruep/a&#10;BRO8LhjSOHHMraPprp/borGTBUMnx301Y0uj8MdNWElLGNJcmSlt0FpL5kUvYUsKNtJUc5t38VaJ&#10;YPArzboVjHVz5YrkVGtsbBzTkqVhfr8Vb5U4F5l/NZNpgpAmI/PFW8V1Ijpm7GTB8IIIc5n9VrxV&#10;4pOYEjW2NEH+HlC8VYJlNGIzKlluyTe0VeVy/aZ/MfFa5U0WiiaEtH8xfkJ1a+UxNe5vZmQVLGHF&#10;mH9hSIq0SrOCcWWub/iFIhHAyIyNLM4qk6G6H8EajR3qOR5FWX0x+SoRUCiEcVM0a1aMVd7LUC9C&#10;USeYI6PakEZeYs2KsMrz16qpDcykEkYfSVM4SM+ogPEmNZkpoSCFogUt2Rw1jWkLyKYQTTDCEsXJ&#10;a6cxbQGWkfiWEZYormzk0s0+K7Iqqj9253qfFWraWs7sX3s+RXHFEKj+Gu9C3ScDoJKkRVUlYOEy&#10;N4XiOVhGJqbxxmvhoY48pzKwy3k8YHe6Md5MTTy4jLfy8pR6K+OAQSYkcypOUHBpEH6wWYa8eMBo&#10;OjUPS1+rCbg0CfPSm+lIesAgq3LYOHFpSshCwvNWa5cwxN2npcrlJuBnplmA0PZtnJ8DhjjWThhl&#10;cGkYaIUzvQKMZiYMv871HEZcuiQ/X1CBnLiEzdORqnAKcele8PQIhk+NLmF3qsAVHxpxeVH55uUq&#10;E5o8YJweBHmVZhZp9cG5bM6d21fBaNaKP6O2eZFdH1Br76JnCeLSGHGfxWKLdoLg0qpQqqVabx8w&#10;xOFBudGlVSEUp7i1iEvYPH2rbvng0jw8IBIZP++AEa+i8Ept8yK8wglVAUrEpTHSz0uAS/PAKcLD&#10;S2bfFWyedv813QYQl+ZhOsAY8sABm06jFPYZE12cV15AV43TEZdWhTDSLy1qlbi0KljoKfQSJrpI&#10;r5zlHMtKXNNXeSHQFL/hmKSLsxFX5mG2nXCeEZcw2vJjHdzo0qrw7gMxRzOZTZclC6T6l/AzyzwQ&#10;FnKOX8EgsNIjUp0IRWHlySb1+A+/Mo0RgRNKC5y4Mg9+dAmbxgiK/cHPTKuCf/o0hVsHDO4xKXqn&#10;KmlVuFmorv6IS9h0UbKqkuaBK5p6SglxCcNVoaRTEK7AlVWhDPRHBLUPGKlXMibKZjaXlXilCQ8R&#10;ei2rgsEk1GZsZrNZSZKZyjTElVWhhJpAlhKXVuXGxdWUzCOuYNQGcldW4tKqzOPypssm4go2zXVM&#10;uw9wZR5+KPFQjl/DGBsVLGp0ZR4oBjX9iPmVBcM28HCpEpdWBZ9WXieLDjstxXhUSYkr80Bq2oTS&#10;GV3BePCaa7YSV+YBcYYvhLiCjYdjqhPApVXhQHhwkxG+SsNoy62akWEiyzywBm7fNWz6a5uKuCEv&#10;RxhnVMUQOU8Yb5d+Gz4UuDIPlO2Z9hEnDCo5HfuNqhS9FXV+GhID4sqqLNaurAqW3qRCEFewhbg0&#10;D8TtDP8KaYnimREaX7u5TKOCH2Z4c0hLFLXbNLV30tI40O/ReezfiaLkkhVQXt932gYI9qbJAmNL&#10;1JRcUuWgtDItCh03pZYkaiGtCK7TnEQwR29fheKleQJU6lZeBNd5MV7wHZFWVugBN9+k+sGlOeEi&#10;4pyGQo3NezktKYIrBt20h+E3ljEhH06LVaMlxYt9ztN15tgp1LyRJG8GRXB94raJYkbGVraEzh+E&#10;HNTY0irwgLgpL0Raooiz8m6OsiVFcCUnaJrkIa1sCS4pLxKpsaVV8NISRYEnLqIbW1oFr5OJYiYZ&#10;m7JcRXD9odG/CtsUirHxHrvSkiK4Enp2nlCh8NeIS7qxpS3hPuDcvKLF8jg3JUXKThbBdayrm8my&#10;JbTGeBEWFBmYIrhy7TfcAryl8ku4iNPzVklLq4BraGpMxjcrT5T0sZSWVoHOQy7b02xab5WLF+ul&#10;lS2hpwnarGYyrQKRPWe5ihbL2Y1f4tYtrYJft0TBlMcqKDvZBFeed1M7oFD4k1xY1Nia4IotUZe4&#10;Qm2kpS3hVHR2stm0+AkQSoyWFMHVSytbgknmZqukpVUYkofy8IoWi1/yTXcOJS2tAvvNPCoAXSJR&#10;kPkf06RN2MkmuGotSQs0PtdU6BppaRVI8RgmCmNLFIzMt3rzEVzaEqjacgckCr+cp03cuqVVoPmZ&#10;85WrCyyn6QOaiZnJJrj+vgy/mOBWhVog79KASEnL2wovzTtPoWixLAeFbkpLiheLLXdnd6G4qsKC&#10;UFHm4sWiyS7LWSikMbfKchXB9cHJoe6mhWImWTcnLa2C1slm01JjNVkMsbuLF6t3d6HYATTcdDqZ&#10;VmHoJG4mE7XwlYsZS1bb3fILNRUVvBylZrJsiR5boqaOmxomI61YrvOYmfIUGsUj7tTQKGlpS7y0&#10;QsG1gFmopKVfonWy2LF4QdhXJy09DH3iFD12Iy39Em1Lih/L9Y3cnzpxqp+rtpOFoo4bEombyfQw&#10;dFStusDCj4UZ4KSlVeAXuvOtKLJ0Efo0RRR2stiuBLHNo6dTsJG3RS7rJLnUDkirQNzDdC1CWqKw&#10;dlIaPLj8lcykyowdsBdJIAzs9VTCx0lxkxkzTJADRgM6F8cmc57iYMUpl/KAvTAMplcM2Zs0JzYl&#10;0Kjbk2uOcvJwYmJwNB5XZLZG4RhC6jHHANHGkPZyb80zI4lCR+i3Zq7exFpSGpEXc8Q1CmkQm5xW&#10;pjmxIUrcuviNmJOJR6g9kIZhupAaRwh/taShyyo5jGUIHJkEFcRo1BQuTFs4sb+b5iovVahJ/Ebe&#10;bcEzUetWLFcbVuCRkJRG9xyX1WehCjetA6+z7CeKcITb3cVxJYZhYk/Yt/yJkAhn45hlS1MyYVU3&#10;tELxvpuLYaC5+Sul/3qg2N1TpW7GlqaErygiJ+dZ/kZ9zyd3EDjrvzYKw0Jxl1u3NAr2vkg2JX4j&#10;Jpprh9tuaUpsrJegRUmDA6fuwsSNAodxVdn8RhGflyd3MVsh3rgNUKihNrsaAiz+MTTDvm0UHtiL&#10;onizAYrXSvcixdOmSDZ+I41LX3hqYrcVq9Xm37j7prAnO0D5JNUFdsgNJtDLpT6F3d8c+GpkaRHI&#10;B7tju+izU4KmUg9wc/M34iYr818oaKK87qZGlvbg/VTtZjnXEjVcablmbQ44DtUNoJizUyOqAjP4&#10;+zGPBKtUJ6G5JgSMc+ZXUUTp5ROwD1VNja1gmJ63Sr1Bu0tpVLOoCsCG0YNRPcDIlKQ9oOGUq8hr&#10;2BPvX6VMcSVibFA26MxtnK2CEXGaRm3CaBWL9c5l1nTuYkrSkGDr4I4paWlINMUdPlVMCVeNed/W&#10;jC0tCZyNH9OzgrEl7IfEg7slFoUVhsKvu98XjGf8vlVa8VYMVl5CkZarYPgV6oEqflQahTuRGdPd&#10;6oBRWKpq6YGlLaHsAiqR2QEFGwa+Ct9BsgzlorEMD3ApaQmjMzRFbkYni70KRcdVXeCEx4/8/uOV&#10;EbEDirwK14CjW40tTRBGGTVRY0uj8HhykXDSEjZ90bnwmbGlUXj8Is1pScF4rkcl+mDzxAJA0qEA&#10;TM1kwXgpwMVJiryKNO4tSlr6JQ8eK5Hrln7JsDZUSRyWKqfk+Xw5O1nkVTo50XbfjK1g+EC/LgZU&#10;5FUSdrwYoqS1CSI2r3ZAkVdpMSl9roKRw5/aKLEDirw6MTiVC7gVjJuzq4YjMhXLzcO9j19lJwtG&#10;mZncAUVe1W0JCNfFj4SV+3y7mUyjwFt3MKyVliQMsgfFNWrd0ijQCZbuaUpawqZZhko+02gzpoSy&#10;bx4LVtIShhN0d6GLagXL1lY9dSc0FT/y9ksQVq1bkVcJzHOhNWMrGJ06HaEdvz9+JNkpmNhKWsIY&#10;qfRei7xKpNb1I+DMjR9J31NKgo1OFuV1UiMuxFswTISrzsTmx4+kfbCrX2wY5pVCPWEmi7tKGTwF&#10;9GrZ0pR8v0gjK2FpEt40Gb6rwEwxXnlAy7xnP4nHmEaCcHStcPqfONr8qEpC9klJoz8QCS2RBijc&#10;RC/UUdp9YKnFpu+zkpaWhHJhFwdq5ipumkyXFo6GLyp218TVB1Fobs9iIgtn04kHb5WmDM7+F44Q&#10;qLLHTXal57h66ZEcQF5vnk8SdWJfN2uVM5t0sprGND53R+HiOdRU/m/at7tDu3Cv500ZkWK6zkP2&#10;HOJqZGl8iD/B1jDzmNaAO8Obdi1KWuEotlb7upiuw+mhiY2SVtZnYkdqbGkNuEXzOImyx8V1fXK3&#10;McKaskpIjOu9GVrjuJIqYeVVLIQl7si0/f1f/+Gf//t/+dd/+8//6a//8Nf/yX/8/fzXP/373/7j&#10;b/zX3/31b//8j3/5+sv8H/73v/zr3/37P/7ln/7lb3/71//1b//jvxIk+j//75//7esvwPkkqP/4&#10;zP8PzM9K8G0FxudJ8H0FxvYk+LECY0sS/L0CY1MS/LMCs9cT/FyB2boJfq3A7MQE/67AbMgEv1fg&#10;YUskmn+vdOxUsp2WDQuipO/0bBgKBd9p2nTwKvhO14Z5UPCdtg0poOA7fRtuQMF3Gjdp+4LvdG7y&#10;8AXfad2k4xPOvzdaN6nygu+0bjLmBd9p3SSzC77TuklPF3yndZNwLvhO6yaFXPCd1k1SuOA7rZs0&#10;b8F3Wjd524LvtG4SsQnn3xutm8xqwXdaNxnWgu+0blKmBd9p3SQzC77TuslOFnyndZNuLPhO6yZ/&#10;WPCd1k1CsOA7rZsMX8F3WjeZvoTz743WTQ6u4Dutm1xcwXdaN1mygu+0brJlBd9p3fRuKfhO66YZ&#10;S8F3WjcJqoLvtG4yTgXfad3kggq+07pJ7iScf2+0bpI8Bd9p3aRfCr7TusmnFHyndZMgKfhO6ybj&#10;UfCd1k3bjoLvtG76cBR8p3WTmyj4Tusma1DwndZNGiDh/HujdZMOKPhO6yZQX/Cd1k3kveA7rZsI&#10;fMF3Wjcx9YLvtG7C3QXfad3EvQu+07oJSBd8p3UTmS74TusmZJxw/r3RugkCF3yndRPWLfhO6yZQ&#10;W/Cd1k3ItuA7rZtgasF3Wjdh1YLvtG5q+wu+07oJfBZ8p3UTkSz4Tusmxphw/r3RuqmPL/hO66bg&#10;veA7rZsK9oLvtG5K0gu+07qpMS/4TuumaLzgO62b55EKvtO6Kesu+E7r5gmjgu+0bgqvE86/N1o3&#10;zwwVfKd1Uxpd8J3WTa1zwXdaN8XLBd9p3VQjF3yndVNeXPCd1k29cMF3WjcFwAXfad1U9BZ8p3Wf&#10;Et3Ezx82evcpuu0P7DTvU0bbH9jp3qcytj+w075PsWt/YKd/n/rV/sBOAz8lqf2BnQ5+qkz7Azst&#10;/BSO9gd2evipBe0PLDXxTwmLdcbiMIFTwrlS5T8lLfjD7gOHGYQgv/zAYQgheC8/cJjCqYfcDeEw&#10;hlPiuPvAYQ6nanH3gcMgTiHi7gOHSZzawtUHziTGlAvuPnBqInmN3QeO43iq+nYfODWR3MbuA6cm&#10;kt3YfeDURPIbuw+cmkiGY/eBUxPJcew+cGoiWY7dB05NJM+x+sCZ2JiSs90HTk0k17H7wKmJZDt2&#10;Hzg1kXzH7gOnJpLx2H3g1ERyHrsPnJpI1mP3gVMTyXvsPnBqIpmP3QdOTST3sfrAmeyYOqfdB05N&#10;JP+x+8CpiWRAdh84NZEcyO4DpyaSBdl94NRE8iC7D5yaSCZk94FTE8mF7D5waiLZkN0HTk0kH7L6&#10;wJkAgTm2/MCpieREdr/g1ESyIrsPnJpIXmT3gVMTyYzsPnBqIrmR3QdOTSQ7svvAqYnkR3YfODWR&#10;DMnuA6cmkiNZfeBMitCje/mBUxPJk+x+wamJZEp2Hzg1kVzJ7gOnJpIt2X3g1ETyJbsPnJpIxmT3&#10;gVMTyZnsPnBqIlmT3QdOTSRvsvrAmSihY9fyA6cmkjvZ/YJTE8me7D5waiL5k90HTk0kg7L7wKmJ&#10;5FB2Hzg1kSzK7gOnJpJH2X3g1EQyKbsPnJpILmX1gTN5wivCyw+cmkg+ZfcLTk0ko7L7wKmJ5FR2&#10;Hzg1kazK7gOnJpJX2X3g1EQyK7sPnJpIbmX3gVMTya7sPnBqIvmV1QfOhArNQZYfODWRHMvuF5ya&#10;SJZl94FTE8mz7D5waiKZlt0HTk0k17L7wKmJZFt2Hzg1kXzL7gOnJpJx2X3g1ERyLpsP0JimczTz&#10;h90HDk2kP9TyA4cm8l708gOHJvK+9fIDhybSfXz5gUMTqYVafuDQxDvdQ3ercGgivayWHzg08U63&#10;zt0vODSROvrdB84cC0/MLz9wauIyx0Ib2WMvLHMs9I88P7DUxLM45L7MsfAIyvkLlpp4FojclzkW&#10;+lWdv2CpiWeRyH2ZY+GFtPMXLDXxzLHQ6n+niX8qFVnmWOjMdwxhmWO5/6lcZJljuf+pYGSZY7n/&#10;qWRkmWOh68c5B0ub+KeykWWO5f6nwpFljuX+p9KRZY6F7qvHHCxzLLx2fn5geTqfBST3ZY7lfpaQ&#10;zB9WB8tZRELDguUHTpu4zLHcz0KS+cNuCKdNXOZYKJM+l3F5Op/lJDRx3g3hzLHclzkWWgYdQ1jm&#10;WO5nUcn8YbUKZ1kJj0gtP3D6icscy/0sLZk/7IZw2sRljuV+lpfMH3a/4NTEZY6FlwhOPVhq4plj&#10;uS9zLPezzGT+sJqDs9CEJjvLD5x+4jLHwsM3xyQucyy84Hh+YKmJZ8HJfZljoYvn+QuWmngWndAC&#10;bbkKpyYucyz3M8cyf1gp0ll6cl/mWO5n8cn8YfcLTk1c5ljuZwHK/GH3C05NXOZYaA53KNIyx0KP&#10;1/MDS008C1F4o2I5B6cmLnMsNG0/hrDMsdB59vzA0iaeBSn3ZY6FN4nOX7A8nc+ilPsyx3I/y1Lm&#10;DytVPgtT7sscC90pzzlYauJZnHJf5ljuZ3nK/GE1B2eO5b7MsdzPEpX5w+4XnHfnZY7lfpapzB92&#10;v+A8nZc5FppZHXqwzLHQ2vn8wPLGcpar0M10OQenn7jMsdzPkpX5w2oVzhwLr+8uP3DaxGWOhQcK&#10;j1VY5ljuZ+nK/GE3B6cmLnMs9Iw+h7C0iWcBC49VLIdw2sRljoXHWs4hLE/ns4yFbnirIfDAbv+C&#10;+cNmGR/z5lzWL8wfdh84NJF3kJcfOE7nxzLHQkPRcwg7P5H2iucHdpr4mAfZehJ3mviY19L6Azub&#10;+JgH0PoDO018zEto/YGlJp45Fh5e3enBvDxWv2CZY+H14fMDS008cyyPZR3L48yxzB9Wm+nMsdD+&#10;f/mBUxOXORZeNzgncamJZ46FdurLIZyauKxjoV3kMYRljuVx5ljmD6tlPHMsj2WO5XHmWOYPu19w&#10;2sRljoXHzc9JXGrimWN5LOtYaAJ8/oKlJp45lscyx/I4cyzzh9UqnDmWxzLH8jhzLPOH3S84beIy&#10;x0KH2GMVljkWOsyeH1jaxD+16lrmWOjoev6C5en8p3ZdyxzL48yxzB92y3jaxGWOhdeXjjlY5lge&#10;Z45l/rAawpljoTf48gOnJi5zLHQxP+dgqYlnjoV3GZZDODVxmWN5nDmW+cNuFU4/cZljeZw5lvnD&#10;6hecORberlx+4PQT/y9pZ7czzW5j51sx9g3kq+766Tayc5DjHOYGbMPABHDGA4+TDHL1edgSVcVV&#10;1f32QjY20N/L+hElLVEUF6UyORY+oy44MDmWux7nFQKvDRSJJsdyV44lBJ4GikSTY+HLItqIJhKV&#10;Y7mbHMtdj/YKgdUGyrHcTY6F71dJG5gcCx8b1ReYNlGP+LqbHMtdOZYQeI2ofqLJsdyVYwmBp4Ei&#10;0dzHcleOJQSeBjo7mxzLXTmWEFgaKMdyN/ex8B0GQaLJsdyVYwmBVwW1iSbHcleOJQSeBmoTTY7l&#10;rhxLCDwNdHY2OZa7ciwhsDRQjoUPzZgvUJtocix8tUGQaHIsd+VYQuC1gSLR5Fj4gJZWwUSicix8&#10;tcesgtpEk2O566FgIfAaUW2iybHclWMJgaWBHg3G1w7NFygSTY7lrhxLCLwqKBJNjoXPogoSzX0s&#10;d+VYQuBVQZFocix8AlurYCJROZa7ybHwMeGqQQicNpiVYwmB9wJB4mxyLDOUSomth8DTQJDI12TM&#10;FwgS+RiT+QKZnfkKqfkCQeJs7mPhG2jaiB4S+XCtvsCbnflgsbzA5Fhm5VhCYOFAOZbZ3MfCV9O0&#10;CiYSlWPhe6FmFRSJJscy6z6WEHiNqEg0zwqblWMJgaeBItHkWGblWEJgaaAcy2xyLLNyLCHwNFAk&#10;mhwL3zYUKJscy6wcSwi8KqhNNDmWWTmWEHgaqE00ORY+Ha6NaNpE5Vj4wKhXBeVY+OC0+QKdnU2O&#10;hW/OSRuYHAvfGtQXmDZROZbZ5Fhm5VhCYAFJOZbZ5Fj43Le2gWkTdR8Ln3P1qqAcC19NNV8ga2e+&#10;MWq+QJFociyz7mMJgdWNyrHM5j6WWTmWEHgaqE00OZZZOZYQeBooEk2OZVaOJQSWBsqxzCbHMus+&#10;lhB4GigSTY6FL57LcDY5lln3sYTAq4L6iSbHMus+lhB4GqifaJ4VNivHEgJPA52dTY5lVo4lBJYG&#10;yrHMJscyK8cSAk8DRaLJsfBxXoGyybHwFXl9gWkTlWOZTY5l1n0sIfAaUW2iybHM+kmVEFgaKMcy&#10;mxzLrBxLCDwN1CaaHMusHEsIPA0UiSbHMivHEgJPA52dTY5lVo4lBJ4GikSTY+Hr1zIaTY5lVo4l&#10;BFYVdB/LbHIss3IsIfA0UJtociyzfnAlBJ4GahPNfSyzciwh8DTQ2dnkWGblWELgaaBINDmWWTmW&#10;EFgaKMcymxzLrPtYQuBpoEg0OZZZP8ISAk8DRaLJsczKsYTA00CRaHIss3IsIfA0UCSaHMuiHEsI&#10;HA0W5VhC4L1AZufF5FgW5VhC4Gkgs/NiciyL7mMJgaeBzM6LybEsuo8lBJ4GMjsv5llhi3IsIbA0&#10;UI5lMTmWRTmWEHgaKBJNjmVRjiUEngaKRJNjWXQfSwg8DRSJJsey6D6WEHgaKBJNjmXRs8JCYGmg&#10;HMticiyLciwh8DRQJJocy6L7WELgaaBINDmWRTmWEHgaKBJNjmVRjiUEngaKRJNjWZRjCYGlgXIs&#10;i8mxLMqxhMDTQJFociyLciwh8DRQJJpnhS3KsYTA00CRaHIsi3IsIfA0UCSa+1gW5VhCYGmgHMti&#10;ciyL7mMJgaeBItHkWBblWELgaaBINDmWRTmWEHgaKBJNjmVRjiUEngaKRJNjWZRjCYGlgXIsi8mx&#10;LMqxhMDTQJFociyLciwh8DRQJJocy6L7WELgaaBINDmWRfexhMDTQJFociyL7mMJgaWBciyLybEs&#10;yrGEwNNAkWhyLIvuYwmBp4Ei0eRYFuVYQuBpoEg0OZZFOZYQeBooEk2OZVGOJQSWBsqxLCbHsijH&#10;EgJPA0WiybEsyrGEwNNAkWhyLItyLCHwNFAkmhzLohxLCDwNFIkmx7IoxxICSwPlWBaTY1mUYwmB&#10;p4Ei0eRYFt3HEgJPA0WiybEsuo8lBJ4GikSTY1n0rLAQeBooEk2OZdGzwkJgaaAcy2JyLItyLCHw&#10;NFAkmhzLovtYQuBpoEg0OZZF97GEwNNAkWhyLAuUStlBEQJPA0WiybEsuo8lBI4Gq3IsIfBeIPmJ&#10;q8mxrFAqpRFD4GkgbN9qciyrnhUWAk8DYftWk2NZ9aywEHgaCBJXk2NZdR9LCDwNhO1bTY5lVY4l&#10;BJYGyrGsJsey6j6WEHgaKBJNjmXVfSwh8DRQJJocy6r7WELgaaBINDmWVfexhMDTQJFociyrciwh&#10;sDRQjmU1OZZV97GEwNNAkWhyLKvuYwmBp4Ei0eRYVj0rLASeBopEk2NZ9aywEHgaKBJNjmVVjiUE&#10;lgbKsawmx7JCqdTZ2eRYVuVYQuBVQfzE1eRYVuVYQuBpIH7ianIsq3IsIfA0ED9xNTmWVTmWEFga&#10;KMeymhzLqhxLCDwNFIkmx7IqxxICTwNFosmxrMqxhMDTQJFociyrciwh8DRQJJocy6ocSwgsDZRj&#10;WU2OZVWOJQSeBopEk2NZlWMJgaeBItHkWFblWELgaaBINDmWVTmWEHgaKBJNjmVVjiUElgbKsawm&#10;x7IqxxICTwNFosmxrMqxhMDTQJFociyrciwh8DRQJJocy6ocSwg8DRSJJseyKscSAksD5VhWk2NZ&#10;lWMJgaeBItHkWFblWELgaaBINDmWVTmWEHgaKBJNjmVVjiUEngaKRJNjWZVjCYGlgXIsq8mxrMqx&#10;hMDTQJFociyrciwh8DRQJJocy6ocSwg8DRSJJseyKscSAk8DRaLJsazKsYTA0kA5ltXkWFblWELg&#10;aaBINDmWVTmWEHgaKBJNjmVVjiUEngaKRJNjWZVjCYGngSLR5FhW5VhC4GiwKccSAu8FwrFsJsey&#10;KccSAk8DiSduJseyKccSAk8DiSduJseyKccSAk8DiSduJseyKccSAk8DiSduJseyKccSAksD5Vg2&#10;k2PZlGMJgaeBItHkWDblWELgaaBINDmWTTmWEHgaKBJNjmVTjiUEngaKRJNj2ZRjCYGlgXIsm8mx&#10;bMqxhMDTQJFociybciwh8DRQJJocy6YcSwg8DRSJJseyKccSAk8DRaLJsWzKsYTA0kA5ls3kWDbl&#10;WELgaaBINDmWTc8KC4GngSLR5Fg2PSssBJ4GikSTY9n0rLAQeBooEk2OZVOOJQSWBsqxbCbHskGp&#10;FLYvBJ4GikSTY9n0rLAQeBooEk2OZYNSkTYwkagcy2ZyLBuUimhgIlE5ls3kWDblWEJg9YJyLJvJ&#10;sWxQKrUNTI5lU44lBF4VZO28mRzLphxLCDwNFIkmx7IpxxICTwNFosmxbMqxhMDSQDmWzeRYNuVY&#10;QuBpoEg0OZZNOZYQeBooEk2OZVOOJQSeBopEk2PZlGMJgaeBItHkWDblWEJgaaAcy2ZyLJtyLCHw&#10;NFAkmhzLphxLCDwNFIkmx7IpxxICTwNFosmxbMqxhMDTQJFociybciwhsDRQjmUzOZZNOZYQeBoo&#10;Ek2OZVOOJQSeBopEk2PZlGMJgaeBItHkWDblWELgaaBINDmWTTmWEFgaKMeymRzLphxLCDwNFIkm&#10;x7IpxxICTwNFosmxbMqxhMDTQJFociybciwh8DRQJJocy6YcSwgcDR7KsYTAe4FwLA+TY3koxxIC&#10;TwNZOz9MjuWhHEsIPA1k7fwwOZaHciwh8DSQKM7D5FgeyrGEwNNAojgPk2N5KMcSAksD5VgeJsfy&#10;UI4lBJ4GikSTY3koxxICTwNFosmxPJRjCYGngSLR5FgeyrGEwNNAkWhyLA/lWEJgaaAcy8PkWB7K&#10;sYTA00CRaHIsD+VYQuBpoEg0OZaHciwh8DRQJJocy0M5lhB4GigSTY7loRxLCCwNlGN5mBzLQzmW&#10;EHgaKBJNjuWhHEsIPA0UiSbH8lCOJQSeBopEk2N5KMcSAk8DRaLJsTyUYwmBpYFyLA+TY3koxxIC&#10;TwNFosmxPJRjCYGngSLR5FgeyrGEwNNAkWhyLA/lWELgaaBINDmWh3IsIbA0UI7lYXIsD+VYQuBp&#10;oEg0OZYHlEpheULgaaBINDmWB5SKaGAiUTmWh8mxPKBURAMTicqxPEyO5aEcSwisXlCO5WFyLA8o&#10;ldoGJsfyUI4lBF4VFIkmx/JQjiUEngaKRJNjeSjHEgJPA0WiybE8lGMJgaWBciwPk2N5KMcSAk8D&#10;RaLJsTyUYwmBp4Ei0eRYHsqxhMDTQJFociwP5VhC4GmgSDQ5lodyLCGwNFCO5WFyLA/lWELgaaBI&#10;NDmWh3IsIfA0UCSaHMtDOZYQeBooEk2O5aEcSwg8DRSJJsfyUI4lBJYGyrE8TI7loRxLCDwNFIkm&#10;x/JQjiUEngaKRJNjeSjHEgJPA0WiybE8lGMJgaeBItHkWB7KsYTA0eCpHEsIvBcIx/I0OZanciwh&#10;8DSQFcvT5FieyrGEwNNAVixPk2N5KscSAk8DWTs/TY7lqRxLCDwNZO38NDmWp3IsIbA0UI7laXIs&#10;T+VYQuBpoEg0OZanciwh8DRQJJocy1M5lhB4GigSTY7lqRxLCDwNFIkmx/JUjiUElgbKsTxNjuWp&#10;HEsIPA0UiSbH8lSOJQSeBopEk2N5KscSAk8DRaLJsTyVYwmBp4Ei0eRYnsqxhMDSQDmWp8mxPJVj&#10;CYGngSLR5FieyrGEwNNAkWhyLE/lWELgaaBINDmWp3IsIfA0UCSaHMtTOZYQWBoox/I0OZanciwh&#10;8DRQJJocy1M5lhB4GigSTY7lqRxLCDwNFIkmx/JUjiUEngaKRJNjeSrHEgJLA+VYnibH8lSOJQSe&#10;BopEk2N5KscSAk8DRaLJsTyVYwmBp4Ei0eRYnsqxhMDTQJFocixP5VhCYGmgHMvT5FieyrGEwNNA&#10;kWhyLE8olcLyhMDTQJFocixPKBXRwESicixPk2N5QqmIBiYSlWN5mhzLUzmWEFi9oBzL0+RYnlAq&#10;tQ1MjuWpHEsIvCooEk2O5akcSwg8DRSJJsfyVI4lBJ4GikSTY3kqxxICSwPlWJ4mx/JUjiUEngaK&#10;RJNjeSrHEgJPA0WiybE8lWMJgaeBItHkWJ7KsYTA00CRaHIsT+VYQmBpoBzL0+RYnsqxhMDTQJFo&#10;cixP5VhC4GmgSDQ5lqdyLCHwNFAkmhzLUzmWEHgaKBJNjuWpHEsIHA2mX0qyvCTmK4Rm4RUeGnlA&#10;4PiSmFqIu8grPETygEDyJTG1EJeRV3io5AGB5UtiaiELGF7hIZMHBJoviamFLGJ4hYtOJV6mXybz&#10;wgMndJrcC684odNkX3jFCZ0m/8IrTug0GRhecUKnycHwihM6TRaGV5zQafIwvOKETpOJ4RUndJpc&#10;zPRLyZiXxBsjSsfwCtd2KiHDK7yVNg+c0GlyMrzihE6TleEVJ3SavAyvOKHTZGZ4xQmdJjfDK07o&#10;NNkZXnFCp8nPTL+UoHlJPHQqRcMrXHQqScMrXHTCypT1O69wZ3YlaniFFwvigRM6Ta6GV5zQabI1&#10;vOKETpOv4RUndJqMDa84odPkbKZfStq8JB46lbbhFS46lbjhFS46YWoEnSZ3Q5kn22myN7zihE6T&#10;v+EVJ3SaDA6vOKHT5HB4xQmdJovDK07oNHmc6ZcSOS+Jh06lcniFi04lc3iFi049loxXuLZTCR1e&#10;4dpOPZqMV7irIiV1eIUXS+eBEzpNXodXnNBpMju84oROk9uZfim585J46FR6h1e46FSCh1e46NRt&#10;NLzCRaeSPLzCRadupeEVLjqV6OEVLjqV6uEV7ppdyR5e4bE9PHBCp8n3TL+U8HlJPHQq5cMrXHQq&#10;6cMrXHQq7cMrXHTC84hzYDI/lHma2U3uh1ecZnaT/eEVJ9tp8j+84mQ7TQaIV5zQaXJA0y8lgV4S&#10;D51KA/EKF53wPoILkwmizJPfaXJBvOKETpMN4hUndJp8EK84odNkhHjFCZ0mJ8QrTug0WSFecUKn&#10;yQtNv5QYekk8dCo1xCtcdMIFCTpNdogyT+g0+SFecUKnyRDxihM6TY6IV5zQabJEvOKETpMn4hUn&#10;dJpMEa84odPliojfCy5CYqGTsOvpFSY6iY2dXmHO7AQwTq8wZ3ZWmadXmH4nS4HTK0y/E3/t9ArT&#10;72RSPb3C9DuxfKdXmH4n8Dy9wuSKphNXFBIPnSeuaHK5ounEFYXE1OKETpcrmk5cUUhMLU7odLmi&#10;6cQVhcTU4oROlyuaTlxRSEwtTuh0uaLpxBWFxNPixBVNLlc0nbiikJhanNDpckXTiSsKianFCZ0u&#10;VzSduKKQmFqc0OlyRdOJKwqJqcUJnS5XNJ24opB4Wpy4osnliqYTVxQSU4sTOl2uaDpxRSExtTih&#10;0+WKphNXFBJTixM6Xa5oOnFFITG1OKHT5YqmE1cUEk+LE1c0uVzRdOKKQmJqcUKnyxVNJ64oJKYW&#10;J3S6XNF04opCYmpxQqfLFU0nrigkphYndLpc0XTiikLiaXHiiiaXK5pOXFFITC1O6HS5ounEFYXE&#10;1OKETpcrmk5cUUhMLU7odLmi6cQVhcTU4oROlyuaTlxRSDwtTlzR5HJF04krCompxQmdLlc0nbii&#10;kJhanNDpckXTiSsKianFCZ0uVzSduKKQmFqc0OlyRdOJKwqJp8WJK5pcrmg6cUUhMbU4odPliqYT&#10;VxQSU4sTOl2uaDpxRSExtTih0+WKphNXFBJTixM6Xa5oOnFFIfG0OHFFU+WK/tOf/viX//jX//bv&#10;//wv//lPf/zHX//yzz/87fff/vbbH/75+2///O0P//j9t3/89oc///7bn6PYP/3x3/70z3/p98Y/&#10;//B/fv/tts587I66/kv8e7otBMnj1v/59//91//+99dD//zDf/z+2zTf2ZnfUMpNnAKcscb9zr/9&#10;a33ixoe/W8j3tpISMziVvC9//62XcOPzSi2+G/fPI/M97/vL3/7+7399VWQvsz+7zLdbzwa4LXeI&#10;vhyA+51/+V9//h9/+a9//b9FxwUde/Yqz81rO6CJlmoqLdO69NQoLnN28uu1+2VSZfs0fUPf+x5b&#10;KmVdljxzxl83Xzx747/eR70x+Np2T2jl8hLUZevCfpknuuPIZT4CM2KuX5Rcnr14NcmNzRDwaur0&#10;siKjzoGDzs5w2awzzd0DFodn91evS0Zhr1p7fhBVSATeVxTPwfRFnZ905Hj2op+XZVTqfl+bEz8U&#10;e4uu2rMf8LnO633g7EbXJmux4zNR3qG3zvc8lPG23HDo84m8L3/H/cvUM13j/tuY0fO+99pxslp8&#10;PiY4O0BFwyaZsStXK9qK5BwtDEY+BgYLgjnXZ+rs7g3l+6dZs0k54WLqrCtXt3n3jn/syydw7xwO&#10;j3IgehkZHBewjGF1vsoA35XKZ8OI/lzsts09zEX7rs9GuI/6cHBKD44C3YX/ynDFDuY3BduYSuP5&#10;c7mx32HuycM8iwl6wT4Lhs5aY3dO6zyAXXsBqgrFxuW3hiJB0sFEtnKmu1Emdi89ibwvf/P+mYzz&#10;o83I+uV9tZ7jqTW3+VMKE8RrdtxrttzX0eIzLS5tSl92ajR0PJwz+WNfwntRcuobFlBezeecezDx&#10;tgQ8pcn51FHnMrmMJcrJptYy695rO03sPM/hst7276vkffmb998oJXUEXGPCzftqafkUtrvz77dl&#10;nXscdrQpsYX8lByXadNaM5YSuY2Cy8zy2Y+1rPpXlszX2EfJG20qr6bRRvW3qX+id1eM6XA0Oc2/&#10;L9p/7s3pyXjLluWDyG1iGK+mHdNFvy181bYtYA+XqWd3U/bLX9kE2A9enX108eo72gzFmN2KhcTZ&#10;eunahi7mZV8K/lznWzTheHU+u1fqyeWhGAO4dsZ9ohnSKvB51abYqc6JtN7D94l5KyfR41N5X/7m&#10;/TcMx2hZWip98LzvEkf3GBqNEaa7TkC531Gj+eZcxty95sVR8TtNPnpkxSpcj83rknGMesQa9Oez&#10;+6vnLbe7xmUcimLj78vIPj9cPrXpdcnLkpkih2f3kpfHPvdcKIbVHzNEjNq01rWsbPXsHWzQeOqb&#10;3oxp4Aoz+d5aWpbCN5R65Jvuwk+tNv6OaEzIfCVHpoA7o6KvonC0qeYLxl+2KXUaMx9Hu7c98nub&#10;Mj4GUDA+LRh/uHxfhx+Bp7Nnqvw8NqlkftSMpRIrjDq73DGyw3fnmKuWZrCXjFM1XCNmqZ02/6Jk&#10;atw3aVJyPru/+ojgi8uscEaLjctftvaNCTjtEfa4xef2knHFxnLm4jLJb2NGHU3yXcm36NtRMjNH&#10;NXU3WhvYNCOLl6aXw+8YT2dffVnyLdbB+eqXPT6u0bCV+NJ5OSE0mgR3INzeptgDa+PMtbEUzZLP&#10;4J0wAmNo86EW8Zww/qwZs+QcdN/VGd4LhzOfxRmt2EbwHP18Hu4TTTI642hzqu2of3VL8otTMkdP&#10;bbFuL+aX1PP8flvMC+p+sKsnPzCHheVew5LgZz6mbK/hiY2OZIv41tMzcAdfM/4RBswZt56XyeX0&#10;NU+tnVY0a8sO+hHQYEU2gk95X/62+3Et94Efa4QMNOVtV03KgVaZ4siiBTTKSgqnKjHGKqKxUlnr&#10;J3cP7zvGQRZYC6p/dV1ZH432Oq+kMFxjKYED0dzeUSwh92GWw7H7ftBwcvVuJ4jrVKv8oDGGRwRK&#10;q8vPlwBi/mhjlWxKYx56YJ5G5IGtN3X5htnLw1hYeoOOMpzeLsxrs75f2UOrAvy+tJ+ZQEea+L60&#10;T4R04M10bN+feWNVFREX0Axc87787fez3rhl6GR+3mM2/3z/hi/TYTWHCUxnJd9b65alsHpIwzEz&#10;NcngJzLJIqD1z+VlPLdxGeM3cgN/nlJnNqTk+nrGBDWHMvEIh89k3m3DzNHksqCa6YA0l7TmY7R/&#10;rWX9a/QEFqu72zw7t4PT95JZmOZcTzAxQqdHszNjinoYnH58TZGtX2pZH7ATPmlPfrvN2w23vPfs&#10;W+wsHDKRrjtRmghgfsRChG9yhsTPu4/zPT5iYcHVyChilNIydEa7sCDf+p4A1GY6eq069sszEaC+&#10;vGClcPiOesXC+1jzdp+wYB1sAY5c1rxvl41wQprSmAMV81nf3vMsLba+Y+bGmNq/hJL3ve+1DTue&#10;nlSEjQfgduUqAFqR4Daw+TJwMyuMGm4GhxFPbFfxJxq9lU3K1/Ai/tyuHkd0Laj+1YrFrN7HVEAw&#10;fSq+24OIQjY0cUk1nf8fNvmjsT9NFGWd98R7Qs02FcQMlH1Z61f/arXFM4r94f1Rprb6YixpNvJF&#10;gJHOHFF55ts9CarCtvzViz2GRE/B7edKFVKpsxOAJzUiGOH6fW85OTsyPi7XansiODjbMg+bJQwS&#10;HsvReoWFHx4qJrQFNU8+02Ujg5OxoowRIE7NITx8LhYnMW39Tn18VyzhjSS7LnwpxvwIfo3eGwOI&#10;BVFa8iUiStcxixz8fejQvAMQ0TGJw7ztqnHwAGBgep+wZ6nt1xp60Fqj1cMZKfhkqcMSJ5+lxCyw&#10;FlT/6roSqM0l2j7nj2Invuyatuc0w/JN9hEYNGfQjWGe9iOC2C3pOovF8ueplEyQOfmMqxvPplKE&#10;Cpo/+BUUNqCdy+gZv7w5i+PFmLzE2MydtZGJ6eGUt0aGMjokmJSBfdXI4b9n384EjKqLtDHEEp/4&#10;XBEjPngLb2eNWtCHaYfIYE8JIdxDrXI58HnaIayCie/VDdqtur+Y2uG2MZSxjged+SBx0Cxt2mHS&#10;N1YgfE05ljP9UW0MfF7aMq/S9VWpGzNl+g+s9tqy6CtgYFvyG2O3Gc+lLm1wWvKjCLcZQ1xXIC9Q&#10;ZbGxyL62EbW/2ujbmEZzBUJ8pz868BhATy/zfPVdv9aC3gNjobESd0GRjTjaZ2CseBw5K90ZfkQz&#10;Dl2/0tsZ37jjq0wFGCt3Z9DwHjNleqGicxlRramIDt1znRfcdg0WxWgdIwwD2HyrbMiVy2nF4V3W&#10;pvJXwMDLmXPOYr3RP8oyXgzGhsU4K3VsC6wJrdZ87i9qC5TT8N4julJis6ULzo2MD5yzQay+GIlf&#10;F0vAJGeDcDhqM2Iel2xkPPlo0kPPv4WT1Pat9x7pHhldZUW5jYTIHY85gfbRwwN9E+eN1S3zRK9o&#10;3pa/efuyJkdyn6nn5+UzseE4k/tlie5Bombv5Vvfj6wbm2SD/H49SxzuNrYZvKsKeQeEVrrd44kI&#10;77ROG6VdjIkbxxawTurlMJzroLhxqMwjI79EC6ZqLvGQudzLjPmsgeyrYXHj5MSI47XWiSBcwcJE&#10;5GTEX/fGy2FDfDXYzGxbCN/sOcHKRZ0nPAdsVX+WGaAODWINOE99itit2l4y0bKhNx40eP52cIAY&#10;PrWXdQ4eugxKLuMgpmKwI23W20sm4pMGDLAGQf59yUQ6Mra2D+nxarATk13rDBxJITP5TCMTZ15+&#10;xWK/LpkY2ZSm804pLYa0l0xMdbQ2BwXXmXF60Fe7fcTNM/r5ga+eWs/0aeupvWTM6fBAThYf9N3J&#10;BWl1nsH2GL1fIIywBUHs/iyjpLprMK28ujcnzEk/UmZXjJGRVpKAxuGbuQXNVY9moSZgMZI1ZtaD&#10;1T+dMLkj2j2ffDJIXPYzpWLMkS2M+tV4nojGjHmblg2HFIyMSmGN1yQPInDGAKyXbyOJZmYpsGeF&#10;/lznjcltdCQrmzrnkKOKqR4uHy57NTTMEnvM0nM1SR4JJ7f3MxkZbUTudQ5GalxOd3K/THhxV4yp&#10;8ftpNtajj+EgU8GpeElwROuIN0TIR0zcipM84rSR2mGMKjyh/IAoIThc7dqRlBv84MuSxMpLYLCy&#10;LkeZfpnOMqwn5nKsiucHzl/tyJW4f05lF8FcjBqr715yRLKM1g56Ou024WkJZbGDhK/I9jozmvu3&#10;A0Y/Rw7neDoOqjFam6BFLBZe7UUOoFAXRGQjmysvR55aGVVEdocF/BB8uLQksbodWp+4GrIFjpfp&#10;yApAiJw9xRWcD8+qlpW+SbdeM1m6uTrD0e+MCfYn78vfcf+yjLzlkZn34X58nb5jBdtOYCZ7It+b&#10;v/l+8J32sLRf3ldrk08RjkheIKLgMgQg/MZq/aJLIwKZa1AUtNASKTXpIVwBESI6l1YXMIbsyC3H&#10;RKa9EcKC4j5iBKc4z7TSscNcXQxdRkjqzWLJswq45GNiITVDhsCKg9vPoAjGIOI+x3lnfWy/xvrZ&#10;tITQA/fBwpyN7Dbd+b8bnLOJ3m5UeUxLpvVnDZodScyzxymGwWG9AHB7yRfTEoTFqPP7GS8x3lEN&#10;9bDmohA2dd+rkPfl77j/oGOsrtPe5n2XY4cZlYBpNhqWtnbXRuxrTB9XNVty4+eNnqZzo7O/9F+g&#10;0RipbWYCgupFgKNcNMxYZXHdoePmtER7+OdUctY92yiyKJLBZTL9IREAw0AsOXUk6NdWawd7d92m&#10;fORscGqn4BPTMVlK2eRnl/HBtDpqxjqtBfNPNbssmZt3hvTC0WXtmTl5BKAxyGVsPphEMk2CJEfI&#10;6+97M2CSq449YDNGCOvcYdhZZ3cyc7+MRznYUYLlzaZ8WWeQMLw6LIT4R5jgkURD9IolSq0zfZUz&#10;DtEqvObv68wHxEf6zjlyNoHu8ANfAIfJj445WkJWBuHL9ct0Rs6NtWcFwSzYclvYLaDVfLIDIvX+&#10;mSVuN4pMGI8W9j3cX0vr4ySSyvqG7tudtUOL+o3u4rtjY167M+xbo+2XWW9lbxJXPpwv+/PagjwY&#10;XIzeKuyNqUtyghgsa7LRiGfUqZ45MQZsf5rgybvefBvRYqE0BhAz2w7Ed2EgeIW1b9Nj0xRbnJLI&#10;yX7I39ayuFvD6HE75qjDLW/7GKLad5bQ94Rk+rPvdCOoxf6O3hyBllOIKkttyun9ZxpM7o+PiGT6&#10;MO/vvXEA1+l+jqzovXepz4fac0RP5G29hgv5+/sHx97WnmOWAEs+QY7x5665kUsw6Nkb0dzRvlmL&#10;/O2txRpwTZizoWAeB73kfe9rcye7LgOnkZTd4hU03LvKsIgjlavXJZbUaaayrPxtut1RPrMIiCRN&#10;hmqxlWgk9zEJdE7tg27xRCzyX13zqs1PDf1gNT3ufyUtNK8hK3Flk1gD8g3ZfCrywIo55fI69uZg&#10;eiWjkcuEtvLpyFjIBqxl1b+yo5md0keKMGql1+Hq7hFqbshkNdpIg7SG7DYDVn1Fyb2RGHflI2Xd&#10;s8wgMbod5CneIoZC7y/1g6DMUvK+65oxQNJAEA2NJcNhipImZ0QU5zD6fe9HAmFGbIFnH7dkAljY&#10;8n8tGTYdMjch1ReOe5u+w2it5fsBiGW4Z14THcQc1pv37QAkQpihJfiZfc9htm/+tv5j5cO80PWH&#10;WSWkKhB/OwXd77i7fcYmgrIb4V21Wss+5Im9pqvKqrJnVWaLsRyMsGZrT5Yy7bjJcRUGO8GG0SQa&#10;2LWtBdUq4hfsXYTG4xS2vC1/u370cVowNmDi5WqLFOcgH+KZbItIBy74ZLKfc48zg1DSXu6YwAxP&#10;UTT5d5eVqlXsvccxoekU4qXJxi48qjwI+ha7peqSidgmPkRaA8LgaQxrQfWvXuzLJ++PsrCu3BCr&#10;nLG1CjqFkHXUJ7uwXiXkYdQ2IhdpoEBO3a8by7oMuUY6TUPyKBY/MXNxbsxK0zVyLmsLItNvZ/GI&#10;q1LqA3Gb4411SuyqP9YWW5UsBe10+NZfAdFlsUyNOU4IxEaK0vHF1D4n5tgVJn0bW7aybwHjmwSu&#10;Cnyi6+F4tekBt+0HS06sfqREXPpI+nbv9shNzL5m+/iYBvOt+dsR+a7Cedt1C9OGOXVdtCHdnlfR&#10;vW78ijhyRo/MjmWfNq5Ob2dWcjUuBYLWXNsGwV7ncBbcgxmITW+D/a31q3+1JiIxePi0dxYsbeDl&#10;+ICOGD4iKzcyVY5oi4BKtsWd0wGMVGrm7cFHvNZY8mJWnrmKijVNATlRyzV9Ifi/ZwM5Hl6tX/2r&#10;1xZPJC3j/uioLfY4YzZ3SKXmcY+rzGs54Per3xVLRkUuHC5qy4S21+fUyLjyOeDdviUelo4tWyXX&#10;mmOKsWPObYCDl4/sj4MlYZs+cZy8yiL4dfWr2ka0K883YPEee+EPL8ac5PevmIgATel5aAJSdnIU&#10;YMBeV78r9rW9rj+KO1fzGYtdOo/bV6/0ZxlNbXL6rtgIOqbGEO6VkIZpGwzFPsEkpMjODs+42VYi&#10;KMasF9T4mKcnFiGlGUkTBzX9xXRBPReBrX3joBPyQHBVo4O+qi1rWCxcfzG915Jxsz7hwyUfE1va&#10;pjJuid9saeH2Jc53xTLDJ5LZ8Ssbuo5KnT2aCDOllYJd2be9VANR/2rm4v6IUdBqe1FsVKf3/EWx&#10;hJgyBrWvur6q7UxSVJIjxHBkRUZS2NjQF2d7iJtF2Cg3irAAgsr+um+PjiHBoKeMzFfCTu/54Spl&#10;z5N7MnJk8IYOnz4rHk3Ou316nm+xkaXBn6HT4EIT5W35229/V7W87aoLa2vh/5Vx8rmlyxgbC+ev&#10;upB46ids4Jdk6OUCV8Sa0+K7gD0OsbFoyE4i75x1RoczFEuNJQPXEYjmeEG446+Rw1T6SMYALwAb&#10;cbT4OA6D32T27afRDKXerRdrb75fC8NNkeTfbNKEQwxt1xXfV5yJkAakeCKXt/HEed+Z3s9CKRuO&#10;1JFzIPKTdoTKUjvSAgib/6QdK790IgMcETZs5jm1qi3T6xQuRre905ONfnWJTKIj4f5myrC9eHVl&#10;QcJlEgDzMqszYybiWb7312BFEIZ5R15NZKtP6cxTeFhlUmCNgN75NEgZexdqLetfWec1DoB4ARoD&#10;zKulZEJXfflN/5HfWsY+OZI8nXU+4qaWVf/KkoH80BpLX9k/kmVYevWRBmAI2B0HRKxDWZW3gcjH&#10;g2F2ew/XsupfWTJR8WSRI6evrqNxqXAz8tUMtro+IfA84+/3kgnrvNlMk0jrZRIfJAqbTwUoBZGn&#10;+wlmjPtJm0vM5335O94PMd7nWTzNnoV2mAjetATWJJ8i9lAJKlqCQwjyMpOXdhGLiPRV8MIite9b&#10;JyjS8YgA9vZgOm47HNKikRoM7tIggcsWj9ovM9GO8cJMYLjW9C2jJV8dKeg1ioyzTQ7ZSzEGxCsx&#10;/uB6M9bou3yaBVvjGr+a0HiWnfT5bOSZFxsvRgALVkJdXGa3QY5yPOYWCfuy5FgM5rM8SaeWShXD&#10;R26aXsb89CYJLhWcfd3PwAvr3ZoTNzk23R1LjjNQ0rKBgdjzVS6Tnpt1ZnUFPXNd8ttQKlk1JOD0&#10;NoeCjm1jTfd9ZrscGTOLg7TmxEi26v7zWqIFvUFjX2UL6Qx81stko2Wptaz6Vx/J7C5m9skWI1Wy&#10;WmRY9mT0QCIeUgVR2Ka+7uctgMgq+fjqnDX3Sv2gWGkSs87l2Yvm/KEz3vRxbd8PHga2iJmstzme&#10;GN7GVyghip3bNiCXmDdqZ5Aak1lBwZRATxV0E5DOk2sgQ/A33qC7+P8dJaxQMh/p5eEQGykDhw2h&#10;ff0TWQixs71cRpsx97JqHuyjtNhVyYSLSMzrBpLpUcguwg+4Sf0yDkXN2rlBu2GB+2Xitm3G+c6K&#10;webHQIvFDkvj19aiUinasy8XcUl5dW1tklmYVvrTz2l9E6CQeTWy50dDRupt9lHeV1ssx/DKJuDU&#10;9DyJsFExz+TCWXvtGioVIbmi+za4e5HZ3tFYy6p/ZcnH8Q8RUSNHOPaE/rIRiFjV6DaXwXPOUKws&#10;xzioZdW/smRyPnqELkITENwCud2sPVnNNBJ0Ny4cWDTmRsp15tXY09/zyC5N4mEsQGCu06s5R8mU&#10;RbUbLghGx44eOuM7ROL+xTz8QuSD8IpUqox/Vo5t4txLfmd1avt+sFuxRzXbPNjvMY732S1xmr3E&#10;cVk9+jSRhrYf6Jb35e9+/xivseGyeUu0Tt6Xv3k/DdgDwMHH70Ri3vepNhvmoaNvhX7DQrWeeF8b&#10;YpKdI4pEBVLw+xOjtEsLhh81dGTmad+FHN1CvCMZktiD0xmScRnWOD1XbD4hnuuVR2rQ24V4KNYu&#10;UUZSX6Is78vfw/3dM8dU4Ii/RtOh3StGxlO4zYnHM9Tpe5ZN3QSOQbbXDPvaib7DCP5uJNxxedLP&#10;YjV2cl5x9HKIsvmju817ySRIjNE/Jo0vS6ZxmHfbrAAH3MbA/mpcyAQVG7ojQ+Roa4meJ9HLpMHT&#10;iaDavvWvbG1Gf+Io0uHE4pGHyJTzUox9uhzmUg0iKXVjbxmJk7Tf93YnNpdmcgGfkF/as6POVHmc&#10;qEp7MNeVOoPqsWOJeerdAQmXdSb8F2zRK+DIsiv2fR+bk6hXzPjt8omQx94xMWZSBPkRb1pbxkLM&#10;pSPqzdkvg9HI+/K390tALdelpJXg6/SWzfvyN++PfQlZJ1yywf3lffmb95Nd0cFMxBZPLOfnvO+y&#10;5XDGc25l9UYqXm05gup0Wms5VkzdBR1dyhG7sfp5NSwTc3BhV7NUatA1/cUGX2iN/hSJ3mmr8r78&#10;zfuJcfXBQviaz0CmBc778nfcH+G4/v41EP25paE7gipp+hA+HXNtvve65XCSkkPY99nuTcM2S4Ze&#10;eylLTE1VxcPqtoXYDXzY9yMcixCBpv5qhjie6wHtRMQOWbCwDDV5ivBBbApuTwPad7moWffWpjwF&#10;DnqbEnOJ3UStp/O+/M37AWOyJKwJ9u/U5335O+7fNzDhWu6eVt6Xv3k/gaiMLN2xFmOVkvdd9Rlr&#10;gDjsv9cdYgJUHVsOmMWZGa8+46RXjsOql/Ez0r7hVUXW389oZzaGDe0pkrFl+IeY2fSI9UIqwaTV&#10;lPhhjsWrwaD0mmFoGNRFdaYYsnRazTi6g//LZfYBwgv0y4Sp3yQHZdv2PojFTPfzcJEi97W3R96X&#10;v/1+vOtfSdKXvZ1532WfxRaTPv+3AzVKyBUoshe/Nxd+V5yOcuxSpiQCXL1m+HEGbUaKG3sr89XB&#10;Nkqb4jpnsk9kV1VeGvRARvRRysG+bIvtrVNrWf/qLYUnOFJ+z6d5hJkeabqvfcO1ScLnHIqRkzxW&#10;h7Ws+leWjEEfWseZlyXOw8YTCOlsTjLS26SXRo9UWNK/+nQRHPiw7LWs+lcvmQDROCj+tT+8Voo8&#10;4zh/oo1NMpFajtMomd11RO7zMuH/19MnXy2RlmXi26e+GJ0e1TqMNb3/uIedKX9EePO+/M33s2sz&#10;s0nxhyAmPo8QDsJgbPZaECScfhhRHCIyPBdSKckl/+H9zHRJtzNt9DDIob6XPcNRkeOIJUx5ZA0f&#10;hxjmKhYOrWcI27RGGT1T5hvWgm88Smm552Md3gzbzyOE0mxt3pe/vaVf+zOOc2L2f953VTMcYNL7&#10;0r2JWbhgDmUZw707giiRoBKfUIljn9sU/z7t7rpkrBKhoPbsKW3l9oud88PvihNci1UL9y64mvY0&#10;uBp59LWs+ldrKZ6l5NSaVU3tTdISKDkVA4KVV+cy7lo+TYTCGOGwRbw6n4VpqEOYvbBkF2SlRtJM&#10;4ghinSN98/JIjziN8Ms6cyxWRH5e7cWJItGpBwRzEXx1GMQ2A2ltmO9xrgAJwpx13rFYy6p/9dbm&#10;M3jjKJpIUq1zCB43S/AsmWWuNgn2JmegnX//rs7hKo88Y9x8IavYkTf2n7Hxjz02pUmIBcRxaK8W&#10;I4Ic315v46/WMkdXry1DJHfb0cyM4GypvC9/9/v3dS5G5rTGqaXlU8fFc6yO66gN6ri7huELb9Km&#10;ZELmgWONSksda1n1ryz5yPCxzqzJWRDPOFY9aAeievUHgjEXcdJxtClrh4jwfdWm5Gr2fiTuyjri&#10;h3Vj5L+P0MIxip5tf10znJ0Rr7hIIziShEzsbXG51ywyBdr4CiKypyd/h1O6IzbFvFoFJr9nGI1X&#10;E/fKbz4zdzFc6tCNIz0y+o7njOtz2aaXdcYroxtayeS5SJ4+ziY0VhsCxKci96mMkGPcH1/P2ase&#10;aeVY+F4ya7AWV97rHN9r62G5iLrX4wPxtSFOu2KRF/TO+r/nHwmpBdPwavOFmWSsMd7GNDkzLXdf&#10;TQs8RQtYHTyHRFcfKT/e/yHiGuRG32TDHphIueh9+l474juJXozIjyt+AhCskXr9qVizjYfaXOKF&#10;TotYbms1MlrAznEWYR7Ow+lxP1FCL+OfNVPPZU7YeQH5uzFCUkmcl9RLRo/igZG4SV7QeHU43kWx&#10;oAAz/opi73g16UGeWvq6FX0PvZD35W/2+KWOP7cpW5JGzVK3MRKAWiRW9YpHSk2pGdjNbbGxnY0t&#10;Sh0ptf8+YY09Xn1hHAG9OBurzXPvsUYUmVXkSyWeCBy1J7I98jfbhVQC5sFxfxvMh3Y534/Bz/s5&#10;ZDNxkvfVuu2l7E+BQ9q0YBP7PV4KNsWTZQcTzGUvk8itEY1ibtotQ5zzJ3lLlIsr318NFyRuSOQw&#10;ZM4MrEms9Ftr1lrWv7LOZIklXxzb/Fs8ZscOG7OSEmb/hjq6pO/w4bSmWGRoj+hFLav+lSUTMU4u&#10;lMYKt7W0NhH2nFj4V5yBXC/DSSaoyc4csbRaVvZ3lglPkn3EbNRtwAFH9enxFCxkji/IPvE/WQE+&#10;e1YZziKqCGywvUleF6tfy6p/ZcmRLtVriUsSXwktjcAaJ80hjqqccce4imhR6x0mmzCs3+OCSHh6&#10;QDgUPQNsxwULjez42BmvdWYBm5lYbM3ph7J9aacP+Q9QgHRSrTOr9b6qI20NurnigtUWg6nXGcM2&#10;ZqXavvWv3tqEGUZqBdFTnJlSMiMeiqK9mhGHGyWX98QhMiVwbC9bWxBJQvBg13gp7ld/Ku/L30QE&#10;81Dme7GM3Ia1zvsua3bMKeFglH7Wyd6bx+4iPlujcGHRBxcOWYHvclmz65JZ9WSGWZzpVmNhQHTP&#10;oyGzMcJPBeCHLBxOvNuT4GtZ9a9sKVY4Od+zgOzror3OpCmm4WOa1gUQ6bLQRd2yHb27Wlb9K0sm&#10;5zqBwqwQkehSKWqZ1pwDL3pS764YWmfWwveeBnfm10XC36NugqNrTVlNwdQ01wD/W5v/aN5pQlny&#10;s++Wj+/0pzERzbH4cpTjPmf2ILEvoF/biGSiNJr4eZwGUi+XCTG8717bWsv6V/ZOBMXSN8BCiAFZ&#10;DhMi6Ixt0KXzDnrj2lm54Gx1HZMpgSviZvXVLIzHlAbpjDNeSj7MlzirxAaMOsfpF73OK8trWc4z&#10;g2VwBmoHSlZG4XGaIXr93ZqbOZ32aeigxMisoDqHuTYtVvYLS9QpV2QYwqbj4f7r3iQsNTfWJfav&#10;EK+pjca47ieLEJnknTqZ4IOkSWdp3ObX7xCMO5SnOLw2C1YeLD4lM5I9CRbKwXWEzPdcOxJIYqN1&#10;a51ay/pXb6ljqhcEnmxV4dV7nl6c7N8c0WFf4ryxnJtLnlAtq/6VJR9y/OJ4OFlDEb/IQ9ziaFTY&#10;gNIZOFwjgwj6tX9t7cvWJnCZNpW1ZpyUfBwchL04x6OBLc671zrHlo+8jDfzxlu8rjMJLukCsy03&#10;uI5S8mGDzUUmKLu48Ly6YmYOWpwGNVJr8BIq/R3bw6b0/p5M0Azwo2Icxj1yu+NLCpNhI8uGmAjC&#10;yauPkSwCsjIvsJUKJqnVOVi0pth3/XyI78HL8Gw1RUQooFlfr+bMoPO+hT2qic16ZdB9ParYrznO&#10;ioxgrvjaEChjOypqxcFix9bmwJPx7QAS8vsZst/VmdDJ2PFGYgajpL6aMZ58IeaMwutljFrPVYr4&#10;fv/i15cl4871URW7PEj6kVfDNbSO5DIly+VIYW+jist5LMmXJXMKWffOoA6It0pzspVjbJqDNpbO&#10;iCz93GPC6LTynPD64ltt4fPE1EF71zpDKuUJB5xlQuxbLqNY1vl4+Eu1HTK3QfmQYNHL5Di9EW3M&#10;+/K321no5oytMW8mmULL5n21tP5UhOJ7RBLCmlNEas2I6I8vsO07m8e8cDyD6cNZRtclE2Htq0W4&#10;ckaSlBzcY68+KQ49QLGXjHVOloUJZN9BWMvKumdtmetzWBCY2Hdi5H35m/eTHINj8+p3jh+JEptt&#10;yPvyd9yPU9p7mvvjVIXP90OZjDYYnOChz/T98WXpjkOG2X68St5Xa59aReCsG8CLZDKC7OPQJ3qC&#10;k8UKellOxYdFWhvQem/WqNcl4++knTlvvAZwMIA5rMi3lGkyDERu+kML57OiVKM8G1s1i+ktl3MP&#10;+0BX7CbuUZBoj34a1ZdWKmjNHO1gQIJQYBmCrg/rc05krD+TGd8zKr8suVip2F9V61wMYOQ118u4&#10;KWP3Pd3S5u8vSyaG1QPh1J75RFqbUZcQ4sAcRmstmTbqPgvdRj+/9P6y5Mh9zebk6UkqRZQ5N3cS&#10;9+mHju/9TPwVZDS7jm/amIUvS4ZVz7F7kVb72uLZsc3OHo38lG2lGLe2Eviu5GCFM0mB5QlL3dKc&#10;8bXOnKxI+WQJXi+TO9Yj//g7fE3rdfnLkkFnTu5kncqxrViksZkSk5HbA0Zrs0WcYfdqbewRG13S&#10;mlbbUf/qNoxoaixKoqcglznaQCpFnC2DEnCL3VCPksN97+P5taPaaW0Ip/h8dCv5YqsK4dZcJpOu&#10;oAwtERbyHtrTJXO/1rL+1es809rJexHLj8XK0YYRZyDHob864rZ1uIP12ED50nsncL/r57LqwmVu&#10;897enMc1GwNWxvNxV1d83XJwlrWW9a+sM+N5tBezjfQzeB2boUhck3NLWMayvu59BTXerf6XdWZJ&#10;nZQXu9xpvdraADDBG/GMZqT2JmGWzM6A0sHLi6e/LPkYFYAFkgEbnk4ijGinfJ6XcChL9w4DInOx&#10;yeDrkpnZBxlwEb0+bmiMzTtiaIjtgdCGMA69DRP/fcmHeCfbBnQzOWGg3DlAtD6+Olw6o3BIpGUz&#10;Pr8v+Rj1JJYnHi/9PoKMr0irlIxtyX2DL+bTKZl5LgOUfHjgFBqlB3LAxhdYBICFK1zhza77OT3B&#10;Pp4IC0eK0csKMJr2fKK8L3/H/QfCkn45ebyXo/aY10D6Rt8DMQZHuRzfxKmWqlyOfN43bfohr4Js&#10;o8xDIJOlR7cYfe/ZZDZyZUQr2mWMmmyP/M12iftbHn5YpZ/vD4263X9ppJHMD9w4X7UO7uzVZ4yD&#10;Pc631+ayF2D7cqMPLigTe50jj+kIwc6JBTsmM4Rz+GZMSbu8fSrvy99sx/iuWJ+VcFdj0m4jN++7&#10;rFl8IJ51R0MxE7KGuctlIv8lyz48ypHFsTPlJ9ucGqSmhxwHTpzgEzSi6af7yVg5sWxyf2m5wd+j&#10;Vd532RKR+p0UFP7BTaiG8lI2BnzISHn1cTI+tazUoLcEeMxdCuAqgrTSEh+wjAPDrNyxDOE08sN3&#10;LEtpCyuJgX7c0x/2bbBbC8Z6jBYsliLq9H780I5AAsAxSisCT/dDffaRHxkXje869NPp/p2xgczY&#10;PYG8r7Z1oo3V19AKinaq3kfEkPPyxdjFKX+k7/Jh7L4pedeXmJmuV4/NiweuzMBxumQT27uVctY9&#10;a8teP75438YzSwUivz/0ASM4rQYz54nxflMz5uq0GmHRlJY7XmbSquaSyT/PFw/U9xThk9W4LhkH&#10;ORPDOKml24J9Pgy+sCt2ZzeUKvZuzNSyPow6FrJ5gDO2kr3oudLaR119V4502Jh0QUhuJ1kg+mXo&#10;Ter458ucatHnvP3p71qMWNz+LEZaXM1SMnvFpjo8yuXRoN+WfKgU2UwSKi+K4ZXVQ/wIGRz0HuP2&#10;25LJRemWC/Kjo/rQ2vurY8+r5ODxJbf4PmCfE0G3we0e8QENBmct/Uw2QDovbRtdhQFzUF9xRHrL&#10;yKyrmKp/JcJYMeTIuHBySQrKIBRJBpkctjdJgLnXmcUJ0YZuN2pZ9a9RMkv/XikyNXTPCaG4/TKW&#10;TGL4tEKyB/Al+O45ompZ9a8smRBBBicucjvYwYd9aR25J3vtdSZBbCQvUWcnbyE27WbayEWqDFws&#10;W7RbyXw1kA2IFQZEMzLyQWIwuUzftzadPHJ2IW2ekrF/zC8lf6pv0ht1ZtWSe7zh6yIFyCi5Ptt3&#10;Hh5ejdXvECLWEIujI7aZZoBlb5KR9fTdeGZKi3S614iE2cOU1FcTYBgdGSdHyiqIeGLCgK6Ib5+2&#10;ObFiqv7VEXbMx91znvY6Ex3LYRMFNyr7cHn3jzlCJKamq5JlDgdbY88Jvd3X0bRU3pe/OQr0/kRT&#10;3ndZM0IySa3FKd0Mn9KmsdUm23RPfBo1K0PLtReQfpmuGAEKOfiP5Mg8hJMdQqSiimLkgmXsjg+T&#10;9dPsv8MR/YPn3nBERAueqtb5YARjZ61OldDhw1eKhct1b163NrmuGdGZSa3TFSQpQRnkupqRYrGa&#10;00a4itnDtaz6V6IjFsk5m40V/N6RvCynHDaNEZ+sTXK8TGu3JvmytQ8lR/0kt4tcmL1kWkcyONm1&#10;l9QGMzh+u9PaLIBzmmVG4dAPqdThMgNYMqyO8z/p2By9FU9/W+fddyBZuOedHlr74D7iqkrS2dF7&#10;KN5l7dn3/ilbhqHJXwDHo+o5Kmi+e6dpExo6uD9T0bg/dpy0muZd+bvf3YcPd+85b3nXB73YYNOX&#10;UQQm4nyOVs6uV61hLy9coDZlYGXps2MvsljO/CUicbI3heyzTFCCr++nc33Vg1BZsTU3phoCNf1M&#10;sOw/7BJWszUvEcVmAMbFcPfak2zR3z/RVWuWbdVrSCJsTxKI6XEwRnlX/ubdJHK1kCO7w0lr/dxb&#10;aLO2ZDzuPveWvvugPelyioRai9QHx66ZJdx7bY6PDXnoH1J7DT+3dHt8R7BiAgw3+45L0DdBjf45&#10;YpAwY9aw1kxaJSrY1pMbVD9exMfxQZ55/0obd+8+dL7z/fggfSrCH4G62Mc29oz8MD4IRWI1X0+x&#10;b7u6PWQyw9z1i/Etw9JQJOliUNuTZIy9Ln43PiLjtL+WkcWalhYZTcxIZIZ4DZ7IRq5lQqj2JTC2&#10;490Zo9lWaQGghhqGQ8uf2h9Xunug3B2HK3zsrQMGj/qkBhUXqQ8t3mofJ7pIBcMbaQYAGMiXDKCS&#10;ImnlhxbPsltpMHyw6O0ZXHnYu1qfD3jCcvbFINn2PWHrwzxAdhJ0fiuJHR2nOKToRd27I0QmVWSd&#10;i15Xp8HFWqQNTTydyEg84CbOcummM3JzW+AwQUWyT5wN92o5ArNUq5VW+6f+1dsvTunpZbJO0nMB&#10;gGPvyojTVayyQOn9/MGWX5UZG2s7p8iXt+JzdYd6kvWMX/2qClOWnJEGz5yHs8SCZVjgWkr9q6My&#10;0tdbPeG1+zo2m48NInn8AZnmQeYcFSL8iSGMtn19Js6wA4SSWNX+P87OZVeb3FbPV7SB/rvdp2kG&#10;ySTD3ECyYyAGduAAdia5+jyvyJcSVfrWUtkNY/XXqipKFMUzKb1Jm0m+0j5LZDuPOiFs4tR9cAS/&#10;xpswuzhDd7yHeGV69xR42LYMLwN8TJ9V3wUUlAYUXdNWg4zvePcOqgxKfxiVjt1dMSiLIjAoCbiF&#10;1fH6Vqt7zn8mSj/A9uPFAVB8PVYiNc674seONKC4k+ehbe7L554OW3Ok1Cj9uq1huJcHQAKZIlFG&#10;H7M8gcWodWs+AGw9P4n12+eJJcder0CRxnaykdepc3oNc7jSY7aEDboWpuqVOAqoPNT7NvkEMh0y&#10;4b3sOHm1zuWzCBbx1gV/y1JopUHLmzY4kYDdm/H2B0xvbRxosmzsxcaFleV+vOOn/NdPVwIPqaLT&#10;yeCnjvum23SDxKR7dDUKKw+/UCJYin5bD8csiZOM+FSQH+s5wfyxEuGo7Fm/SzK1O9foftjUnoqL&#10;KcqQE1YTpw92qJecfJGAcjYrUnxe9xwEjfkx/83HaZBAnUucO5lxrtL3Y/7rxxH3SWpkv2day8dd&#10;Iq+67Fn4k6I0X04GSYd1qMkQGCRp8JunOYexK5MzLlM5bgeFunl2aeqkBiMLSeuG+5RUpI+q8Wcb&#10;nOy9Bu9IQEkIsY0ka2YmZO0xaav2kWBOEFVvQNH8U1TBwahSu2cYEMx8tXaqwLZRqhobmyJHTanb&#10;SRSYoW/A4qmx4EAsd6YBkbsbJtnlMOyO/1XoqInWPUv+0V7Fvmy8SvzdiVwqVN/kRBvVxelJdp2A&#10;+q88DouoO4mY5XTzJKx/JaiVM7wTQIAquXcCu4jS52ox01Pr1Q3yU9D29W3HfuFETaT7sf6yOdGC&#10;9aeWQG4uxlvQ2FPDkMPPZPRSdSHdOs3Xk060HManOrWocC+1NEg5U0oOyh+tXjJiAz+WY3IlA4RC&#10;nrW32ujimHkqubh9U5we1GO1aIjz/Vbr/lKZl+sqNo20DvVOWNep1g45+NlTdKIjgsRSo0Qp6n/R&#10;NWAK6b4wd2RixZuURr3hnsTnVVMmmKxpz30CCal1K/S+JZV+sEL7yr6wYlEgs4kn5qmCAiAROTO9&#10;Ij5zccqouXYEqj3vp/zXT4+Qn9ZFlrziAvF1P+W/x6ef9bAfc+iwO1BwB/4426Twf7OKv+A4S5+H&#10;HMgoMF/Ni6fp851fx1f1tYpDkYnSeLRmPJRyPX757V85reF/IDSQF64uWkXHEOFuFKL89q+6Vqh/&#10;u+96YJWEP2DkO3tlIwm5XBs8BtVsg5ARH7TUxrnl64XIRlatT0DrUPqvhIlfMPU2LPWt9yMFK647&#10;BMKWwsqxoTVMTIgzHVUgV3rPco+lroHt6jY+brKe47MqR2tqD74Y1xtiWagp0u06UfD5bnwWFbIn&#10;vZIrihQeg7QB28oNFG7J8AkJmZRWH2H23Sc9XFnM4zTh0a1Yup/y39gDir+cYoGJqHzR72mF/orI&#10;+pwyLQg7mnAvJXgFtbt6oU63aTyAQJKLj+s50QppbJS+BA4pde2qlBIukvep+1W4G02fmIiqbxc+&#10;SGTJi7WuaIXemG4hOK5daOvEMWTT8EC8gGGzBky1JT2vs+8EeYNvzvg33OYzL0dh5yriMTdVChf/&#10;nLz8hH8WhAzxW1SnaOeMYu7nda9bqv1040Ib/KH2d4PTwdwrF7FD2XCBdp+l0tgLyXA+8zsVI+SK&#10;SNevPn3+ZoeUvAdZaizg9Ox8AEFBw7WYsnq8t+A09xba50oXojeZQUpDSo0fBk2b1YYmLOT0NRHq&#10;lP9xxSFHLh04pNnkzfAPGvZ6c4Vq3JA7RkwimNlnHM77Y5naXZ8Ukml8byCGKSJynbIa+6b/B18L&#10;2nIbXPi3BMp485v1wPMJ045NwXxHkuuDH9cDK7c8G3lnjhwbRyeaYC+5oiEgUBXco+QkMbLaGJSw&#10;Gq52HwAKtZ01+BfdmT0OwHfrEd+P/eHgQ1Rfr0dXrSZ4Xda+r8frSq4OoXklcKkg4M+4gg94afT0&#10;L4+Ov3nEFYHMtJQgXCRH214MK7Pcp+xWek7yRi4XLPnUofRfuapFBqhkptPbvHdZNyJ0HrTKgM/0&#10;doRJvgdncXAvyDjkY207Yb9cyvMAICN9Wco4UTc0QctRNRsY0C7OLCqJwcMVEMn9RJzWgyCTQ35A&#10;IOmj7xsiiKZWOYhrrCEY/dZtXAffO6/nCBP9J80+gsJZ0W0cKrnUCH4yYlpfm++pEMsr7FD6r+R+&#10;ah6TmMTb2y8loH8TpS6xztHsYCVeMqLt/lSZaZ2dDsVnI6FRPmlpQs/Hx+n8LI3JDJBHe8yFyIjS&#10;mmITvxbHaoWLRI7XlJDRtkohTrXa0C5zSqWsLcJEVx2Ra5+jxELO2klfb6wT8mS2+SqK9+YYRICp&#10;vniARQ9jBg2sNjCOEqKJbv+50g6o/yqwVDr6wziEtw9DqakbcmcDZNrA/oHzzBEXQsEv8ixxDSh0&#10;n0ge6UTrevDH45GMURHNBvbDvvb1fUEYhOhd6EmCG9O4ogsYqjud11s+arhXYbiBRranNx3m5geI&#10;OAbZnTeXWahrqX3JmDB9czB9qmElgfrul/gBR1dl46AYJhQq0UNwdpwlTaAiurEESw4xMleqgt44&#10;VbWYZfCI2Q7li50hKAJbGpNmk8uI+ebEqp1LltfheYtzXlNCQ4bzxydRv4ZuMwfZG2dCKSfg/tyA&#10;UvyO47PsfefncrSSaRaDJrCCSQcDF5TRxjbYy92+qElQejaIssK91zOj/uHJ0NmXjS8hXlzmRL5U&#10;uUS2fTmkNOBuxjuT2w1uOzOUHE6uRGvsjTypNXNbQaLzHwzsPoOkP0J1Si0T6T7pT4SeeaJoDZ1N&#10;UiyPPhwvjl7RcbA7kC5flNycnitcFqqoiHf8lP/G1LhUw8lXBBmmp8JPdUj5DpN0Sq2ujGqHWEX/&#10;7tal62EafnEW8d/Gcgg8f/JRnGCq+50/C8fprIEL3quTQslFkyd3fNF7IWCW9LsiTzVyT9X0KRnV&#10;Fs4hGfgHOvFCu/Jy5XHRbR4vdBFiVTaFxIK7e0K3JDqs9ZCZuJZRumKdsGSkzYlWTrhVFb0TlWEo&#10;Ubdu9NFUwRnn1LOp0cayThpPEBUaMHVwPvguTjDpIEkIO98UVbTPqiFacHrC1lt/FBo7uGycKPvM&#10;kupQ+q+gWzVPTUbP8SUi1GByoN18h2MeZpmRoPQct1WB/QX1XdEQCbRuP8y981JtF/SpusB398H/&#10;Og0Ra0Y3CwxhYL7ALXFHXR4nbqOulD3eAHk5oY9Do1jyOiEsx8QQqEXgavCxTvOGwCoOTt+aC6/K&#10;SwJ4x0/5r5/G1I6txdX57Ah12je2ze1K1Hy6Z6FBruVsIvu88xu8pEr4H5hA1ETg6pv1EN+l+Cfe&#10;IdEqHNgf10OUz8nF015Znj6thxpSZ5vJBRaV0SY1imudcjgiQ82fRPYLBzRoAt9++Wk6lP4raV/N&#10;D0MBldO359YjYnCsxGd1Ud92MDBXAodU3eXtFA8cHmEqkSM/i9bXixSIZ7ueNO5TW+kQDCiVTvuG&#10;KQeZHunwCBOdHqU+3pS8bp9F807iI+WHHPM2CJWlekmTq+RIV+tEj6beIGBCjL0kksZ7dvfQqQcL&#10;coUJ5Zbt9Qdvns/baZ0oWvZUTwPJNIRscKNFWtLh0m4wUeXSg4OumPbR1ToJgKrSVLiF7eNGXz8r&#10;V7rNLiVxN8Sr3WjuClkRWWR2B1PbFPupPtedl6H52fymoxaFw21CzNBv4oQoT2/HZv8VZ0Uy0LNF&#10;/PR+26SnOS6NBEMlXGFiAqqF88CQUocGEh7r7ByRikRVlIx3ZGt8HQtU57/MVkdde/pe+7eJA0GQ&#10;wTBoFVRdh/3UF4aL3Avp/MFlj8s8JME3hguPkqM2FkNyUuiepkpiUqhwsZfkEHRNgkEFBsabI7aV&#10;8Pr+9F+xW5TO8NlAupoONcLDGqElcg7STXgfRKzGhPB8vJCwfBZpHXjFmO9aGhOS/yuWgtLejgll&#10;vGqXEoPozkP8PijkuE5wZk8pd01uS1EE0hOC8JpU18XC7oQCz31jLCGr1elDxKlG5q0zNOdRSZUf&#10;B4/001f2Bf2hdDrGMXy0d/SHbsiNYjEltKfGEEh/YzlBCypQ6PtCQoTTigipvKjVo/boLz9M1sZu&#10;0TyCzPl6z03DgkUrGbOFZX7wHnaMJc2zDis2RbkTJu0yUtZTI9rFEUhgS/Oc+bTc0R/WuO/7LSoq&#10;mFCmOTzHuCcNU1R93Mu+si9ogS1FHY1dRXsdu8qcv+FFFAHVdsvLvzJqVGuyFMIv86QFrD31MR9U&#10;j8J5L5WVHliBf2qZmnBQNqudgE9GBfp4YMBEBXwhrWTkq8ezZite1GES1Me6G4NFYrVpauyevIjW&#10;4G/quX7CP5VZn7SM75ddyMMiZqoJYbv1bh7wEN4Mmi+/4h39DT9JvImx1M82R1eRc4HE9t2EsjrP&#10;5tgrZ6U6gqfwZNoIr5WC0C4qiZ5z1Ldarfedwlday9UqaQPpZpYoVGgfK8zV/pfPoW3172peGTv9&#10;Uq9bVVSItvtWhnMgsH7QJdX0MlD7Y1x7l1x6O9kHNxxpcHLiaMMO+iuuj2RgqobsejolcI5AqhPl&#10;Bx2rzyC4JiUfclYNmPQQ7AJgdWVAXF1/pR+fMkX0JlkqTO56nRS0KuA53iQO2WmIbikukjr4OTi3&#10;GYsgRxCd6B4m3h97Dp5+jsEvYkJUjHbthNZgKtgds4WXvLgrmmQFtY8eb+Kt7UKHMJ4uTNTg0+Cl&#10;HZDzaNFbPnUGsMYaO6lAIOJyfBBe801vMfxvdrD+QnnwoyJv+7YS2IJKSCR69rc6URaXjpBDMOZD&#10;tcim8qGOydOpydLDZfOIYoybBetAv9hlNVwots+bjVPAgaUhCiYq7qOjEnwlB2FrL6xrlAkJ0vFZ&#10;aLLLGvx/xEBzkM/2CRF/xngbb1LT9+LUosArQj/exDrqdS3cLuvADidt7wlEOpCRQADyhX4FD8Tu&#10;C5iI1M4plrLf3wkrdbcGrgClz2i2uDApDz+e2k5xyk9IPfp3MFNdfPyU/1r3q7rBWS6NbPFTJ/pE&#10;A7PHns8LY4vTD87mcsJD8TzJM8mnVesemLiSZEqfS56J5ZBWR6kepBY48EOYajPawEYeGApMP2V9&#10;eL2JFbTsNFcJFeUJXLCyPY1qCNPQLil3M+ya5ekjDhH3aQrJSu8OYjRj106C3V83hWgdBCsvbL7l&#10;TbhD9x5TJOCUfbSfLQyDs9OXguuW+ghz3e3bUq9JNkCXWDiAXJuAdqTSqJWQSA1K44vwQ4ZE7mDO&#10;Woo/8egHhopWZu0GXoNs6DsHqxpEtYpBSFcw1RE02AqJ24rzLCtBrUi9+FCBgUMtrUjIjPDZ4HNX&#10;IPGKOYCND2nz9xOLtLsKpR11ap0QWQnWJ+XujrKjO5jsYCwT82OvKyKQnMyK+iM8c41l41TJ3URT&#10;I4Hh3gxSfC54vb6qkooFt8tSwN9W1KrmgPmm7gUP4nussx9mTmPyGcLU9ivxjp/y32AUnAWOkU4+&#10;dMbcvCo/dTr6yroJ0wxGhqOlrWepI8VrqILdZbE4BGGZAU3XdjgY26EYdsxQDsGMV6p/+jclhzrm&#10;3l9iq98UHmg+GSPEUyKaYrILrvq8cj51UJR9yZatC1zKng8lhzq5sRSipdnE8LGbJ5ijHC7fVLVB&#10;wzg0hcdlYFV3HXd7Baeszo5QDgFRLJIr7FA6xuWqzRwveOV31zYPvhtI5Onfy53mb3ZIKZ5m2SZM&#10;IJuZFQ+Ds2d0kWOWme6nQcJr2KOxYx1K/2WY87PEd7u7HkeF/VKchz31Qs3tgqi+EMBHmF/L9akR&#10;4K0PJlbrxNhNY/sLRcM4zhXqiqNsnET2Cn1zOjVvT6uiLPbtXnFCihEiFTVxpQct7xvtw8oSTfJz&#10;hC+31qN0sMAh/ofsXn5F+/TUxb0RMNE4urI2NNNYhEKBm2Y6DMXxJvfiZPeYO5jkbGTyD7G3/R4B&#10;5QzGeSMyuoVY5ftIuYU5Kz55S5/E0X2rL+7yvf/2yBSOpVD8u1k3JMenaUwwKQP5d+sk1zH1zt/A&#10;becrrMxtdfHakqe9bjb+Wf4ZEyJ8SrHN9TrBntOxn/bfWp2kVPWWRkLmWBV+oUO/wO1f5DUJGpph&#10;dpMmXr+fMzuFqSn9hy2rQXSfPIfDHL/nN5QaOPNnWPltKfic3RVM18917RkTHuNx4FbJ4KH6XO0n&#10;tonzo1SX2tGHu8UG6Snfg4rKOJ/j1Nyvc00jwUzsPIHT46Q12jrs/h5c5A6Iq3/W/VnRHWvpYIDg&#10;N+8UHlj6dg/0sd7Nr6X0o8TtW3cZst6qhSKtjUw4KsjZgMl+hiJhGqIHJdZ+DjLbe9ySpO70RYJ6&#10;W1YwqMbCiM8+/ZToF8kT3ro/MRtSY8A3rVDichwYqmj5wx9LhIu1x4TeuXnleHOCmDhoOytolM7C&#10;efqdSbDhKA2YwI70nauj8ucfBDzyRbw+DSK85Rfz4kMipjy0sUy57O93E/0ewzRgDgm5YhbNkTYU&#10;lnOKJixoVyqiFifBq9DEG5jwBLN4mPb2WQgsKVOxkm2QXfnXQrOoqyb4Z2SHW4mcmAeR9K1WeYtT&#10;NeDZZY103ar/St2HO6NcnQEPhwxX9Ok2vCxzo2Fnb82FbYbVl3FbjCBrTR3KpjshDd2BArMfNQpo&#10;kJ2f+iJ4x9MWueZ33wTuUO6VuTxU+MgmNmNhKSqpixPH/rU1wzgUo9FrSnHKGfZV9V+JSeSdQ2/E&#10;hxqb41BgpgdAwnIbwD+ZTABkX724DqL/stpKIDAdsEy08RuSBxCOuUKW22ejJhQ/0j4msvsGJKHb&#10;FCDExQGwUgv1XzKxBuY4MtsgWkieRHKm3tgfUKBTZOvN2kmYqQtmR4psnxDB2SnuPqQhnlGLeZ7B&#10;PtoDdLWRpmpsdeAWwQ0iVyQoFSR9LCKfsdVXjHXNK8Ag6I4bnW9pzMLtKIXqMHEJpKcTFTs0iUuY&#10;hzcLt9iJ9VkyRTrVEgZ20hS3DMfge5jQUKfb5bOVr7FMaCZXQGDjzUuYS84GUquT5prt8Yjwt6QD&#10;XaESHKtTTf/l40ko3lv2WCcWQhXSSSdv+wnZoMvGZr/DLRUoao03yMSUUOjDMYckjUEMzQ0mFGaF&#10;HQp7wfdU92nqg9X0/SSNoY49SmU/KyvDgPW92E++5BT25xHEglCZ2OBDSvvsuMW7l6y/TvYdDRH+&#10;A1Z8FjLpxwGHI6GIMfhkjGQ2uHL1h+LbRxqyDLQ0wX5ald98x08dKQ5HjQ2DglO7jyxEt40ZehLL&#10;II2UUlx48A4rrIxyiE+fJUutigly4QUTn7ev3a3ZPmB6vYkVoqLUAwY0KgoHCfOOn/JfP03kKJ0n&#10;RSXL00ccMifMyAFhZDg34gG8kpLG8VLWSx+E1Gws++w91nOEib9XzULHZx+cQoWG6e5/phgR83Ke&#10;8me9b8MKxelq2ypoBMC/KWrX/fHWoni6Eor8zfN6fgaLgSalJrTeLVIjVZ00wMP5tlxAVNz0hX1e&#10;zxkm25H866keoz/Y7n3mnHHO1DNkTGjx+3co/ZfP6DzXuEE3zyjlBrgSxmefKXt4oqqfCUh4w/k4&#10;b4khZMSumaAlpGfgNFg8k6LUUM/u6JP0TNfCEh3/sTFxwivJV8rEqjNOUy+y4AcSqgLxEuaUgUoN&#10;69yW68MpRBiffRqE5GurxbD2U/q0eUTfwf4r95PYKyZDvMk57OvEQeRIn3LD+oQIA9uuocfhB/vL&#10;Z8bQ0E4d1kAj9zz9lP/6aZbs6ir2vcJofsx/83Eepp/EWIqi5iF4F973fBx1y4+T97OJm/1xip7J&#10;SRCKQRlG9vb4EbtMYqkR3O5lUKoWF1DFJ5US3OtRyUqr7HblmrgjZge0z5IUnN/yk9wD8S0O1Dcs&#10;JRniImymBWUdlvFMjqflPmw6JFKRPykzLtgkOCQLcDUVuHyCS0xiySiDcZbvTgdctQQr3o/NPUG3&#10;cBLj4sPq79A1IOovYOk5yjpfMB88VTRSzFdZ7fZhWJPXI7Oyr5bcRiKF8S7u/9DB71arrBPvDP6W&#10;Hl9WZRw9YePDaMubZwQW7d5DTO9VNgFm57zI6Vnkj58gPfnU0Ignr3tLNx22Nyb1rnSTOjDQ6Fch&#10;mu3DJOGn8UlEXty+gVW/udTjyvF5ieQ/5MCOGT/8tPh81VwnRh/OYVnIyrYQPyAImNWdd2DpzW7P&#10;FZfcb9ESdRZwRyFdixxmSR0vhJh7FKFxEIhONtRPav+V55atI9AcM+aI9JpJcoVIK4otoH5xy26U&#10;x0xt6sdq5X84g92Ykdxs9gvIo2EO5sf8N+aH2CLjORgyvXRmDM6PnRaFgFLoaUwMxpL9iowtOCBy&#10;NKZNoyKqB1fKWUfx7CHxb6wUveXOVCR3sH0u8PE8/TeXRXGXa/l0R0ayJijFzx3XpaRQ55CoJqwr&#10;3kQXkPOhbvJR5T30lVGwkTax1OzkWlfUqcwoO5fRmn+BtrdPK2A7EM4wWklTGXh76B9DTBLLIih1&#10;TaCyV5zRSaaAyLVDhkIz/51Tg+Tc1kw0PnMWxf4+pRob694drCtHY6h0S1t+2Z0vn0eAWZT4Of+t&#10;75NclQJZOndYBl99H308N3Y0jBqscHn+SC0cV1dgKuEo+9vUMVjvcybvPOXfMox/1sSErHnhCfkZ&#10;mUwz+yCHQYiNdTMMGX81TEpWEhOG5DvIVKmYPSvE3B0txPJGr4NBiOQ6bPoCifCEgGpilFacOdoZ&#10;2ySDOewFy1Lx3SKQ+PQcHt3HmrxSCr42IE4IDPwDL/0Aec56Xpg1N3K50E2x8+7mBzL+iBRotCmZ&#10;tNth9V9JxzhGhcKYNaera31gG/XVn4Z3dSONYbR9v00iwQu/F+/iyze+BGVD50IGiupt/AgRWQUR&#10;8IyMcz844XZq0dWceEAd6LhFgR3+9hSSf5I+DXwIeKaarshC1uGRGtbIBo8yWB0Y5i44eZoDZt+P&#10;faZK8UrNCXWfXLF8y8/5r/eRk55mJDk5rMz82c/5bz2v0mvPiqsydn60P79iTt3Vv+GPfX/kzdvm&#10;31fvWbVN9zV98xw0koFLbEypUSPEdZb7HyCvhO5r+hbIyzHBFusq8nYCIcw3kNvhBvJ2DlauA9vp&#10;hsrGdYDsfeyr7L+Mbcy99PIpg08h/0a4KFmlEcgE2LCN98tZv5Lq4YR/nMAz5PVdcv165AQtcfm0&#10;NIId8rDIkme9xLYOcMoHaRM7v1uHyakKd9YkgxUlKC1hrF6uWZdfmt/hU+xBCzZy2Qyk585k1reV&#10;E/yv7rPyXbd9XiBrfd0yYWKjyUDwL7JNwmS9XfOUiTTS3JKc+PSUqLh/0dU7AS4nQ52P47jfQp4y&#10;kWJvDM3t0/idkgzGDarb8CL2iHjQQCq5V6fm/sunauFC3Ba05XojLabgwnX6x0OiTmGi9LF3Ohs4&#10;TGlMgt0W10FnmyKCQNcWwcL8RrFKOUVip8yQk5w6rxl/Xkb5CCmTirhJSIrGzGhoxCMTZmU0tCBx&#10;zyTeJnnyBW3Tc0PlI4M62eZsBFsHFjvGZYqsiGaNnfQ5wsoCjrfVlvsNZN1ckNjGOFLtZluUcnaT&#10;wqjMk4LWhhejh8W/8SFhT3EivWbSfTf2iAnpkMVyN/ZESRsGf6/WrCzlwNfv6nncjw3eHtIacpiU&#10;rU0+Ewl2iTTRZGIKAyV351lBD+vmyMhdAK92M1p49m2fa2bcZR14bjHd72kb727VExB23Pk2PF3F&#10;WoOEUNMg377PWAWORnLYVVxyfaqUiWrN8fRpGj3BPQLyYWKY7BkxVCrWuzV/h22MWZPBYTMWL8X7&#10;fR5RmVgUN1uG72ZupHK38tCp39xO+lhCtnjpUjt9TZ1rbbqt+m/aBsK1mxccQZd+zn+Tw5NxJENo&#10;zJEu4fO+HT/nv/N5Unj9PIx218377OqtkXiUUDAnN7cISXR2JCM5dR1V4y8we/s/tKbwuVyeNQwa&#10;nzV5UncnFJLEeiGG2Vb8w111eF6SO32xB+c1I/HtlEe7Ii2nLwrRanc/GYRK2WtrXudNgsCLWCRZ&#10;ZAs64ea7iKIvZ/bCo68tzvQOGZrBEM4dVkeyF6ccOa00uthnZGfv2cTWEbs38RBX2jYDzz2bFW/D&#10;p5jGPX+BGcO78l3SxvdF0fPFwQh1Ae7NFWD0v/subEUqlGlwzdn+QlGv3QosaUts4dOsOVFCM07y&#10;wts+09bBVSZsCu/7PHWa6r/yVBHb9I2oeOSBvH+aNRsy6lJUTxb70b0zpk+UFqJ3xzVv55+bbaDr&#10;xDM7XKWnfu48Uzr7JY5woWMW9gOOU5RWqOOjxCn46LYQ1MxMitYRlR/wfnd4GtEtilRl99buC9uL&#10;2JmHOYXPmnfXouk8pv/uwXm8du+LTnP4I3iLjALvqZ/z33xeNxQkp8c3RJjG6/NzR5wqupY2GG/9&#10;sjVs+5kCoQrC0MRwi+AoJiEP18ALGE/3w3crQz6qpDPeIocozOjP0qVDQdG5W9k6dXY8SvuLcPvC&#10;UWk6MTVswjffePe56sy1oGixQB5nYkJGlKSnWJVa9I9tZxmHv5vkwXS5H3KQ8QOn590kEGFCJC2Z&#10;PPb+aSgzuQj0T6FRy88hGEepZB4gvI/K5z+dENOT6Y6M2MwUp5SFFJU97/vxPOwmdAWeh6Ksbfs5&#10;/83vE9Vx3Es9F+cFKX7Of+t5cBDSluc5muZIfu6IObw5ov2gSdhIaKW1Z6zK8dNx//imZcGfZe2M&#10;t0HGKzkL2tXvI94lDLu5syhnIc0mh4l+bNo0V9fbqELtIFnXZ6Ov0mtPHBEDldgMmASaYzmfT6Dw&#10;nuYqyyMsapr0dzs0Q+GYm1/jp0t5WDilllyVDmMSUPku05Rtaph09qLryw01qlbBu4+ziiZL+ZZn&#10;6r+eIwXeeSMWZIkt903ots+Kg3pFXRw21W3kUhVWbudSbTpTfUa5fCKqYV8VlEdMnPeAkrr0BvBp&#10;qns6L8I94ORE0SEJh31iUuPyrMKFs1neHS8SxWQaET5sanw6s6EbBmnbiRKC9L1FCowRqyZD5HKH&#10;4vm/4EW6RDE76bObasOUb3nX/bd2H8PM+0K+RfmK/dwRp2pAlHakWNnuvKGFglU5EhdYSN9sgizu&#10;/8kwFOQ5dlieQc4Uie4qKd7yRn0+sWjnvnNeqRXko2+Y6NAM5VeVluSmqDdnTyPAZ+V7lOUlQi1p&#10;1PITzUfSC8Mwx+q8sjNkHJ/WsEgTTe2seAWRi9KwsDT/jGyQOUy2jDkNvXTftDJRSgsqcKwZLrPV&#10;2THMxFIoUoycmWMTMklTmc9DrTIC19Ksr7LvJkybhJukbkzydMJ93E2eJ7sz9GWgKF1n283+fZV/&#10;un6D5+nM6p3wc3123n322+rBxOJc6ooo+OwWf6TUE5Mx8fgZEx8gq6Ip34URsZecdkNm+Xw6RTpt&#10;/LeoPik79CYyZDSm4skdVv8Va0YQYlL4Xb7ddTV1gOR7OTFoP5Ig5sTUFdvD8l1b9+mw+i9DpgbA&#10;WrAuStoyjGExiKaEDJMJB92ETFyikphU4Xz233m/DRPjOXsa0esKE+lraafsQje55HnlNW90d1wZ&#10;J0Lq9JB28iP1OLa8Ba6miPyr5jKFELDpvdlkfX+woreV0VO4tFCAY7dsM92fnwmLo14utK7lBJ5X&#10;homZPiTe4pKQberISO8ZZ2FrHSDzyYnqvE2A3rpDh9V/5c6RlexaAPxJ4oDthCg93moPFRtgbRtW&#10;E7LYkXFp4JlLHSEjuWnw4Xepm+5rXtJR8UWR9bxPjE5uhoyv900aH129S+ahcmIr9UXBFDItRpCV&#10;M74yDeKJdowyzDTfrBkSta/gV/T5HhOlTKQyf4+bofuLCmPgxNy347f/yn1GG61mBXOn6tjL0WZG&#10;+SvaWlfn4Iy8nWcHN/wn3/p2FhQ9qD1SIZHn6+f813NUbmpqTSRyqOFv6GZ+7rwy/AdWcunNk5mV&#10;c2XovTbAcPOrIVXbTd1RkTyFSJ56RwXMDqv/yvlyQ53ilYMfien2sL2u+HJXGbJmOFodsjRKi4CR&#10;EGoe2GF57Yb5G1H4lCtoQtgvG47258lTmDunWWzPd2jeCWzvmpuQ1hQy/PD0unqQw0Q5CnhxBVAa&#10;ftYr7R5DH/9Afdo0MD8Ng7NifaJTPJRwv9iRIuNbyIQjzFGK+iZkzBjrCvMILMMqPTItGGOXkNfD&#10;d4AMbdnUQvfd7rKAacjK8ZoRDt7hvrP9l/cZx7/tMKIJXN/VD4dap3ozDsJBpQjGNr7lOt8dVv9l&#10;yPO6tSN7x9VShxqXd9cJaQbMxAoyE38h8dSAptB5EiyrSHuiRLLDkCUPX/AL3PjufYrDzDQySQib&#10;uWgbd25P3mUm0KcpDCF/Zd/xFuIqzWHeUQ1f56kbv2jnTyrsbhGcd1M82JJJbHET1rOuiJA6PGgg&#10;rRaOIJs8ioKfD5rZETImK16ApH7wuwkuvCNuBApk5NoGGZTbshz3y3i1HVb/NTmx4pHBayhmi9a+&#10;c1FsdfZ1E+THMLHujO+r8VNG/h78YtsdAkcOFPEW/3zH/dF6JxQowefE3z2ujLwS6RaxMv49KK1W&#10;hnutLAiSSOA+jWksdX9SnshgT4rrsPqvxCkaaNU7qMC+hx1pT1eNJPg0MqqzK/yNik7kvD2xB07P&#10;kGeFJK5zvzvXjIVerO4wjJJR3L+G7yAvl4+wKBSQTqIwAqylWJQqV3psECcCcblcM3PAxLnHNpag&#10;s5iArDtE20YuJa4MM41tYrATxwTm8OWaZ93t8dMIQWujaG9Ybn1ikIG9nnP4Adk0nrRFGM+3ZQkm&#10;jecTU37Of/08V0vaZ6W2PhW18HNHOqIgkeyn3C4pox1poxY8GaWyuMP9WGRGZLx803NHHis7Qz6+&#10;u3yaa6eSUU5C+Wb4FjK+IC+K/i49lEu4HydLahGTISyQCWql/jIP9SVkqN80SAUvSkEjFG6RRSTs&#10;DGFCRnxnLa3CZWhZSREdv/1XUgfJmcr6S14j42qDTATTAvHJQonkzR4DtAd4Y7H/QmmZIwtkD+a7&#10;c1FY7CXSnsM4OV3Hz5o59C+0RaSns8o4DhzLTtskz1f7udPwbCWxvP3YZ58un0JiFOgDiedlvn7O&#10;f/N59SgqRq17kc0P/dxxN1fBojK7nlWpkKYbsSHLJR3bZv+KFu1QGtvKTUn3dAQLlf8h1vdUjXRn&#10;XJHZU7Fa+wYhlnWJ0L31CumUQVOaXtERWalqEh0TOwzr4gTL2hr+bjfJ0SVxxh9lr77hweLujtVJ&#10;7Shfy9e7iZO6dPTCSq1s6QNAsR1k3O1yNWcqmDCF4OCPlZ3paHa1OambdBBXVUHglHw2DN3VF4Fp&#10;67u7OCHIcmt3HVb/ZbqfV3vxrum+1qwU5VqUTIu+5qXXzFdn8wh51SJOx35RE07Di6hHxObE7rBN&#10;JrT7zzBrvzvXjCthYvvJrqCtEg7Fze4gI+Wdiiouiv7eNpIMByfmHYcxRIpf1NuXkLmlofwjzzWT&#10;XjI//SQDwqVTXr6ksFU3OfBIeVvKGYYqsvnZhtQy6bMGMH/NqVYdl0wxxZLasVlZKNS2mSsIal8x&#10;gacBlL3gkeB6SnndQ94hk9Pm/G8iDvgCuhLAvSwu6+FibzwzL84zEkVtBwarIEy9ty8g6l2GEt5o&#10;lbusKCFLSx3P42203R8v1kyAzzm3qrJX1WH7NLLQKhdtnFSu14aX6nrdphDWzB1tt6AYeuSmU5H+&#10;UmydCnKVQTTInCSzOFrPyDZh+AoywVjeTXwR1Ubgr58myQuJ4mHdeLYNcyIze5wYOg+/gUxtM/Hs&#10;sVOEqjPP0TyMWz8Y9TAUFMb0HF5TAnCTvdAj2VmVACZk5t/NO1J3fioeRpG+vK4LtsmwIj8o34b5&#10;Zu3NHbaJ1KmT61gz/lxdCd0+TRN8r5lzs93SQKSH1JJECekAhMbu95m0OVTihPwLV7N1yOR1uXQc&#10;3wOQ+5rJQVP+QMybnLYgg7s1kyzh2lRWwI20Y9a1kcRPXSVFg7lDmhg5EAkZ7KV/7RIyebjW8+Q4&#10;jUjZhKyskdwMtkIJhutm0Ciz+JDqTEJleUC2PhbaiHK5IIrAFHEldcWMs+jn/Hc+T4qHnweKT5Cf&#10;818/T1qGsyMIrWdQh1n5uZOmQh6bcJdQ8HB1JYjd5X5KTwIRtefikdJjMxY6eaNrY3mTaZEmMKkB&#10;mxuSg0jbjoRMnX0aLXOLmLh3kLXq7oTAZl9l/2VM4TE0V2Qam21OziEoyYnhCZWvtO0+WYMO9JDl&#10;LDl6DZkcB9dOARj+0gmLbJOyFkHPHzCEFfIPWGpmzHMSiXi/gUyykTeSJkBkuPdPI9aKXVMPtp3y&#10;n4jpOd8E77CUmus1o4+6WxX/QnZZP+XqLOVFYQpkO7XaZ3K4OfpBn+RQKDPyHjIS35YV9qn04hWd&#10;VJBVIgyli0i0dRiOw7Ah/0me0z1ksmTISLAc0T0sDdtQO59OClNsa9POSIxUNnFoKvDFF/tM1EuZ&#10;hfluZSMZnRA+nzZk2HU4y+ew8hJz3hBEVhU+ONvpVKmZmIq0Y9a6z6vtM6RNJoon9kz+kV5ufxmh&#10;P/HX230mBkkDFC+KjexMKoJECRkFKgvza81sLBZ4zHsmVdytGYuURKR8V01YOwmhAwnDAyUyoTds&#10;Yy6Vl08+kg95RUdsN6ul3q1Fce8XJGjI/vQcXr189fbdmtG4ZlpERaaWT4ulGvIjrqXuUjUsM+TF&#10;qVKZifd5ej4mZFUjeSOfLg5y/WcUvYYv1wwnmbG8h3tEyfxFBgeUcNqtTrzdZzrBwA2MzkcsT5E8&#10;swoqb/dQHw6Xyrecw3drZpukFyXxPkhI/TFnkNEuodoMVGk4rt/28CVk7JyJzodtqxxEi341ZNz4&#10;tnqoWbrP4TvIcD+0Pc/6cWD5D7g9PfygbeqdaU2Ww+WYfEC2PhbaCEJIJUT51q/c6r5nD+/Py9nq&#10;SZRpDxQ/57/+vppt2cuAM63sIT/nv36e/K2i1srgWb5/5EeoMm7TRxxfQZ4mTMV2ixywzbtORQdG&#10;+IKppXLAHpg7Q5Ypaqw/cxdImSib7ZnYRmRquo6Uw3XPjkhtUt/+OB8wgG6Zo9DilvGofqz4ACql&#10;wh6FGd9LOwR8qWL4qreCcFjc5EQ6Rk3xUKGkVRqFWF+4cXGuIFJixujlWwU8cVBp4CH7EeVw6UXT&#10;+oN0HGtDEolh217tLjZFMSGMrq3/DGxVZk6AhaX31apNnI8jDEhh8FuVgiR+tiw/DLF2dzheJrbM&#10;o3s28R/ouJB3TOqdh4vEBDbQr6ptQ0Mj6m/2ycQFwO41ZQPPpe/2I3343Wpha5YxM/PYrFyVzBPJ&#10;cLi+t5yCmnJt0N3esjs+Is/UZdRJuSKSpHalDnlbIlVpQeEDugILlbhamuMw+P1Cq0RlyTQ2K8Id&#10;vqmxcrdZT32bV0xJx/TNo5Z2nqCrLFFRYsUqDYlj4m1QuQ2BrxzG4VN1ZJ0r9l/J02XEepfwfKTv&#10;YX6aTSwtAvNu89li/SnSP7YC1GXi2RWysdGxIryoJ3emLmnGYMoRXRPD0/qTSX7k4p355C7BUMvt&#10;kyLz5tv8Lt2oXBlBa4akv3vEqRxDpcnKimuHFbHOR71dT4GISK6KhJmCe4lT8d/0fB3SLiWLroct&#10;qe8gy0tHrCAooXKea7vwSsgZ9nEY8q6MoEo7voQsaIVOkN0EG2dyBEITstC9ck4Nyze1DV9CluFW&#10;+tNY4MovhoJeww/IzFR+mn8JstqmlDZKvKNzXhKl8YEVSp7DROArGi303HuLcMgQB6xZPz4Na1Lz&#10;+k/7TFYR97B6+B2FEalzX6OTHsktkGTq758uAqQ8sCp0pxZ6t8/LDRBAfmwk3rrKvyL5ONE5Ibdh&#10;Yp33iiQBM5zXdWyg1E7b6ps8OcljYuSvqgorN+Mdtlt0XaezQ4bZo/blpxkMDarWrHqEyWcl0K4V&#10;LPWXVJ/CmDXaVnc4qmBHXZRiuAyCCZkc1ZrYy3oTAil4Vv1puQUbq5DJ6LjWdAdNyGSwlpNBJvCL&#10;fUaIVoEbfUB2MasUS2s8ByFNfh5aT8671IM72qZUfea1kNXZHcvqTabS/cA25NjjHQQA0Ap96JBq&#10;4c28hMyBhhnnp3dzhan8UKJADDO6JRkpvaW4Z7nuHpAtp1PbIWVIGvv4KDp03pvCW37Of/088UTr&#10;KEoKCTfd8vy//9//8bd//09//X//7e9LoaTMDZ/aaUwVoTS3Iims29GiKRvOBi+cQ/2CO7MZNEj2&#10;u0+Hpopora5JYPdDTavHssamAfnA6XnNHMWpopoS5ppJNjZKxFp2OoI5Td3ZVHgJmS4zlTz4sLZp&#10;3MenTaJPBZc89qodnU6AO8jym1VuYWm/teaWGnUY1lVh3oy3/IL78Wxzn1jRvC9mKbqbE0OGle5c&#10;LPRyzTDz6a5hn7s6JXKvjXxWQBKRd19mSvbEyu/lgsp6SqlBmodPvBZF8a4v8+LTD4HVhHQN3625&#10;yf96d0JmIXVgT8OL3lLDl5CJydjCnlpLQab6f1YcPRWTltBbw3eQtTk2wacVMiHDKop4S2Gfw1ih&#10;5Y8va+AOshowTt1WnrcmhTnNk8U9ISs4Wsf9LWQ0j2m3PSFL0TZjlrLV3B1YEqsd4uHLNcsYMC94&#10;0jaBEdrsJ1t/nqrmUS9T+RKyRKvZI96r7TyT60N805B9YGufiVpPneczbW9SlbfwNvujRPcGD2G+&#10;fs5/Uwr/jLOl9qU0wuX5o0TCMaQtCgVC5NzrNci6qCDu4BfbsFbjhYvMxvAlTtftqncLaaMvmFFe&#10;JFrDw0gvyFKqjjxywxHx25mpjhX26DSyP4+WUQK5FPjvcMqdt/SeM071WjubpHwQDvOw1f65Mmiz&#10;ojcv6VQR+VIHS1rOT8tO8Nl8FqnLW1dSSwf7hW4+HBv1aXvXCrLOTx3dp/pBAcHSjMCevTs6IqUP&#10;PprorE4FEzIu5GKyT52KVoT4Df22NbJLyKOBU76L27P7F3AnVy6cbMxeRahscnOUcbHPvYxfrlPH&#10;lcqHG3nRvbIUYxo1KjV+cbfI1et9QH5kV/ir5RKa44KXWC11yXuwgH4i5iNqb9FXy+UmWEj5bjUI&#10;uQOrVKx69RFKwKau9VSwwJtPJodM8jBkePKFlxtHc7F0WgVlh+f6sNJZ/eFHrgZYnR1w3mWBqMmw&#10;PckzgcRgKfYl5zfXI9du21sqkIvtKMUqRq+QjHU7k0s4Q5FVUGBx3FTYCzqPzLsaJYXPugRlgyDr&#10;yIlP0gersRzjqmLrXkeSCCskqlTvTlLqLmzWTF6C0jeh87vVHl+t9UAn1unmh+cosZLceeWQsPJr&#10;sPA9M6rDehDZPl4HXBCpM128RTImhG1OJM+WLAVFqVNOHJHKlarVEvewPCF3MeniDskgx0b2bDZV&#10;H6bxuRWHZ6cqDhBdLD0pPEwvkAxnshKo22x7RhHLKbvshGTObR4vhTFeBDwVuTMfoqNatiWp1SJX&#10;LHdlbsR6anQ9BfKn3Yvd34ha2qonU0o9CBZm/xs8uU7mc5QTXwcIuyfCoVd7i0FfidpysvdwNfd/&#10;+EpINV1V9sA6Kei8wHIiIj54B5aujNZwKeDbkiwRMJWyhRdFNa8LWLUIsI+KdAd1nrk9t0qO8wHi&#10;ugLlSK0fJpHUtErDS7Jn2ihXZJhjy8MSG3S1WrV5tWYyXzXREHF2L+Oll+YcVVp5HCCMX3VOuV8t&#10;SmTKW2VHdcMS5697OwMWR29zbJCcVc0G5VV+ETLBXU1FQM6YeGLkL871LEhGzEfstkaVOJk8TAbL&#10;C0pWtmftHlK+O7MpV+ACwpwUkdaeovKrEmANFqHxwq1LhUvpQ7phsUfjqJxTVeLgydKVe9iAUL/S&#10;yGP0Xc64ND6zc6YOZay0StpF+c9llfTwOheqVTYIPe/Srr+iZN1o5YwyepKqNnU5QCxmNvqFUXYX&#10;ti7jteCj0ALRfKTkbrf9QgawC+bpLqh5B/n7Mf8N0xlhXF14lYdVLMmPnXQXcXlLcyKL7Oe6KNTO&#10;SgIjAk8+TBsF05YWXD44TfsOqP/KuSLNrYuRD6Eb7xZc6gJGRxoQ9dlb0udEF3HaLv0Jy/3FOSGC&#10;8YcVXpxW2aSxPkxaqfVsMLF1vGyT4owFXT0ox8jOdVL948NF/h3+0q+3kEIDB1xpKAln2h4/4lI3&#10;zkTYhmx1xFYrwZaEyfgv8Jl2Oyy6YTAj4jhqkDxnujyB1bWIGd4l3Zx8wgZWFyRmOFLZ5vx/3WA4&#10;nUrBdPilTaJL5Do7oI5LLqBzR+T+kh/rL8cGYP24pRGp6RgWffk0mkiWi8TTvR1tliLv4JvIEs7W&#10;eZZHsAjM5G5UkYCcRt+If/elohwD9tvBQpip++EHISj8AuyoqQ28Knmty3jJhZSJpKWQXt9xARml&#10;RkMtFPJkTPlB38fVcoRTwKjFAK64FY0iu6wIUEcufvVR8m5CUMstmomMV2Ch9ro6Qq3Eu0FHK2Ln&#10;gat7IJuwgqW6Z662pnwFFkPeHhGV+imiuvAuKpacD4psosy1g1W7U5OUUqtf7K04Zr2qqGMDi3vI&#10;SMb9tbXKAU1unvIVSfkg5dFBmU69GwpFd/y6PxZFUL9lVye0ESICO+/avg4ppi8FYsSW+LrfgW5+&#10;TDsMEoNOvpaF1NZIbRsMhoI40myFLLbXkziRMSzAzfnYYmpPGkdjUYUOCndgFiv+ITFXo+qqBc5h&#10;AuyADD4wzG3oXEgXs2SOZCRss9wfxw6MFHFREQ0wtsc7rISBWp/WBuHRceHcQq266zi1c/kc8Y21&#10;RcE9fa5JRSDd52ZRKELpftU1pehq2yy3RfH4j8gM4HGk8yDr73ZqfQlVoivS8PT5SQJbXVGTtExX&#10;AX5UKWbHRR1xCQNN9YHaN+XcdWzRjzkUaXr+gLltlATIpEi12w3L4IrhYEaIUQxiJhMnLxyw1kIs&#10;yhXYSFz85o0dKaKTWYD0CIOD3HN1khHcAJwPs57O1YkWebXgfzOhyBfSfQ4xZZS0FzKs7R5O4n1v&#10;2W2jEVnTFUdI1Ckqr/cW/3nWRyyvFpLVh917W0QzR9mgVGfekhT3/SEQB6Jwiu6UjG2WXn8OB2hs&#10;e4skzawYStDpveuD1km3/wqmwI2QVt1I2Kdl2ErHhAjNafHub/YTG5J5T8R/fE3nFRWjx6TRxjUF&#10;9L9tMFHSrA+SdLgFJunml3YXGYlg+p6E/2BtuS9Ip602gwNsSsKbtWWp4B4Gn2NbMIIyeeZqnbpV&#10;NTd0vmlK4Y5Jk9FhEHx6ti9hDqzkbFlzIxM1U/Nnoa8gk5oQT3u2727tRuGyuoioxWOy0pCupTX6&#10;eKxPaB3ktL9gwMubtKxTyvgiy5YJcS3L1n0DZS/zDMUR80qBu/2cuMWEV1bKApP/4PNJVf/mpoVP&#10;+GiTpaJa89BB+ons4pCunNYIdM906Yd+yn/jHNNFmQaAY9/lRwzWz6r8VIfkd5y7TUyYa7WaYQZ9&#10;Yj6OD2KybReILJSN/qPuuN+vRwcr6QsVKW86W2bomcbc2tPKZkoIfuq4nnlSZXz0ZhzLeVOBXRfJ&#10;y/5ghsleO63nCHNSkzTBbmYtdIhmq/5+C8GgjgAnEEynxg80cYKJcDDnpeYAH2X7rO5ryc/C0OEx&#10;C0xcXtY82A1V7Z7WaRzHTqCXWklCHJINm+/4Kf/1044jUslBeG9/+rQelZWbMmpWZktYMD+8Hs5y&#10;l/IYM+mmkemsDPXTek4wUerN8mWVdtsM7ciOEl1nu8FcBulJ8QYmW5M7rsYH4fmrdbKpiQSOuwp7&#10;ln2Dq9o5cc0/lnfoz8DOb/t2xMqEQ99YbMcPk8DqRea3wTl9QjRvyq90wVAJJa7FaMbUshPcP7jV&#10;Xq2Dv7OfNjP7yvqvoFJOXsl0OEV3FyyII86HubuuE5FhyYyZhtGWWO1Q+q+Aqe5rucHzTe/+14Oc&#10;Wmuc72AiCcxj8AmI2y9EtQ7C0LdO2subXBv+QjKvnxWeG5lIA0gkkHyx1TMub8IOs1/ElWSG0VnJ&#10;ILLE/9Z1LjBxam/hYk5waQOckR+WM30HO4+TjpO2uk5j+Ow+SjLOkXdvHuzl6Q4paQVfbXEKltOY&#10;ODZgDRYDKkJaBrlQLWTDHQ7nm7gk96tGJ5qeonVZIdglNnJ/JiZuMCxVhbnQ53Impiipdc7TRAQm&#10;Td27dc4TzOlWB4gVJufA0oajHh6Lgon/Ns8hbmy8udfrXFiKqjq78oG/Lqs81GBta7eFf9jSl8v1&#10;+M4RZqdP+K+lIneX0vgv3/FT/psSG900V0VppkxQ8PENfco+SPqkza6qBxYcLhL7JxIHuid9kbuk&#10;0GV48mrfkDkWkGrGFSe1tmawqFCmaN+0OWIXWoEZfNB6judwoc+f2Zq2zoV1YI3i9FyRsBxS1Kz0&#10;mFytc32TnKctXjD5J166PYaxDJYedQdzefOhqKIC2bx7qkor58W4RLsM6unY7L+Sxy08m6O2rXPC&#10;BLGZC1WbPWdLHSe1Bf8SzIcFBzFmxI2wBXbh+Kxh4sWyK4Q7G7OV5B1u5zoRh1uR/vJZHOVKTVoO&#10;0jpY5voVzPVN+S8a3a6D8ra0dS7Upz5olaPdd7D/esis+abRt5yVw+A8ZXPwap3IGnNkzJQtwrIw&#10;3afHbOFD+OnUmfKWbheb4+n5XUyZp+MXtd6cVrmb5Q7v2Oy/kkezzlSbno7dxRwko10JRQsNLX4S&#10;+MW0ozuU/itgzh6lsoB0I9fyWcXnUk4Sf1AJ2DLIyiyzVM5HdP+E2y6FcGDm3Xhocii5lnN+yn9j&#10;btjomTNwfvq0HjyNZmM49EjyWqdMfpdvksSkJgG0HQrC5m6lgY+M4XvJL4+bpTs8JRVpHwtsZJfe&#10;cSqVU9wmpehFBUSJyRspfXn9VyCIpuHOx1Hmy5aDgm/c1TKAVcJkA7u4mn9Htwuf8NV5JPpve0Op&#10;sN0TiErvEBL+3z2henp2uY8Xv9yRZk5LRV45Rq78wO6BWVzNXJa+547Dd4zemtBjnZ3yuLEy77iF&#10;Cojm2+b0U/4b2wAl225HFZ9pMX7qtJ7Ft8ZlWXlfvQlGzmCfO9xpfeMWL5aK4l/wtIWFkDWy9RSW&#10;OZ/KHqnrqB0rsSwMD5VDiR6ns35a56L2Uo2p5IuFhSy8myS1zXO22OAj7+iedy+mID1sFbtfYK6D&#10;mKKbPjd1yBnjetDKaZ2L6EO+p9Xg/Vx0K5LkdFHeMqHFHqZdxQyfdij9Vx7/qa2Q6Z53dhgmUU97&#10;CJFIKsZeYeKNsZeCmb84hzAVy6hnsAiby1/FTR5aoueDaWn/j1jE/W7+G6wtLRfoZetD9G/KvEuH&#10;OGp0B7nMlQrlacF3XPZfZqy+mwETEMW0y4kR/Nhcul7monbBOnTlCmi/oiBpjYkh/ClQRduwoTUG&#10;TCgz3LMFk+f95jsrWY4v27oPQ5jT6s8+LdZFg6SURV3Abte5nBT0jT2tZSqJ8Kct/rm4CjCvk6Sv&#10;cIumb4ZKOw9Jr+UwYPKB7IFbDi71Y+vgao+ql90955s2PcXz2z216FV5inDeiLyX6Uwujdf5jVie&#10;SiCKj7yty0cxoJxRgBdF8cF1sGbzQ9HBCN498GppFidEs8yDp1Z7VHzyQd7xU/6bT49YrFBMlxPd&#10;BtQfPh3BdTWjKcgyYTJhyIUZnyObvN96PwMuZNPmNQSPtZwAItjSaUkgbFMNZ9iP3EbUuxV7U1j/&#10;CSVFMuYVwKk2/IlzK24f8pHmSKU+SUueTQHAlstAiiohXvjDVSYZfALPURrUBjhVKAQUdLeucOp7&#10;5HnRayd3ryOxbzhelFTXlFj4TTRpUctVmlTeBX+yA0oOPZV1fF803VonvOjFMBjm3AdLG4c9/1GZ&#10;Yh1K/2WpUOlA5Jj9zI1oC02OpJ3QMzGb6PPRB1HFPUgIdqD3ikikX6dBQ0HE71tODkOZ4KlrBDaY&#10;pE1n6Qiugbwg8A4mxJEmLM7RvI/RhKJ7LnIpKK57F1YCumka0BRZ9y3GQe/Y7L8St2QEZmUVZ+iR&#10;UcpnA310nt/SOoiCq3pF3IBwj8KItzBxEjqNFYGbt6B7naijhKLis/CsUJFqEI0uUyXhNxkku8It&#10;UsvlPnA1tVlaaEi3UOSxoVIpeUnBxCXhdZL19cI6VWJB2mR002P7GsyZuYxnHgu4Deo/JRLwhccp&#10;u1snNJSaGU0mUf7aZ8Fs+q7VRrJrM1C5L0Mn+S3TOu5gztxvMprwkjSYsNvUQHHLbCUGdFQzvyLo&#10;/uamliVJHWJCY2kwZfGElET7zOz+2k/l0wdu8TC9KQQdYiY/i+u9XzpKFjhe6kG3Mgk2bQarIHU6&#10;pde+8E2R/gpPj89CRBFt8FJIcqZqMgeJLTQkkPlF4nYOwozH4GM/zeuDGwDAubfqg00lTZxpP+W/&#10;+bR6sYYGRw+6vGkACH7qxG8UmE8ex3UbmVNQ68GaMpo0+6YtUcYFscR6KCB4EXsjBw/PRb7JWW5n&#10;gmb01PSPQaUbdJ2QC6fomZWDZLWMCX2HQyX/B33JX1h+AmPFfxOH5MQni4X9ktOxYfyIQwy55EiD&#10;NzW+gq5hXzo9T7KmzghWaDwrLQj447NJaB1K/xXzVBP6VDxJItB19gv/ZCcdsSKnMS/KKJhQaQou&#10;dIyMzj1weIQ57n4K7OO/7zfAK4c5GR0yNov4CqYyrHMP8JoUVjuU/ivXOWveYN6blbRW2kEr3baH&#10;cu1txHGuFP1beUgHnOrK9js1Oo0+qahEFxlIgENvVx7ID5XOYIy0lN4P3HaKQ/zhUo4Psqvf0Ger&#10;0aRY2qvyN084JCCnkLE0A7w+NLZYaYWUBZ2jMah050a8eMVd1MGL5Ldf4xBuJZYwPoto66qnjrX9&#10;LrrBvBEv7fZ8W6nqi6+y7VQDknxBF3GUdWqs+G/QlMK0tgL/oCrxBofQD6Qw1kM+H6d2xSF3uGCA&#10;5CBr6+uhljBLIKnoe5P1SRTCPbckljsdUjSBGR4w2aaoifB5Q8smRTIG4Q4fdKQNK1QjVsAGb+vX&#10;skY+bW+hsutvcIhAVjBBNAHWda3WwrNGA+8YxCfQdbM/OSLpURvKxZEK+2oo6tPl1YJFG5UStn7I&#10;f4MguE9MsSI9TIZE3X/rh05nCqVBEjHe0R3s61oYJOMz+R1nr8WL8C0gZ0MzwQdzV1vCdtBPJKCp&#10;R2xiwDP031gOvQDwC6QMFaPenj6vR70/4sCysJ5ThNBFisXg7yy2rRWR6lx9apvvJRj5yLhYYk20&#10;A20HiiMMT4wd8UdN2wDDWs2tnSGJvqj+K9EC3iRiB01sN0DJASj7+DyGDLCaDmoSmx3EtgOK4qc0&#10;xDNjNcUP+W/OC2ZYHRdm7oQf6nD8CoEJq22J9MIPhU9o/WMp+Jg6Yf6F9JVUvbyRD/F0BihvYXwU&#10;9X77KCX95hyk4LRjTRItLyafghavsDdu90xXJHxup19jxrjA3W2PMXRkCvRT5+V8OWVOWCbfsB2N&#10;mWN1o70GYf6GxnakhTNEOgklw3xQNGKfsxCnG4HUjhdG9VKqa0rqIPovo+X54iSROcZufoL3wZf9&#10;H3//x19Dlfo///2f/2t4O/Uv//Uf/0wP/z/++V/++vf/rV6x//j7f/ztf/7nv/1/ys6mV84judJ/&#10;heBygLbq49aXMDLQ3R6vBgMD3thLDkW1BFMkQdKtHgzmv88T75XrnlO9yIfQhm7zMCrzzTwZGXEi&#10;8v377f94+/O7X9/9+f3nV3998/6H12/evn334ev+9fy/3rz/9POb5/8ZAn7WhbAuv/wXYvuH6x97&#10;/+HVb0RRN9fl7ZtPP7z+6f2br9u/9eHjGHw+WT5/+fpPb778/Pwvb/jnsf76y9d3n5/H8P4D//hv&#10;n758/+XTv3z+x/8+f/rfH3/8P//y+dXnr+///JEfCpG++fD254+ff3j99uvn+Qe2v//bl0/Pf50/&#10;vPrbr+8/fPke8A+vf/769dP33323/fY3X/7h11/efv745eNPX//h7cdfv/v400+/vH333W8fP//4&#10;HS7DbvvTp88f37778uWXD3/515/ffHrHKOZXvP1ff+VH/PIjThuHxYc3v7774fU/f3737qePn3/9&#10;/tX2N1/hU8/0vfvb1232tz+9+s/Pv/zw+v/+GYH+P13++fyHP1GV+Ien45+OfyBe9SeySIfrn06H&#10;P/7x/D+e/t82mBf8Nq7N7v0n/Os2K3yKT//z49v/+PLqw8c///zmw1/e/fHLp3dvv3KQ3+cD3PNf&#10;fpnMN9//7afP20Jg3K/+9sNrxAaEqZ5PJhwAyOh3smAEr97yF8hDcnS+fvWWo5goEM0ffv+J//UP&#10;vf3Pl9X15q+MevvQf/nx9/H/5cffZ+rtxw8fvvCV/w1jP/36/s0Pr//bd68mvIwv+uq3V/i5NM36&#10;/SD7O9C/J4g8OsLn06ufAU1S/Xfu+zvQv/GzwxJn2363tpQg9LpcPS5rS1BjWWIoa0sJGkucOmtL&#10;rLwXS1P4eRazlyBEctO1cG2Jszcs7Wihe12PKUFkI+mZIWaPU+zF0jSHO4nvlKDJe3KBWI8JDzws&#10;sfZuYvYSpMfE4RGWiKzuhKUE8Z1IRosxcZS/WLIrIkF6ReBcv1iimSovb65XRIK4oBCE26+/02gd&#10;0xSPtYsNVShsEQw0tnLHE4mZqPB6WOT2Xn7h2CL2IMaVe56HRCkLFaYStPUhZC2tyS83PXXZKD+E&#10;qQSNyJliLmEqdz33HFx5YSpBmKIc9SZM5bbn4kbA3AwrUWxhWElQLQ/fvXxi7gOkd4ytRGli2ufW&#10;x9YE+8UcJgpb9Nh7EnOYm5/OGqgHzPdKlJ/D3P4krqavpBhXomZclF2vxzXZyBfSoIcUdRlrW4Wi&#10;/gzWFYfjIbc/WV1e0D0IW4kirUhvoqsYV+7/8de4bwtbiRpbHKvCVhIAUQY+mLGVKGzhnxlbyQDE&#10;+DnCzRwmiiQg38vYSgZgCvmFZm0kClvz6KiYw2QAHFQEE2LNT7H1ffVOvpOAobCVDDBvStBQUKyN&#10;RGFr3mkVtpIB5vUL4u7CVqK8rWQA2pVAbOZ7JQpb8LzYXxN+uc88hz9VB2LNF2okAjTtWM/hJCPD&#10;FnGhJ+FVF2psEfwWtpIB5pltYvfr7zVh3fsvfN7LxlYyALYIFxpbidJrY6KC919I6Ja1IdZ8obyt&#10;ZACe5UFBI9bhRGbvv5B707waJL5XMgC2iGsZW4niNsy5Jzhqsi33X8j3Ir5r5jBR2II3BEeNyD1s&#10;zRsexlaivK1kAC5dOA5mDhM1EQUEeuvvRWIwxkUNP3eb9f4qFLYIS4g5fCrewN0Yx3wZNSnUiFSp&#10;hhTjSgZAJ4LI3dhKFLY4H8wcJgPgR6GoMLYSpffyZJ9e1iEZOkSKYg4TBR/i3Ii9PImbsEVuDg92&#10;/b0SNb0Q6EUkvlcyAJmuHcksYStRY4vu68JWMgBOL/0/hKkE4Q+RhjdLIwmAnDitu4SpBHEt3/y8&#10;5V15Wtfcv9bzcxDCVIImsoH3tZ7AUdLcTVHYQrZ9bapARADI/Yk1OIVCL6ZksKFAOtgweZS7KXIn&#10;bC4R2CgUEhVKxoQLNbq1sDXVZTcxhYnC1rTvEl8rNz+VGiwosbWm+eT9F053AsQQwlZufo5/SgzF&#10;cTIpwLTFwSDctZEi3FG4UIgHxD4uFOPiYBCUMcU+L7ZGPs4lakmFhZrvhaRczGFufwRZXKOEez3Z&#10;0PsvnHVIV0RhK/c/p+SOdgJiXIk6oAQjBrC2NdqB+y8k+4iWQdgqFLY48MQ6PCdtEELlLi++V6GY&#10;Q4IUYm2MXDHGRWNzk2QoFONCCWzGlQww1VDU4K6/1+hC7r8QW0hTxZUS0dYLiqooQuViLxeKkCje&#10;kNjLI4S4/0LEmOT7xUFZqOEoGFGsw+QNKoaRe4spTNC4yciOhKmkDdRTk99ZssaIme5zwagcG47Y&#10;+Y6yZ3KB9JlMhc6LKaT9hNjFqBL07GmIdTGyx/uo8J/QLa9NFWjznzhcl/7T6PBeTCEQPYvVXqDN&#10;KzwbU8kY8w6guZsgGXn5fVtAjqN1Parc+pTG0FdATGCCMEUIynyr5AsuaXOvXi525L45qu0BZzGq&#10;pAt0/hOqXZtKEMyEnM2MKjc+t/7JuqxNJYh9hS1jKjc+7SJUKHlkQ/dlq32MKTu5o7YXxMxiT9Ac&#10;WXOnXq/A3PhIrWmVICYwQZQ6jbp8bWrkYi+jksxeIM3sIyd5MTUSVOHLFIjemlOQLkaVG38ebzJH&#10;PoK1l9/HqKZDhTCVG59yPBzW9beaUoP7VGCK88qYyo2P9pmXfoSpBDGBU6wpRpUbf5MLG1MJ8t8q&#10;N/7Eqoxa55qgA3Fn1ExiVLnxp1eFCepOnfbLt5oqEhOcmUKXOwqBIme++FYJIvdBVEw4uFOz8GKK&#10;VWtC8AWaCnj0N+sJnOKaF1NbZcF6VAVCFzrZKmEq2cIui1uC9LKYYvv7qCgg5V4sRpUgFHLU9Qo3&#10;ZqTIZep2FqYShKm5ZIkJzI1PsJlCEGEqQUjdpyGJMJUbH1P0EBCmEoQpQqVmBdbG502QkY8snYsp&#10;zr9PO+VJJ+yJYdXOJ6dwMzfiUcuXLQqVhK3a+rQqmXTOelyF2urJzMpIwiCnMNl+YStRzN9UNqzH&#10;RVw6pmNeYaMmem2sYSNGpVe1sZYEQAUSv1JMI4Ki+JHs/02usnTT5qnHl0+9vxIIYmMuP1rDsEZ8&#10;Ro0taYB+4dMN01hLGDVRtE5S3y2ZYLqpcSs01hLGEUZxvhpbkgFNyykQUdYShsdBlypxtKBHyu82&#10;9e/GwW7YFLCOIEeskiQEihip0FbfLWFYY2zi6jBP5MSa5FBS4eSGaeeX6rGyhpxZacoKhjWenTAz&#10;WUJPrg8IUc0qKRiXMC4RZgeU1JOFTFM8s7sLxu2SuJfZAVMPdT82pkv+SKjXXFKw58iXmskkBRo9&#10;UdujrCWMeACJSjWTSQpTBk1LQjO2hEE/zIiaySQFrJFdEr43Ce/4AFhDvKHGVlwyZV0msILErqwh&#10;/FTM1XpRPH0S7mYmi0u4+MyFeM1cUyn+siYn4H4W6b2tbP8OYyYJa6mZLC6hNos6AjO2hPlVUvrP&#10;LSBrLu5ICGNK/A5o3ShFHwhvxNgK5nf39J64fwCY66KyzdtrGHeYZ66pirrDYGVqSc2aLJhn5Sm+&#10;fbE21Z0mhckbZQHzJ84U5Ic18jlubAnzp2lpQafLIA1izCopLqGUCwdK7O4pdIyxEW4wgYPppfAC&#10;I85IRM5wybQRCmtIyIwCkm0SMGaSpoDGC5pXCsPaPNio1mTC8LkIlpmxlSYUD4+cleHJgo01SmzF&#10;dytVKEpXkgaGJwuGNRTKZiZLF8rCokOZmcmC4Zlzx1HWikt4OJAWmmIHzLOk98/NrWMq6M1MJinM&#10;C0y0WzTWEjYdNOgMaawlKXBbnFdBjbWEEanjJqzGlqQwz0bQ/sBYSxh3U1aJObtbV0pUhkJ9Y624&#10;hOzDxC7XfkkrSylyIqlvrBWXUCrP89HGWpLCPEWAxNFYSxjxEkp7zNhaJ0rHFpUTnAe3YgfQVI2q&#10;BTG2Uooi0VEanX2hKEU9uA0wHUbvu5QEFV17xDwWCmN0ERSxOyqMyxjCNLP8CzXG4HIzjcUINC5x&#10;BX6lTOXdZvqYmAVZIlNqWujfbNyEhmGNilsztmIEb61gWFOpY65r8dmmAze9as0iKRjW5nOviWRa&#10;w9xXJNaQxKlVUjA/k8UIU9DFeb++4pdKlXIuSumMm9Di0XkW72S2W8PYAgQaxUy2fhQJk9KCTNu+&#10;+ADTi1LtgFaQ0rSSbpxiJhtGYRx+iRlbUgl9TVTNxNZnMdbWhfPXbLcSkRJyolTAjKwIaB6IV4dN&#10;qUin0Y8RW3FZzo9G0HvvprEYgbo/pcPft/oU145cpfloxQhYY0rMRDZsvpqyVoyANRr/GGsNm0pI&#10;Q1s8Vhi7BjE+hWHGWsPoKW1KDYlFljXahan4dcNQe3AxFd+tBaWEJpU0lHa8+SOxRhcAYy1dEraN&#10;nMlWok5Zjul3Qa/T/JF6lTzCdry6bcZWnKD3W6tR9X4rYSlnDa3VxJIsFJ+MdsNnM7SkEoSvMyHr&#10;g3TaxQYjEztVPSlKXIox/FZjrImEgKtp6kH4LH4jfXlQ6BpjiaI8lzZxhrVKlUr3UtXqhX87fuIB&#10;v4LMlPhmJTGlKpVugGJkhcIYbX3NkV0iU/zqEWesF0ihpo0I4Q4zsiQRpDS0yjTGEjUaSSoJjLHk&#10;EHJ73NmMsUQhlqLboVkgJTUlQKWq56GMXCDT1seIiZmBgD0RHTGtFRrFHWqTVq89/0tyATlqVauP&#10;nxk/ca6HU5wmjCUXPE39vPpmicI1ZkrUAkkuIG08tzyx9BO1XUXV+UkL2xdKpcZHqR/3hRpj7iZa&#10;slNtrFDfYCwdClY+/4lpbLkqx9J4ZusFUtJTvUAK5RdIiU+3pW/uToXyS583KV4WCKFjpw8o1Ijr&#10;yKuaaUwGgUCIw5hvligCdfMigTGWXEB/T15oM8YShTECFcaXKxHqNINXMotCYYyAp5rG5AL68RI6&#10;NiNL1Dd8s2QQap/ILxhjiUIFQnDVTGNJUZ/4ZifjXRWK8Mu05RULpMSoLGB+oxhZoTg7Kfk1R0xp&#10;WCnPmuvPmvULNZ2C3EldKlb6OiCZNcYefBBKUNTIkkEI2vNkgTGWqAP5D3S95pslF0w+QjHIPM0Q&#10;FwsmxFS67UuVSktC7rpmZMUg9C6F+c3I0pugdQqf2hhLFA33uegabpx+6PcJQSiHx2mMJepAsndn&#10;NOnbWx5hjIScuXnOCyB3FMZQ6ItppMwgYHYaG6WncWtlf/+Nx6nlE9PYKGbeLZCt0fKLse3xj/U3&#10;axTNBt3SJ/Qd08jCp6jcGEsUDHdVhbLcdtKYvFM3St+ptwbY92lELUJps/poSSEkGXcoYta7msRb&#10;DG2sqeBEw8aa6h4wz77FnqGwj/cUzGcrGC0HlLtPy9C2ZmcyYcTztvr8pQtOGi2tcYunK4UZW8JI&#10;6hNBFwRJqqms8fiL0Sg2jNoMDl5lLe8yXLd4Kc58t1Ky8rIC7Q6F3zMvLMcqwZ+eBilLX6RhfgfM&#10;i3Iv+w2JKF2ijbWC8WAbQjKx3+jiH9Z4HeNyVNYKhmCER8GNtSQFHE+6qwldEcSYPxKtoUqqETNP&#10;GG4uj5CZmSzYbG42znq/lZKVsdH4RK2S5hLCxaYlDgdTjo34qFLpPsDm8XCj+IcXyxr6FMWTBRuh&#10;Ce8UiJlsSSrBzumaut5vBWNn8ziWyD3hvNTYpqmb4ZKCsdsI5YrACFeSssaLb+Q1xdgSxnywc5S1&#10;IgVOKZrxGWsJ48TBWTBn94MkFaGDCQviqsaUIOsi961WSZHCEy+Vmbsvx1JZwy00uSfiQwHDlUFX&#10;YXiyYDyiySmsxlak4MeWMPJjdmzFJdwQ5XdL2Dd8t+ISGo5znpo1mTDc8i2Is2bllqSSkeCsEtYK&#10;tudir+LiCOlqlZA1V35JweASp6wgSlTW6PdsFAENw+OlutXw5IMkFeWy+m4F42o7b7aLM6C7nD7x&#10;0JxprkBIMKZkxkabI2MtSWGuzirQynSXNSrBFU8eH7gEylNrMmGsktHpmrElKVByQV9FZS1hMBcz&#10;qawlKcxCZqOa/ZYw9ttpKpPF7k5SoFRGcgmPtr04vZ5LWpJKkR/vm4qxFYyMG+pScwa0JpU3malq&#10;NtaSgijw47U6Za25hAYUiktKy4o1kkrmu7UqlZmk66QZW/kl22OJZne3KpXzHl2wsVZccqZ6BTJf&#10;r8lWpT5tTwQba8UliMIgL2MtSQF5O76a2W9PCcPD40VDc1tsMSuBfA4PM7biEhogEqAxY0tSwHUl&#10;gmF85dLAwiWk6NQOSFJg9WNN5Jkh1OQSYq7oKcXYWpXKuaFkDxBqWeNBY1PTSVlfwPBSkKqYHVAw&#10;7m/cqMyafFClUhei7m8N26GUM7W4PPqTY0O8qV4BeYRNUy/13ZIUOG/OzKXYASWCxRRyITWTSQpY&#10;m+yZsdYwujaa/B49oWsmeb7cVP4+wuhUSphlzZPdGJWynHm7YX0TfoDhmJhMOhNXY6MMz5RPPMAI&#10;lqgG+Eic09qOV3yNDvkBhoNH0xQxky1M5Q3T60Eo0VAI5Y+chgwqYtjCVOp55vqw/m4N48E7Wt2Y&#10;sZVfsmPfmIbMVPDU2M5wghC+EXtLGI2wJ6MrxlawAxWkynstYSpXo2nKaqwVBW3Ze8MlpUzd3+YR&#10;GLPfCjZHh6rDYg5iJrF2PJoXwhqGNR6qVjugHAyCY6oWl5fO4kdynT1Sn2zWZHIJF7F55cp8t4SN&#10;nsTdqEqdOm+Qu7hywbgXE8M1Yyt5Ks4T9apmBxQM54mH0M2aLH0qbii9zI0/WTBi0fNYiPhu1T2V&#10;ywqvlpodUDDyU6QtjKdwSVKY3i4kd8UqKRgJUC6ZJkdVEtU9IZ05OtbMVTDuRVOLZWYyHQxyD3RI&#10;UNYSNgeO6gBEe6HYpswkZ7C5BxQMa7SgMXecaqaKU0gKWu2A4hLeradq3sxkksLUJlAObb5bwqhG&#10;RxWhvlv6JahW6UqlvlvCcEvoJmbGVkJVjlK6UpmxFYwrLdlWswNKqUrwmyC9GVvB+NSwghpbOhjw&#10;5Jl2O+K7tcKVLJrLiJVWlfQP8WjDJQWDlSljNz5XiVU5cWBzw5MF48S5XZUA6ZqkMKepu1EVDGtn&#10;6jrFfqs+q3Tv476ovltSEGc3zysav6T0qt7nKhgEtD26s75RVYtWrutnd8cp2IEWcJyLZiaTFPBe&#10;8SfV7k4Yxw2Pipjd3ZLVHUyiYkENsyUH+NRx4sytbwQH69O0YVzniEWImWzR6kRslXisYdCdu7+V&#10;1vUAbXF8m7GlO0O2e1oJmLHVZQUhunqgBR1KfoDpn8iVdr0DHnWr56FX8d2SggizUI9uPLySu7KU&#10;r9MLXVgrLkHxxFXYjK0cDC5iRMiMtYSxTSEFNZPlYOiIYelk50rrojOtXT3SkNrt7uQS6JVO0WJs&#10;vKabiwsqIfi0nsmGoS+Z5Nb6u3HvLWuny7QpWq6ShnFQIW8QUbVjdXDlarRTuY6G6Qw017UaG7JL&#10;82BGw0bdM48OL3f3sWSvNEViRtR3Sy6Zax9etrFWpEDYAzIx3y1hc31Q3TKJPORMTt2ZuQc0bFrV&#10;kVsxY0tSmHcHJykv1mTCUCvfePXJWCsu4TVb1SeBNy9jSrjSUgIvThw2SsAYm7WWMG+tda8jUzBV&#10;wFB+/EiqxI8jTVzvgBKwEpweoPhuBcMa4nThK9MFI34k1nAnzSopGNau015EjK24hAgGF30ztoRN&#10;41d8BWMtSYFQOHEds7tLLou1uQsba0kKY+1k4lxcDuMDYM2ukuIS5MMsFDOTCcMaUTX13ZIUWCU3&#10;1XILXXONDWGiOrtb98qzeMQVzNiKS8ij7YxOgdL8+JHDkydCSGueLNhk7WbjrHdACVixdpq03dpa&#10;wTZrpp/MsQSsYw3HxFhLdwZrPF9jdkDrXnkfhrYTxlpSELmH4xz5YiaTFBjbTtV1EOmLz01uF32P&#10;GltxCUVve1OKRufVtDaViib2SmlowKbjEy/emZlM2PQlIURpZjJJAdrCU1DfLWGeS7oVK5W6Ko8D&#10;LcaU+LO7W7HShs+9U16wcUrUaweEAuJHQkAnAqnmuyWMn4jLZ3ZACVgRqaAxNN+tYDRGIRhhmKsE&#10;rKMxVFps6mhiSihCpmuF2W8PulcYiKW85smCUT6LCMn4yiVg5btNRNpYKy4hpnNR51sJWOeYmrIC&#10;MbbiEvQG7AKxu0vAyjHFKlHWikvOBLpMpPfYuleeIEa7YcbWXGJvHdXBFeZibIYnC+Y9vOrgCitz&#10;MKqxlV+COw8rmO+WpDBvnvNWupnJhNFkmRpBs99KwMppSg8QY61gnKZzXxRja90rQWVSmWJsBeN8&#10;450nswNKwMp3OxM3N9bKL0G7R6zLjC1JAb3yjveFjbWEoYlA0mhWSete8ZyYFGOtueRZUrr2uVr3&#10;etrjYJrbYsE4cebNSzOTSQrwJN/N7LfWvXJ54CZurKWDQaQdvbKyljDaqG8doMRMJimQlOcMUKsk&#10;YVr5TTAgDuF5SEBpsRtGV0/CNcYvKQErSXkqLcyJUzCufJzC5ruVgJU0ObV9ZncXTFcjwN05k0dZ&#10;29ewifTS3U2syda9HhGimp7hx4LBWoQn1XdLUiAlOaFlwSWte92RWTGKRtKrOZMHZtLUUT3Admxu&#10;N5PFJfOYkqlGQOSUPxKPiwPVfLckBcoR0RuoHVAw9Kv00THWkhRIot3UiwA8JFpjk+poFAYJY5mo&#10;l4oeYEykai3JCixrvKxgdAoPMMjExcwfBKzsUhUNbdg0LVU+VwtYkeqMoG59D2iY7VGLDiVnkgQo&#10;8lBjrWCIZ1QfDHqclDW0wOqO0zBk56pyF3VgWUOsaRrfPcBofDdTsj67S/dKewuumeq7FZdgbZqv&#10;CWtNCqhZFCu37hWvl6yFsdakcAJlvKDqAMvB4RpaHlvAytV0XkQWO6ApiKWlYgotYEXegEcjrDWM&#10;H3lT8ZIWsCLCmLK59dgahtOFTym+WwtYiV+od8joqlIbh84URtVOID9hLC4i+2ZsBdvTPUxFelvA&#10;yk9kzxlrDxTEdzP+ZHV0nQaVqgc7ctWckj3aGdMrgpqwhJGjh7rM2Aq2I4YNKay5pHSvc3TPA35i&#10;TRYFIQBQ6miao9TYuOOoW37BuKpf1Is3tDBKa3N7cPstYUQnsWZmsgWsRIIQuYmZLJiuW+RFoxob&#10;ARO1AwrGPZg+T8Z7bQErQR0WpRlbcgnERQM9w1wtYOW8v5puKQRoY0q4CfOwrTlNW8CKwwVVmrEl&#10;l8DIHHDKWpECjUKniGG930r3Ssycw1t9tyIFunNxChhrCSPyxAtfagcUKeiMWOleiWDjmKuZLC45&#10;EcFQJ07pXgmOcU4pa0kKRENlJvOaMKKhZPvMd2sBKyFsYrbiuxUMH4gnsk1UrQWsOidcMKyRojK7&#10;uwWsWoVUMDLQ56s6TVv3SvMG3r40M1lcQg8AGnuJ07QFrCe6ZqsYXsG276Z2d+teN2ui0xmSl+TJ&#10;WSXOWpICAQxm0pxvJZclpMlMCp05BVDxI3FlaJ9hmKtguJOn6b6/9oJKwIo1fqXxJwvG2Cj+MVzS&#10;uldvrblEWoO6cyZp9c/RuN4BDZsOK7whtJ5J5MltzamQGsYO4JlNsd9w6cqaVCE1DLHBhb1jxpak&#10;oDVPuCHxI0cLT0GOsZYOhl6TbLCypmcySQFrThlHM6KyNmtSja24hN2tqiTpiJzWjlNqJCqb2JcB&#10;I4JEtlXEuRq2n+6+piKNzsFlDT2dYa6G7YmDqP6TTw+61ynrEDzZMHiSs9vs7hKwkoGmTa/hkoLN&#10;44RzdCxZmUatPZO4XeJ8axjWyLcaLikBK2Mj4y3ON86X+JHM5CDN2JIUZiavpoMPyZ60Zk8cGnwH&#10;DGsuu94wfK6dijw9lYCV/UZvCvXdmksI/JHaEqskSYGxceKoNZmwyaKpd4t4IK1mkkoLc6NqGKvk&#10;Sr7JjK25xDJXyWU9c5WAdaJVnHHCUygYAoDrPL+4/m4lYMUaz1iY/VYwrFHaZGayda884qcihmTA&#10;4nMPK6sXyUiIBOwbxpYwVskFvbSZySQFrKHxNGfAg+6VG61Rs5BO77HtqegXq6RgFPvS8Nh4Cq17&#10;5fKGs2asFZcgcaNXuJnJJAX6wkBBamwJI5FJcl99t+ISCo2m7ckyFoSaIT4AL0YSL1HWiku0h/eg&#10;e523RNRM5mWFgxtWVrs7YVQ2IR0Q9zcWfEwJrAUrm+9WMOJcHN5mJkvAijVivcpacQmhIKRgYk2W&#10;gJV7t7xRFYyoGkJUZa25hGbapv6N62F8AKzRP8Z4Qa17pTuUtJYU9GzNrMnWvdL1hHNY7LeCzWuK&#10;jkta90ovqpFwr3d3wbibEjFUY0tSgLmoiDJc0rpXmPzi1mRzycRZzO4uuSw+F9EZNbYkBc43eeJ0&#10;v1fSA3hdYr+VgBVr0/lEfLeC4XNxditrSQr+7G7dKw0+eGjFjC0dDKxJD6/kst7Dq36vtIFh75iJ&#10;TCqZVlQmpkbD1SQgGoOYsqZGYWsKK9eea4tXsaUuwYXCltIO078ox0U1rHJICkXgblpNi3Elh1Aq&#10;QdmJ+V6JQucErxpbySBTmOTGlSg6Qt2MjhePJeeQQlhT9tyo8SjUuFqyyqhM6SC5k/iFtExCay/m&#10;sAWr2DqL9kDE+9uWW4elctXfq1Azh0aVQ71f/EK9Dgt1ocpE3S9KqkrXI7e/CnVBY+/WRl1KKFUw&#10;qainUsVia5rUr/dyyVSnxIpb8tr5KBS2nKfTzVkpy1Lh1UJNKwKjoyUzkGuD2hJOWTGuRGFK6RAQ&#10;xaetM7aMI1AoWF69okK/jrSFpNK8O9+oGZVaGyVOpfvckxFzUCMTvxBb3HPFOixpqt7LhfJzWLyB&#10;v60c7lLB6rXRstR55s6clYWi1cHFdMNFbhMzT19EwvVizReKVsQ0djbfK/2NAxRgZLO0YYtfiLAX&#10;VYWxlZ7Dgcao6spSMlYuOlMEt+bDlqNO2zhzGSsU1QjzJJWwVbxBVMHtr0Rp36akqBQKI18Sa6NQ&#10;E79Q53IJUdn+o/tec2+h5hUAozpG9BUriofmR1sibCWK+pF57Xz9vUq7uud2qdZGoyZhqsLeJV3d&#10;k/k0Kng69+d0wGxXo8h6Kgkq/QlGESdmMflmv5s7mJrGJIEJ5Sg3u+SuexRL03BJfLPkDtw2FfEu&#10;sStvdLMUzX4u+SmzodybAs2De8M4YlzJArylrFyOErrup32wslXSUwodTB0Npau5EomhjTBnPa4S&#10;no4sxyzEAu2pa3ExzFKrIrhToYACUUFGitos+hadjv7B8FSjsEbhgZnEYgFkMqYf7FMJXEcSuCex&#10;Lb5YscB0UjY3iBaq8nYO73YaY8UdcKlycbqtK437yWwbY8kdezoQqQBfy1SRiE1WW0xjXj1QIyAL&#10;FxRcKlV0LtRFGFtJHtw76BpjbCVq0gtq4bfWlJ79iqkKxdMy9EoV42qlKaIf5Xg0ChfdeW8tNCXa&#10;rxKOjeIG7ORyJU/l9Dub6kIklMnBbGg0TWYamz7wqczyaHHqbvSDyljRx26PDyfWYmtTtTfQIlPi&#10;gurW8oCyfk5rTC3lP6CsB9cS08mYmPOlUdo3LWHqXu/p4g/pdNO8JNfwCTmAWIyNspeJU4lSp5OG&#10;8RYbZS9JVIPnuK4ICMQHa5S9/NE8LGzxrsm0Xl+6942yl9pT6UptEKJRNghBviLHhRds3tBo1ETe&#10;TdkWVQuPttQ6TJS3lY4HooERbojvlSgqHel8tSZ7mpfXuKytRI0tI1NDORe2uD1zszLjShQyTer/&#10;xbhKS/p0pseZSHpwjYpfiC2ufsZWhjyxxePiYlwlWyXtTINBYyt5g/LlEeSu10apT0mHTWpr6ZPS&#10;pSdmA1Uz8mtjK1FHXlo3rZZOJT0ltYNrb2ylq4K8gHyOGVfyxhMSCFN9Q/YmZ4OnzRRv7JMBcOvp&#10;OGzGlah5k5RfKL5XMgBuPdV/xlainlgbbg6TAUbGYLq1wYAxh1QUPZkyN3JZgaLKkzo3M65EITVC&#10;2yTmsHSjlFQrjSTdB+IXwiJTz7X+XqUaReeIik2Mq1B8LGoTja3kjRHym5sz+coYF9JbhD/GVjLA&#10;iIVMZzHqadPWvGqibCUDaI4qlanmqBKZap4vlOb5QzHAlVogwxuFwjHn7V7zvYoBrrQgUOswUTRD&#10;nk4OYs0nAxB4HvH++vwqdSnX+h09dIWtZIDpxmB06nSejHXIoYy4VNgqjSgFvCpJxTtBaYs3Bo0Y&#10;gc7PgeLt70nZreewUJQxTLfq9RyWPvRpWuKZ71Uo2iko4QOHfo6LWIDpJNkomE01yUTdE7b0uVwo&#10;qhFVg3dUS22L9njmeyWK2CPusvleyRs00sBrM7YStRW5CJkgB0+OC6m4W4eJYvXSVdCMK3lj3uJU&#10;vmgpSfFf2ZfGVjHAVtFn5jBRZOKOT2YOSw+6PR1mvlehsIVGU4yr1KD0Vz6bNB+hpPjKRPcpFTW2&#10;0nOg/yCtsMUcloIUeYB6lhRRcfxC7dsUSu/lEpBSIUzKzoyr2GY4yqz5koLyog0NjIyt5A3NvSUF&#10;HWGG+17JG3OmMBvrM+WpGICuIUbgRquo/MpzVqo5TN5gp6hMKT1J0ta0Q1HjKgag3Ze6V5bsFD+K&#10;1nViDksKSsqCnyzWRqHmAWvFUSUFRT7KLdYs+obNPdtMYmlBkcVd1LtpPFcdXwyBi2pNTwlWomg5&#10;MV06165Uw+bxXkOJpQblYSucKTWNyR0EK1WpE9XFOTL/zQqmv1nSAG2H6PZrmOpBRjrl9mvyKD0o&#10;qkSWvrKV7MEXU87vg4qUvlSmXyPXjJz7PXpm42mXIPQbJjFJh7IcNYktIyUFDC+KdV8waEBFHkoQ&#10;Su6SOIehqoIReXC2igV2DMuUXdMEMj4YrwaZ4iZSUQFCNEVixSzEgiHFV5HYEoTueQRXPVfASRI/&#10;cXreG5oqQSjN6c6mvwGZ5TS1PQa23sulB70RlFYJgULRRJXGRII3Sg96Q1GgyLdQ5JldcLT0oLyM&#10;djDtC0+FIg/ugqPVCfVKFZppYn4qFHUalCKLOSw96ITNjZqZoqJYGhAbZSzGVl47eH8KL1EwVKlI&#10;p6rmYM6UUpGekQkahTGNP2JcXASYDjOupI0zl2bFhqUiRUynVNpMWvxCSksvKqBSKIqPVW8s2sGF&#10;LTRPdCw03ytRtC0fYcuaN0oMOq9VKX+0UEyher+LR+RiXKRHLioAVigolGdFzbjScaDzu1IYcxTE&#10;L6TVjuoOTaosUCTgp6J37fkWimu96sFIoX3amtehTZCjUARvhwHWa6PEoAQvRoa0HlehOBpOpqMG&#10;kZAcF8F2JRgpFI9Zj0xNjKt4gzWvkmClIKUHwYT2ha3ijTP6UbM2SkDKnRlGNLaSASieIotrvlei&#10;DtsT4MZW3lOQ7s4LEGJtJAqdDrXexlbyxuXKiwxqXInCVea9D2MrGYC+Ay6hXeJRtIHTPFSsjeSN&#10;K0EOxfPd4JTgjUqqtAyUJLhKJBYKQSGFvGJcJQOlWxDPHIi1Uajt3ms4qlSgNBc/mKrLU6FwRV2i&#10;o0Wg031SRRELduYjm73cGtAJ+ChVW8HQoZOmW6/DloCi7yFYYT5YEgfHngpmtwKUXvfzQOyaOApG&#10;/061l1sAOmk6UwOBuCGPIq6wxsdu/Selm3QyMuNKuqGxmbrCtmjUr42kG7k2mOqYDJ4iJ1IhyLdh&#10;kI2pEjg/iEantlasw4ZRMWg6nHBZyHERb8ABW3+vhvFgngkwn0s0imwfFbgaV7op0yNdcC/d8XJc&#10;/nslTH+vJADcIQI34h1lCsfiJ0KiJn5Iw9IAjWp/HpRb8kbDKJo1va2gpLS1ozuEs5UwGmeac/lc&#10;olFOogulBWZcyRuE6M2diHh3jWt/Vo5vw1A8m/OL2pSwRZydnyiGVSgZWiYhGqbmWUOTA2vUc3e8&#10;9VEJSYStyzzCYb5WoawryhGStnBFD2oKE0XjaXVdpoA8bXGtVCxfKNIwk19auhtUm4atM4/rmKxD&#10;o6iA5HZjbCVtUMyITMgsw0TxAiLOjbFV+59SKzeHiaLZ3O6ixpX7n+okWr6acSWKIjzV6IwXP+N7&#10;TdNQDr018xaKt+B2pgU3F6e0RQrRdDlrFI/QnEyTB/qRti1uzGJchaKx8rReWa/5Un+iu3UsXyhW&#10;PK3Gja1kAIKO41Suv1dpRvnmKuSA4ijmkNd+poRX2EoUnWGnvlvMYfLGAeWi+16J4vxHbGpsJQNQ&#10;CzqqOzGuRPHeJ/2XjK1kAMQ9FJMbW4m6MIOm3Soea3wvbO1MyKFRpJZoCWvGlbxBJzrnYZdm1Daw&#10;QoyW42IGTXijUbQDVxopYl1li67xZs0Xig7pe9N8ie67aYuX3WHR9Tos1Ly7uRO1zJTfly1XX9wo&#10;7kPzwt56L5f6k9A3ulYzruQN4oA4D8ZWMgBXB/UmGQ5QzAa5LzTPxlYyAJlsd4OtDqS2iQrjyF9I&#10;bbGhqAKxBl0PlXOpPxHbKBe7QGSXWc1qDpM3KFAxASI6NMVkILun26NZG6X+JFCpjq8C0d3hoFIc&#10;aMvjJyLrUW5vgYiK8uaW2V+l/mSfmEYjBOPjB/K9UCWrOUzeuNG1wqzDkoyyDqnNNGujNKMTWhb6&#10;F6oIa1y4KaaPBL1aAzYMZSiqQDMu2nMK3ijN6MyhyNDjOMUPHFuzLdfcW+pPPvO0sFufKYW6wfOK&#10;e0v9icBXvYTEPx4DY3tRSmvGVRRAroLHY8S4EsWRgmhU2Cr1J/15kTAJW4XC1sWEeynujdmgqxzi&#10;e2MrUXQBVQ2KOEPS1nSeN4u+UNqPaukn9xSTTTkXSvuHLRg90fxHiPR4Sy5mA1tcfc3aSN7A3aAl&#10;j/leidI+duk+9xCHEc6hGYhxEZtDE2TGlf4GbagIi5hxJYqHrKedxpqjSvdJ6JsSRmMreYP3TWhw&#10;aGwlAxzQwKgYUWlMuUjBo8JWyT5JH/CfGFehkCJRJGxsJQOgSlX17ecSi5JMIddmbCVvWLnNucSi&#10;WzzK+AAl+ySwhFrMzGF6KRNnMxJ6Ql2xU87UB6qYXqG2jaLGlQyAa7NTMb1Si05c1NRLkzGIcY2O&#10;0M1honS8t4SfPLgy1a3rc7lQWxxbzWEyAIp2VRdAhUPMho7Pl/CT/Dz5CjOuZBuddyjhJyF9goHC&#10;VqH4eaakiBfCczLw2I7mZZeGTZbIfK7SfY4keH7iem0UbLJfylYSADcp8sbGtym5KFk9owYgoJlz&#10;SJyNJIcZV8JstrLUomRhiYya+GHB0MBejGtTuk8e53INzdBRxnSgPcIhWrsApfucZ2xn6sXaSH/D&#10;HF2l+ZyHThCmGjvJGdNJwwyp9/6Na54ylTCir2ZUpfikCgPtizH1CFOHSSk+56F0Vcl5LhjFNqaj&#10;HhG/WEoo7W7o5sTXKhjOmgq+luJzGgW6sFfBZmUYdirFJ4Rxu6oIdsHIUhg9JR2rcw6J5qvqyoYh&#10;WDavxODgti2p6SnYtOY3gY3uF6q1LwWjO4A6uR4Un+iHjN7rXDA9h7n/R12qqpcpKoupRydqyr7Q&#10;XQeIahbuwIY3CkavOqPDpjqkbHEmq5tXwWiYZrSACDXSFuq36VW3Pk0aNmoKQfMl+Bzfeh7fFbbK&#10;QbG20mWgtG/nPKjSiW7etRlX8QaZA67zZlwFs+Mq3qDP2s0UftFkLj8zBc/mrCzBJxWcyPPMmVKw&#10;eSlZrY10G2hOTO5LrcOEWZ5/0InSfkfd8gomvVAiLTnx9D2ZRyKWa75haEtMY5ZL60SxNRWtwlbS&#10;zXTgEkFlnsipcVE4YyKiDdNzWAQAa0yjdzGuhBF7MQmiy4NOFN/G3LwaRg2M8aPInOQc8lLrzeyv&#10;hqFCNE0CeUKtbDGH5pmzhuHpmOAQbzSULdRUpqCtYePOC466tE4UGYBqJd2wKxFR4Ufx/l+O64yP&#10;bTJEDbtx5TDjKsUn1aKsMHGm0BchfyI+m8n2Qi+JwtTehDYeYITYDoLpyT8/GENvJ3Zzw2i1aHJf&#10;VFKWMTouIz1aU0fDCIkqTmzZJypYVeAD4eZvHIWZUKUQcEkUXe6IUJuRFezAyznqmxV7zFtMakdX&#10;Z9I9roCi4HrYnqdbSGarpV+sQ0Gs8X8v1S4Uh28OTTON6XdMrwSTYUbRn9+MSnoy08ZYwbjnILtf&#10;xokuJRmlDw8jM55Hw3jsyOh7LqX+pB4WXZAy1sTj6vaJ5NU0Tpdn4Ss+wAjFGsf0UvrPuVSpwqyG&#10;kd+/qaVfslFaXsPEamTJIAeWvgmFocPMaSRgtDPXsYbRKnt0SGI1FoNgbBoarYm4uo1ijGVsjCUV&#10;4EdQAW2OmHrOfl5AdgskqQBCpeDPbOpWnPK0x9HcoS8lAx1rqgtow1CBoZgUFZDwdSyRaYs+zub6&#10;qxVsnu7k5SPx2UoKiuxh68gjrBWJHNDFmGgfjF1jI+lqIlUN42UKusWb+1KJSFHu8NKduZsVbBhc&#10;lXegJqixESVQ3n7BsDaNA8x3SyJhOqy1hGGNA1tZSybBGrpQ4/iUlhRl0m6kSWveKl3oWJte2GJN&#10;JgPN+yU0lzDWikuIrO9NRSQN3+NzT+Rk8idibOlXHM7z0pi5V7ekVFsrdSiFVKRdzUwWDC7ZzWG/&#10;HlvpQ6dsazy09XcrGKuENamsFZcgbVLtC2mqmt9N74DSiB54Xx5mNmOru9A0TFWsXCpRrCGNVt8t&#10;KWhPX7DR9YrvlqSANRKPamwJIym6PY0orBWXTOrGRAK52eV3ezpAlGqVJCmw30ghGCe5FKZ7Lmzo&#10;QM1MJimMtbl9iR2QMKwxk+Z8qxajWKOfi2HlgmGNn2lWSQlG/Sop2B7femoD1qukhKZ+BxSMHYBA&#10;1aySEo1iTe7ugiFBOO6gVzG2JAV4UjJXqU05u+EEZS1JwbNy6U1hZaypVZKkgD+/taBb74Dua3pE&#10;IUwqQsxkkgLWkN+Z/Vaa02+YyeYSbh2mqRGC1mQuHh+ZlKkYW5IC3w2eNKdpqVVJ6kxBrrHWfskR&#10;v8ScOKU8ZXcjSzRrskSkjA3GMydOwTiltlKt9UyWjJTdTdmwWSUF440UThw1tnQwsLY1fFzvgNKf&#10;UqFIX09lrblkR4RFjS1he64PzIpYJS0mpYGYaqnI4Zk74DRPn5k12XJS9s10OhUzmRREYwmyScpa&#10;cQnt9zBorCVsWky6SGFJSonSIhw0+61gWCMkr8ZWXII+hPY+ZmwJ45lixJ6GlUuMOj4oYUBjLSmI&#10;Z165vhlrJSwdyTxRWGGtYHt6WqFVFDugFKmMbRN8rtdkwb5hbMUlOjpTmlT/3UpeykxurZLE2IpL&#10;eHjRxfBKl4omcBPdCWvFJcTzp1Pd+gwoiekoEKetq7BWXMIzOYSijbUkhbGGxN9YSxhiZzqSmXtA&#10;qVOxhvxDWSu/ZGbSNDQnyRBkzioh8qT2W8LIZdlVkqSAXw5zKWsJIxFDoN3s7pKcztLiIiC+W8HI&#10;4+K8KmsZRN0eqFbZotKqsrJO/EqxJlt2Ol251SopGF4Jj/Aqa0kKNLqg06CayYSRwEFpZXZASU95&#10;eQgdvskHFIzrMypANbYkBR5x5I1Ps99a6koL9nEw1sxV8lPSl9PZxKzJ5JIDp9uENYW1JAWuU/j0&#10;amwFY5NOoFFYS1LAGuUCJoJRylUoAcGQWiVJClN5rXrfXUq7SnCStKIZW8tQj9w6lBfUsP04QcbD&#10;ayEqwW+4S6yShnHt4I0P8d1Kikrfcju2cmcImJDEN9aSFPx3K+krnVF2LmtUctQDL9bOB1h7Cg0j&#10;9HQ0vR/pD5WnKYcpr84YawXjPjuFUev9VpJUigEJtpskbcNwKLmyG2tFCgTHplZUzGTBcJbp0mis&#10;FZeQkiTjZ6wVbEQ2pn/hpYSpQ1t4GMZaURCOCRrp9djo7JWrhPoU8ghra48wCjnM2U26J63t0RKa&#10;rkIPsAPfzeTy+Ult7ULu2oytYOTyp6xtuQPQW5Q1PrfRPD/ACF+oLs1o2MoaqV1nrWB0MqU7nhlb&#10;kwJldGZNXksSyx6FKUX9HX+pxkaLFvNW9AMMazdSyeK7NSnomSwYvTF4y85Y+ztScN+tYASx8bKN&#10;tSaFuXYInqR4IT8Ah/DN3BbRSSeM1npHxBRLVn6A0flj3ipaf7eSuRIa4xUL4eERxcwfSZEBSldj&#10;rUgBa6S3zNgKhjVVxQt35I8k/6ka2T/AqGqSYytSwA29GT0oHajzRyJBIiVgZrK4hIlEX2hmsmD4&#10;Mruj4ZISreLQP+GbGGtFQXhq6tH0a4ld0QlOwZyxVlzC8zmq5RstaPIDoB1DiGesFQwl6QhFxH5L&#10;UuDopmmO2t0J42mgi2qdR31XjA1rVFOYsRUMa1fV/JU+OWEN5Rgo890a9oTg1bSMvJbidbpFndR+&#10;a5j+bg+SV7Rq5n02UiI5JaSEIS+xSh41r4ej6QlAiLCsnXiUTNwDUOsFjMZAO7xesQMKRgiJDSci&#10;vWRXyxpRPNOnsmFYIzpj/JLSrxIeYybVmmwu4QwwmifegMmxkZG8mVxHw5gQzKlVkqTAXQUdkuGS&#10;lsuSpKXPkliTLWC1Qn1OmJiSCbWj8DLWkksItZ/Vk5IkANoayS1lLR2MPY7a1fQXIwFQ1ogFGaUO&#10;QuOAYY2mxiKC0TBC7dPW2MxkkgKlIwhYlbWEYY2wmjnfqhUq6knyRoZLCkbS4jANttenaQtYKcsg&#10;nS+Yq2AjjVa5xWvpXol7UDmlZrK4BBdorutibMUlVAyrvtK4j7G4RgxPTsxYKy6h1vZo8t3X0r1i&#10;Da/LWGsB69w51JosGMldyizMDmgBK6kHKE+skoJhbe75YiZbwMo6ntfZ1/e3gjGTnDgmplC613nl&#10;c54hFNaSgrDG2a2sJSkQZ6TFrLl1tFz2xA3H5HF4kSqWMvttaqPN2BLG2NgA5kbVAlY0MdO0RMxk&#10;ujMwF0FzNZNJCs8FfWomEwYrUzOk9luSAicOzXqVtYRhjZk0p2kLWMnPTNpOzGRSEDM5TpfYby1g&#10;RZk7TT7W1go2IphJNq1ZuQWstNLn9DbW2i8haYSLLaylg8Hkk0YwXFK6V4qGSD+YHdACVs1cBUMq&#10;BSubVdICVljZxRQKRgqBA0eNLUkBcQP1IGZNlu4Va3w2ZS1Jgeb4NzTjZpUkDGv8Z06cFrASClJt&#10;tWk2FfSKNZay+m5JCnT94b5oeLJ0r9wUp0rM7IAkBXqT0SxE7e6EkVfkxDGs3AJW6sd36sQp2DdY&#10;S1JAX4WcwoytdK/MJKlkM5MtYH2C74zGkG5auUp4g+yqPPNqvErRIkec2W8FG3kVd2ixSlrASh2h&#10;en6YFygexnZRN+HSvY5QDe2x2N0Fo6qDLWfOgGq/qrsAXQvGTLK7DXO1gJV6NPWqEu3Jeybtmiwu&#10;4dXCaai2PrurBytjI0+uxpakQMCW3JZh5Qe5LCJbo6FnLDElulNUw+CSufeJHdACVtbkOBjrmSwY&#10;1iZtYawlKUxJMoIiYy1hLH92t/G5SvdKPIEzwHBJwb5hbEkKKG6ItStrCfOnaele6dfHm6nKWroz&#10;+Fywufpu6WCgSnFdKnl7O5by+JPzVM3aey3d65T7YtCskuIS7b2W7hVrF3SXxlpS0LwrsN+baOil&#10;uGQOKpWBLtizZ26iai1gnfZxylrBWCUU25nv1gJWInjUaIiZLBg7YJ6vFqukBay22yICxlqTlkuq&#10;4SolSq5HG5052hpekPpuSQp4CjcXVy7dq+fJFrCin5xWBeszoGDDk9xyzHdLUuB8Qxln9lvLZf0q&#10;SVLAC0JzpsaWMHYAW0B9tyQFwrzcjJS1hPnoTAlY91e+m2KugiGqJvJkvlsJWKcHz7zOs14lBUPm&#10;TEt0wyUlYNXde+irnfttWo4rpU7pXsl3k8w3zFUwqtjIQJtV8iBgpfJB8WTDUE+qajsaL+eU7Ijh&#10;KVVEw7TCqnWvk6RSu7thUNekEdaeQgtY520qdRN+gJFdPyhrRQqIZVVHEe69+QFoJqyeqONgKhi1&#10;faZL8gNsWEHd8h90rwQoVWalYVOUSaBx+d1uD7rXKccR94AHGIIPBF3GWpECuwYZ0pq5bg9yWc58&#10;s7spEarvhgjJ3HEeYNTtcoEzYysHgyWpKuVvj3JZIl1qJotLDtQHGFUENUI1JZPKV6ukLivIx6bd&#10;5/LEoXCqrHHJNBWgBHYTRvvCJ/PWygMM1/zJ5Dq4MKe1HSXoRoX0ACP0TfjPrJLiEsp4qFIyM1kw&#10;lDMjqha7u+44ZHFwKI21hE1N+Mic19ZK94qnMIo6Ya1gZGhJiIl4ya0ErFA5EhPhvTYML+hphP5i&#10;bMklcDmxOMOT1d8VD48cqOGS0r1OyTt3YTOTRUFwMn0AzNiSFPDMXQzv1rrXiWAY9Rhvocd+0zG8&#10;hm3xEmctuQRrREMNc7Vc9jT3B7UDkkv2VDapbB8RwpgSHZ1hNwdsmvZBy2aVJOwbZjJJYdrezkVs&#10;fQZUd1hQhGfMmiwBK72DZy0LawXbfqOJl9xKwDq15Co60zCsubwpEsb8bmxvghNmbAljlRDBUDOZ&#10;pLAnZzeylPV3a93r6UTQVujMbyVgJfLKsxFmvxVM5/Kpla6ZPNKRVtyEG4a+hCpJNZPFJaStpzWI&#10;mMmEjTX1+DGPkOfY6GLL0z3GWsKIYBChN8xVule6T6omANSOx2/EmBM00uQ8YNiiDYYZWaLQoZL9&#10;MWdpyVenul65QIWaxg3TzWLtJpR6lai748hC0aaA1Lr5ZiVenY6tikYKhQx7p4qtbyV5vfIuhunO&#10;2Cgd4UJPHguEMLR6tLpR3zCyJBEeGEOiI1Zj6125pNMbzSyQJAMiQO7IbrkrqTr1Hjf/fEwjDy5S&#10;iqaGlrDpdqIk2Pg6ZY0ck3IQCgaHsPjVtk422HNtm1z8mowf5K7QgQlv4f3l2PB+duYp34ZNJxfe&#10;8hSLpHSr+z0hdlOuyIMk8SOxRpRGyBOIjAeMN3nwtcwhWjCsOUko2vWyxt1SkX/BniWhaiaTSHDs&#10;2KUigcnlLn4k1jjrDSG33JWL8/TqW6/Jgn3D2JJK2NpbTldYSxjWZnBmTSYpcNkgLqlWScK+wVpx&#10;CTWVuORmJhOGNQ43Q8otd0V8hBrGWEsKwppcJaVbfZZeGGsF+wZrSQo6XXorlSzWuGyYHVC6VZ5w&#10;3U213HpNFuwbxlZcMpUSiicf5K6WlUu3itCDx6bUd2sukWU4VNoGBZHe4C0c4yQXjNN03Duxu7tf&#10;KxpBfAfz3ZpLiEAox7V0qwg93PNW1OzHlOCXbEfH2icv3ep+pNSKuQo2B75qPXzrfq00s6MQxMxk&#10;cQklfVfTAIaHK2JKKB45uuB1wbjd4OGZVVK6VWaSumITuCjYXMBUi3Z6befYzjgYyp8sGKtki+Ws&#10;V0npVscJQhEnvlvB/KW0dKs4eByoZpUUjN3NTBovqHSrMBfyfjW2pCDPJaVbpR08PYuVteYSG7go&#10;3SrSQpoSqZlsLpGFn7fSrfrTtGDjmSNdFaxculU8BZ57V2MrLtHWHuWuU/spdkDBOLulP1m61Xm5&#10;5GgaUtwKhjVX+Hnrfq1bPEeNLSnoG6yVXzIdBdV3e5C7Wn+y2rz6UHnB2N2uEI1iyGRlsnzOLymY&#10;3wGlW+X+RkBNCPVvBRtro9hYnwEtdz1M7YIJXhcMa5w45tbRctfttmh4smCsyXFfzdiSFJ5vwspa&#10;wrDmykxpg9arZF70ElxSsLGmmtvcSrdKBINfab5bwfhurlyRnGqNjY1jWrI0zO+30q0S5yLzr2Yy&#10;KQhrMjJfulVcJ6JjhicLhhdEmMvst9KtEp+EStTYkoL8PaB0qwTLaMRmlmS5JU/IVpXLdU3/YuK1&#10;ypssFE0Iaf9i/ITq1spjatzfzMgqWMIXY/4FkZRolWYF48qsb/iFIhHAyAxHlmaVyVDdj1CNxg71&#10;Go+SrF6YfJUIKBTGuCmab1aKVd7LUC9CUSeYI6PakEZe4puVYJXnr1VTG5RJZYw+kqZwkJ5RAeNN&#10;ajJTYoEUiha0ZHPUNCYXkE0hmmCMJYqT105jcgHMSHzLGEsUVzZy6WaflViVpT+8s95nhZq2ljP7&#10;a8+nJK4QgeqvcSvUYTIAKklaUlUCFi5zUyieg2VkYhr3vBYey5HnVAa2nMcH2IFujHtTEw8u4628&#10;PKXeyniAISYkcypOUHBJCCc4y4gXH2A0nZqHpdfLBFxSwrz0ZjqSPsAQq3LYOHNJJWQh0Xmrb5cw&#10;zB2mpcpyE/AzkxYQtD0Z5+cBhjm+nSBlcEkMtMKZXgFmZSYMv871HMZcuiSnHVIgZy5h83SkKpzC&#10;XLoXPD0C8anRJexAFbjSQ2MuLypPvFxlQpMPME4PgrxqZZZo9ci5bM6d/a5gNGvFn1HbvMSuR6S1&#10;B9GzBHNJRtxnYWzRThBcsgqlWqr19gMMc3hQbnTJKoTilLYWcwmbp2/VLR9c0sMRIZHx8x5gxKso&#10;vFLbvASvaEJVgBJzSUb6eQlwSQ+cIjy8ZPZdweZp96vpNoC5pIfpAGPEAw+w6TT6/0k7n51ZciO7&#10;v0qjX2BuVv4tYXoWXs/SC3vZ0xZmBpAlYdS2ZT+9f1GZwWKcrO9eHowg4PYXlSSD5GGQjBMkOdg3&#10;YqJLzCsvoA9dnE5xvVXBjXRwRe1Qcb1VwULHQa8BE12CXpnLmZaHiqvhq7wQOHL4jYVJv8Rxiivm&#10;IYbdwOKZ4vpkXMuPdRirXW9VePcBn+NIY9ZwWVigoftLULOYB9xCYwu/kowAVu6IHJoRSggrTzYN&#10;Pf6Dlr0xwnHC0YKx4op5GK9dnywuRhiK/kDN3qqwPt1GDm5JMmKPoejHoNJbFXYWQ7f6U1yfLG5R&#10;GoVKbx7Yog09pURxfTKWKhzpHAi4Il2xKhwDXQec2pIM6hXGZMhm1lhW/JUj7iFcr8WqYDBxtY3Y&#10;zBrNCkk2cjKN4opV4Qg1jqyh4nqrMrFxHTkyT3ElGWcD2SsPFddblXhcfuSWTYoryeJynZHrPkhX&#10;zMPKEY+hhV9NRt04wTJUu2IeOAw6ch8xWpZk2AYeLh0qrrcqrGkHt5MlHDauFONRpaHiinmAmh5x&#10;pVO7kowHr9lmDxVXzAPFjcQLUVxJFiuckdMJpOutChPCzE5mYK1Sk3Et99BlZJjIYh7og7FxV5PF&#10;/dojJ+IieLlz4wRURgI5NRlvly4j8VCkK+aBY3sj10doMkLJubF/BColvBU4byNBDBRXrIrRd8Wq&#10;YOlHqBCKK8mM4nrzgN9uJP6K0vpUPDPCxddjbdkbFdZhI3FzlNan4uw2l9qPldYbB+57HFuxL30q&#10;jlzSA0OrvqW3DQTYj1yyQN36VHHkklMOQ6jsLQo3bg6ipE9llFYCXONykoHI0elbScVL8ziohnbl&#10;JcA1XowfiHektGKFZmLzR6h+0vXmhI3I2KKhpAqbt4+hpAS4YtBHrodBx2JM4MO5YnUEJSUudoun&#10;60amnZIq3kga3BmUANeNZdvAYUbqVmwJN3/gchiqW28VeEB85HghpfWp8LPybs6QLSkBrnCCI5fk&#10;UVqxJSxJeZFoqG69VRgvrU/FAU+WiGN1663COCb7VLQkdRuyXCXAdeWi/yG3TUlF3XiPfQglJcAV&#10;1/PYSqikYr2GX3Ksbr0tYT8wtswrYbE8zs2RoiE7WQJcw7qOtWSxJVyNseMWHGBgSoAr2/6R2AJW&#10;S2VdwkacO2+HSuutAkvDkTMmsTYrK1Ho48HSeqvAzUNjbE+Nph23yiUudry0Yku40wQ0D7VkbxXw&#10;7I1ZrhIWy9zNumSs33qrMN5vfSoi5bEKQ3ayBrjyvNvQCCipWE+yYRmqWw1wxZYMbeJKKqe03pYw&#10;K47ZyRpNyzqBgJIRlJQA1/HSii3BJLOzHSqttwoR5DG0withsaxLFm7nGCqttwqMt5FHBQiX6FMR&#10;zD/HJW0DdrIGuA6jpLdAseaKE7ojpfVWAYpnJBKFuvWpiMh8Dr35SLrelhCqPTgC+lSsy3naZKzf&#10;eqvA5Wdja+VyCyyz6UyYyUhL1gDXYx+JL8a5VVwtBO9yAdFQaf1uhZfmx1YKJSyW7uCg2xBKSlws&#10;tnxs7i6p2KoSBTHkZS5xsSB5jOUsqSiNth2yXCXAdWbmGNqbllS0JP02VlpvFYYxWaNpOWMVLMbA&#10;6C5xscOju6RiBHDh5hgme6sQ4SRjLdmnMtbKJTIWVntsl19SxYkKXo4aasliS4br1qeKc9ycYRop&#10;rUS5xmNmQyuFmopH3DlDM1Rab0vGSyupiLUgsnCotH5dMozJEh3LKgj7OlZav8IYnnFKeKxTWr8u&#10;GbYlJT6W7Rvc39CMU+5zHbaTJRXnuAkiGWvJfoUx7FUrt8ASH0tkwFhpvVVAw7H5rYTIcovQ61LE&#10;ATtZol1xYo88ehoHNvrdIpt1SK6hEdBbBfweI7cWUVqfCms3WBpxcL2WtOQQMybJdkggDOyPm5J4&#10;nL64YMZGIkEkGRfQjfmxYc774oiKG1pSSrIdwzByVwzsTW9ORimBmmra2OYMLfJYxHSV4+LxoWC2&#10;moqFIUE9I9MA3sautH3srXlapE8FRrhvbWTrja+lLw3Py8gUV1NRGoFNY6jszcmoi5JlXacj5iT8&#10;EUNjoDcMcQvpyEKI9WopDSwPkcNYhi4dTMKQE6OmioMLcS3cwPiuYa6Dmypg0unIuy2sTIb6rUS5&#10;jroVeCSkL43bc8ZYfTqqpIurA3/Msmsq3BFjo7vEuOLDGPE9Yd96FQkijIEz0m29KQm36ljVSire&#10;dxvzYYDcXsvB9aukYnTHKfWRuvWmhFyGAjmZz3odh/f5cAddutH1a02FYeFw11i/9UZhdL8Im9Lp&#10;iIlm2zE23HpTMurrxWlRSiMGbmgvjN+oS4dxHWLzayr884Mzd4lsJfBmbACUVBHaPHaGAIsvVRuJ&#10;vq2pWIHtHIofGQAlrpXbi4bitDkk2+nIxaU7K7WB0VaiWkf5N/a+fWEbI2BoTVJugY3ghhFHL5v6&#10;vrDHkwl/qGa9RYAPHpu2S/hsHEEboh6Ize11ZJk8ZP5LKsJEed1tqGa9PXhuQ9fNMq/1qSJWerDP&#10;qjlgOhzaAZTI2TgjOuSYYb3ftSPOqqGbhGKb0CVjnjmGQkS5y6dL9gpVG6pbSYbpeQ5Rb4Td9aVx&#10;mmXoBGBNxh2MQw8w0iS9PeDCqbETeTXZxup/iDJlKdHVjZANbuYeWWyVZHic4qK2AaNVolgfbGZH&#10;bu6iSXpDgq0jdmyotN6QDIe4E0/VNQlbjXjfdqRuvSUhZmMdubOCuvXJVoiHsV1iCWElQuEY29+X&#10;ZDzjtwzRilOJYOUllEHLVZKxrhh6oAqleqPwwDMzcruVJONg6dBZepL1toRjF4QSjYyAkiwi8Ifc&#10;dwRZduDiYhke4BoqrU/GzdAcchvBZIleJURn7NQFi/BOyeV8ZWRgBJTgVWINmLqH6tabIIwyMBmq&#10;W28U5o2NxFhpfbK4F50N30jdeqMwH5Q2hpKSjOd6hog+onm6DiBIhwNgQy1ZkvFSwJifpASvUhr7&#10;lqHS+nXJzGMlg/3Wr0siamPoSByWqm+SbdvH7GQJXuUmJ67dH6lbScYa6BjzAZXgVQg7XgwZKq2a&#10;IHzzQyOgBK9yxeTgmqskg8OPs1EDI6AEr4YPbogLmEoyds5jp+HwTHXdzcO98zFkJ0syjpkNjoAS&#10;vDp8LQHuuk5JonK351hL9kaBt+6IsB5CSZ+MYA8O1wz1W28UuAmW29OGSuuTxWUZQ+QzF212TcKx&#10;bx4LHiqtT8Yi6DHmuihXwTK0h+7UDddUp+R04IQd6rcSvIpjng3tSN1KMm7qHAtoZ93fKQk7RST2&#10;UGl9Mmo6uHotwat4asfuI2DO7ZTk3lOOBI9gsoS8BjUy5uItyTARY6czsfmdklwfPHZ+sSbDvHJQ&#10;b8BMlthVjsFzgH6o23pTsuzQyEOF9SbhySXDjyHHTIl45QGtkffsg3jsmhEnHLdWjOG/T8c1P0Mn&#10;CRknpTTuB4LQGqABSrrwXgxNpfUeWM5ic+/zUGm9JeG48JgfqEauskwbpEtLOi58GfLd1cDVGS80&#10;u+eBhizpRulEiVvlUoYx+1/S4QIdssc12JU7x4deeoQD6Lc32wZRNzCua9QqczZ08lAz9sbnMRbC&#10;xXOoPfgXrm8fm7RLun2bhoxIiXSNh+yZxIdq1hsf/E9Ea4y0Y28N2DM8ua5lqLSSjsPWQ+O6RLpG&#10;TA+X2AyVVqxP+I6G6tZbA3bRPE4yZI9LrOvG3maksBqyikuM7f1I1Wo6tqRDhZVVhVFYn06Ytn/4&#10;9Q//+j/++W+//9M//vqHX/+N//iH+K/f/v7nS8Z//fTrn//1l5+//Rw//PUvf/vp77/8/Ntf/vzn&#10;v/3773/8bziJ/u/7z//+7WeSkyWprmy+lxi1+sSTlZg1T5/4YSXG9vSJZysxtqRPvFiJsSl94tVK&#10;zFjvE29WYoZun3i3EjMS+8SHlZgB2Sd+WokjWqJPzd8WxhRkHsoiCqKU7uEsIhRKcg9pcYNXSe5h&#10;LSIPSnIPbREUUJJ7eIvYgJLcQ1zQ9iW5h7ng4UtyD3VBx/fJ+dtBXVDlJbmHumDMS3IPdUFml+Qe&#10;6oKeLsk91AXhXJJ7qAsKuST3UBekcEnuoS5o3pLcQ13wtiW5h7ogYvvk/O2gLpjVktxDXTCsJbmH&#10;uqBMS3IPdUFmluQe6oKdLMk91AXdWJJ7qAv+sCT3UBeEYEnuoS4YvpLcQ10wfX1y/nZQFxxcSe6h&#10;Lri4ktxDXbBkJbmHumDLSnIPdXF3S0nuoS4uYynJPdQFQVWSe6gLxqkk91AXXFBJ7qEuyJ0+OX87&#10;qAuSpyT3UBf0S0nuoS74lJLcQ10QJCW5h7pgPEpyD3VxbUdJ7qEu7uEoyT3UBTdRknuoC9agJPdQ&#10;FzRAn5y/HdQFHVCSe6gLR31J7qEuPO8luYe68MCX5B7qwqdeknuoC3d3Se6hLvzeJbmHunBIl+Qe&#10;6sIzXZJ7qAuXcZ+cvx3UhRO4JPdQF27dktxDXThqS3IPdeGyLck91IUztST3UBdu1ZLcQ12c7S/J&#10;PdSF47Mk91AXHsmS3ENd+Bj75PztoC7Ox5fkHuriwHtJ7qEuTrCX5B7q4kh6Se6hLs6Yl+Qe6uLQ&#10;eEnuoS6eRyrJPdTFse6S3ENdPGFUknuoi4PXfXL+dlAXzwyV5B7q4mh0Se6hLs46l+Qe6uLwcknu&#10;oS5OI5fkHurieHFJ7qEuzguX5B7q4gBwSe6hLk70luQe6l5HdPv0IXBw9zp0WzPwkPc6Rlsz8LD3&#10;OhlbM/DQ9zrsWjPw8Pc6v1oz8BD4OpJaM/Aw+DplWjPwUPg6OFoz8HD4OgtaMzCReCMsbMZCTGAc&#10;4bSgfCMtEHgZiBkkQN7MQAwhAd5mBmIK4zykVwUxhnHE0ctAzGGcWvQyEIMYBxG9DMQkxtlCKwMl&#10;MeK4oJeBIhFew8tApuM41edloEiE2/AyUCTCbngZKBLhN7wMFIkwHF4GikQ4Di8DRSIsh5eBIhGe&#10;w8pAiY04cuZloEiE6/AyUCTCdngZKBLhO7wMFIkwHl4GikQ4Dy8DRSKsh5eBIhHew8tAkQjz4WWg&#10;SIT7sDJQsiPOOXkZKBLhP7wMFIkwIF4GikQ4EC8DRSIsiJeBIhEexMtAkQgT4mWgSIQL8TJQJMKG&#10;eBkoEuFDrAyUACFyzMxAkQgn4mmgSIQV8TJQJMKLeBkoEmFGvAwUiXAjXgaKRNgRLwNFIvyIl4Ei&#10;EYbEy0CRCEdiZaCkCHd0mxkoEuFJPA0UiTAlXgaKRLgSLwNFImyJl4EiEb7Ey0CRCGPiZaBIhDPx&#10;MlAkwpp4GSgS4U2sDJQo4cYuMwNFItyJp4EiEfbEy0CRCH/iZaBIhEHxMlAkwqF4GSgSYVG8DBSJ&#10;8CheBopEmBQvA0UiXIqVgZInvCJsZqBIhE/xNFAkwqh4GSgS4VS8DBSJsCpeBopEeBUvA0UizIqX&#10;gSIRbsXLQJEIu+JloEiEX7EyUEKFy0HMDBSJcCyeBopEWBYvA0UiPIuXgSIRpsXLQJEI1+JloEiE&#10;bfEyUCTCt3gZKBJhXLwMFIlwLk4GXExTOZoQeBkIErkfysxAkMh70WYGgkTetzYzECRy+7iZgSCR&#10;s1BmBoLEB7eHer0gSOQuKzMDQeKD2zo9DQSJnKP3MlCOhSfmzQwUiSbHwjWyMhZMjoX7IzUDE4l6&#10;OORhciw8gqIamEjUAyIPk2PhvirVwESiHhJ5mBwLL6SpBiYSlWPhqn8PibejIibHws18UgWTY3nc&#10;jouYHMvjdmDE5FgetyMjJsfCrR/aBqZNvB0bMTmWx+3giMmxPG5HR0yOhdtXpQ1MjoXXzjUDc3bW&#10;AyQPk2N56BGSEFgTix4i4cICMwO1iSbH8tCDJCHwqqA20eRYOCat3WjOznqchEucvSoox/IwORau&#10;DJIqmBzLQw+VhMDqBT1WwiNSZga6TjQ5loceLQmBVwW1iSbH8tDjJSHwNFAkmhwLLxEoDkwkKsfy&#10;MDmWhx4zCYHVBnrQhEt2zAx0nWhyLDx8I41ociy84KgZmEjUAycPk2PhFk/VwESiHjrhCjSzFxSJ&#10;JsfyUI4lBBaQ9OjJw+RYHnr4JASeBopEk2N56AGUEHgaKBJNjoXL4QRIJsfCHa+agYlEPYjCGxVm&#10;GygSTY6FS9ulCibHws2zmoFpE/VAysPkWHiTSDUwZ2c9lPIwOZaHHksJgQVlPZjyMDkWbqfUNjCR&#10;qIdTHibH8tDjKSGw2kA5lofJsTz0iEoIPA1072xyLA89phICTwOdnU2OhcusBAcmx8LVzpqBuWPR&#10;4yrcZmq2ga4TTY7loUdWQmD1gnIsvL5rZqA20eRYeKBQesHkWB56dCUEXhsoEk2OhTujtQqmTdQD&#10;LDxWYVZBbaLJsfBYi1bBnJ31GAu34VlV4IHdqkEInG6c4825/vxCCLwMBIm8g2xmILPzbHIsXCiq&#10;VfDWiVyvqBl4SJzjQbbaiB4S53gtrWbg2cQ5HkCrGXhInOMltJqBiUTlWHh41cNBvDxWNDA5Fl4f&#10;1gxMJCrHMpvnWGblWEJgDSblWLj+38xAkWhyLLxuoI1oIlE5Fq5TN6ugSDTPsXBdpFTB5Fhm5VhC&#10;YHWjciyzybHMyrGEwNNAbaLJsfC4uTaiiUTlWGbzHAuXAKsGJhKVY5lNjmVWjiUEVi8oxzKbHMus&#10;HEsIPA3UJpocCzfESi+YHAs3zGoGpk28XdVlcizc6KoamLPz7bouk2OZlWMJgdeNahNNjoXXl6QN&#10;TI5lVo4lBFYVlGPhbnAzA0WiybFwi7m2gYlE5Vh4l8GsgiLR5Fhm5VhC4PWCrhNNjmVWjiUElgbK&#10;sfB2pZmBrhNNjoVn1AUHJscy63VeIfDaQJFociyzciwh8DRQJJocCy+LaCOaSFSOZTY5llmv9gqB&#10;1QbKscwmx8L7VdIGJsfCY6OagWkT9Yqv2eRYZuVYQuA1oq4TTY5lVo4lBJ4GikTzHMusHEsIPA10&#10;djY5llk5lhBYGijHMpvnWHiHQZBociyzciwh8KqgNtHkWGblWELgaaA20eRYZuVYQuBpoLOzybHM&#10;yrGEwNJAORYemjEzUJtociy82iBINDmWWTmWEHhtoEg0ORYe0NIqmEhUjoVXe8wqqE00OZZZLwUL&#10;gdeIahNNjmVWjiUElgZ6NRivHZoZKBJNjmVWjiUEXhUUiSbHwrOogkTzHMusHEsIvCooEk2OhSew&#10;tQomEpVjmU2OhceEqwYhcNpgUY4lBF4GgsTF5FgWKJXiWw+Bp4EgkddkzAwEiTzGZGYgszOvkJoZ&#10;CBIX8xwLb6BpI3pI5OFazcCbnXmwWDIwOZZFOZYQWDhQjmUxz7HwappWwUSiciy8F2pWQZFociyL&#10;nmMJgdeIikTzrrBFOZYQeBooEk2OZVGOJQSWBsqxLCbHsijHEgJPA0WiybHwtqFA2eRYFuVYQuBV&#10;QW2iybEsyrGEwNNAbaLJsfB0uDaiaROVY+GBUa8KyrHw4LSZgc7OJsfCm3PSBibHwluDmoFpE5Vj&#10;WUyOZVGOJQQWkJRjWUyOhee+tQ1Mm6jnWHjO1auCciy8mmpmIHtn3hg1M1AkmhzLoudYQmB1o3Is&#10;i3mOZVGOJQSeBmoTTY5lUY4lBJ4GikSTY1mUYwmBpYFyLIvJsSx6jiUEngaKRJNj4cVzGc4mx7Lo&#10;OZYQeFXQdaLJsSx6jiUEnga6TjTvCluUYwmBp4HOzibHsijHEgJLA+VYFpNjWZRjCYGngSLR5Fh4&#10;nFegbHIsvCKvGZg2UTmWxeRYFj3HEgKvEdUmmhzLok+qhMDSQDmWxeRYFuVYQuBpoDbR5FgW5VhC&#10;4GmgSDQ5lkU5lhB4GujsbHIsi3IsIfA0UCSaHAuvX8toNDmWRTmWEFhV0HMsi8mxLMqxhMDTQG2i&#10;ybEs+uBKCDwN1Caa51gW5VhC4Gmgs7PJsSzKsYTA00CRaHIsi3IsIbA0UI5lMTmWRc+xhMDTQJFo&#10;ciyLPsISAk8DRaLJsSzKsYTA00CRaHIsi3IsIfA0UCSaHMuqHEsIHA1W5VhC4GUgs/Nqciyrciwh&#10;8DSQ2Xk1OZZVz7GEwNNAZufV5FhWPccSAk8DmZ1X866wVTmWEFgaKMeymhzLqhxLCDwNFIkmx7Iq&#10;xxICTwNFosmxrHqOJQSeBopEk2NZ9RxLCDwNFIkmx7LqXWEhsDRQjmU1OZZVOZYQeBooEk2OZdVz&#10;LCHwNFAkmhzLqhxLCDwNFIkmx7IqxxICTwNFosmxrMqxhMDSQDmW1eRYVuVYQuBpoEg0OZZVOZYQ&#10;eBooEs27wlblWELgaaBINDmWVTmWEHgaKBLNcyyrciwhsDRQjmU1OZZVz7GEwNNAkWhyLKtyLCHw&#10;NFAkmhzLqhxLCDwNFIkmx7IqxxICTwNFosmxrMqxhMDSQDmW1eRYVuVYQuBpoEg0OZZVOZYQeBoo&#10;Ek2OZdVzLCHwNFAkmhzLqudYQuBpoEg0OZZVz7GEwNJAOZbV5FhW5VhC4GmgSDQ5llXPsYTA00CR&#10;aHIsq3IsIfA0UCSaHMuqHEsIPA0UiSbHsirHEgJLA+VYVpNjWZVjCYGngSLR5FhW5VhC4GmgSDQ5&#10;llU5lhB4GigSTY5lVY4lBJ4GikSTY1mVYwmBpYFyLKvJsazKsYTA00CRaHIsq55jCYGngSLR5FhW&#10;PccSAk8DRaLJsax6V1gIPA0UiSbHsupdYSGwNFCOZTU5llU5lhB4GigSTY5l1XMsIfA0UCSaHMuq&#10;51hC4GmgSDQ5lhVKpZygCIGngSLR5FhWPccSAkeDTTmWEHgZSHziZnIsG5RKacQQeBoI27eZHMum&#10;d4WFwNNA2L7N5Fg2vSssBJ4GgsTN5Fg2PccSAk8DYfs2k2PZlGMJgaWBciybybFseo4lBJ4GikST&#10;Y9n0HEsIPA0UiSbHsuk5lhB4GigSTY5l03MsIfA0UCSaHMumHEsILA2UY9lMjmXTcywh8DRQJJoc&#10;y6bnWELgaaBINDmWTe8KC4GngSLR5Fg2vSssBJ4GikSTY9mUYwmBpYFyLJvJsWxQKnV2NjmWTTmW&#10;EHhVkHXiZnIsm3IsIfA0kHXiZnIsm3IsIfA0kHXiZnIsm3IsIbA0UI5lMzmWTTmWEHgaKBJNjmVT&#10;jiUEngaKRJNj2ZRjCYGngSLR5Fg25VhC4GmgSDQ5lk05lhBYGijHspkcy6YcSwg8DRSJJseyKccS&#10;Ak8DRaLJsWzKsYTA00CRaHIsm3IsIfA0UCSaHMumHEsILA2UY9lMjmVTjiUEngaKRJNj2ZRjCYGn&#10;gSLR5Fg25VhC4GmgSDQ5lk05lhB4GigSTY5lU44lBJYGyrFsJseyKccSAk8DRaLJsWzKsYTA00CR&#10;aHIsm3IsIfA0UCSaHMumHEsIPA0UiSbHsinHEgJLA+VYNpNj2ZRjCYGngSLR5Fg25VhC4GmgSDQ5&#10;lk05lhB4GigSTY5lU44lBJ4GikSTY9mUYwmBpYFyLJvJsWzKsYTA00CRaHIsm3IsIfA0UCSaHMum&#10;HEsIPA0UiSbHsinHEgJPA0WiybFsyrGEwNFgV44lBF4GwrHsJseyK8cSAk8D8SfuJseyK8cSAk8D&#10;8SfuJseyK8cSAk8D8SfuJseyK8cSAk8D8SfuJseyK8cSAksD5Vh2k2PZlWMJgaeBItHkWHblWELg&#10;aaBINDmWXTmWEHgaKBJNjmVXjiUEngaKRJNj2ZVjCYGlgXIsu8mx7MqxhMDTQJFociy7ciwh8DRQ&#10;JJocy64cSwg8DRSJJseyK8cSAk8DRaLJsezKsYTA0kA5lt3kWHblWELgaaBINDmWXe8KC4GngSLR&#10;5Fh2vSssBJ4GikSTY9n1rrAQeBooEk2OZVeOJQSWBsqx7CbHskOpFLYvBJ4GikSTY9n1rrAQeBoo&#10;Ek2OZYdSkTYwkagcy25yLDuUimhgIlE5lt3kWHblWEJg9YJyLLvJsexQKrUNTI5lV44lBF4VZO+8&#10;mxzLrhxLCDwNFIkmx7IrxxICTwNFosmx7MqxhMDSQDmW3eRYduVYQuBpoEg0OZZdOZYQeBooEk2O&#10;ZVeOJQSeBopEk2PZlWMJgaeBItHkWHblWEJgaaAcy25yLLtyLCHwNFAkmhzLrhxLCDwNFIkmx7Ir&#10;xxICTwNFosmx7MqxhMDTQJFociy7ciwhsDRQjmU3OZZdOZYQeBooEk2OZVeOJQSeBopEk2PZlWMJ&#10;gaeBItHkWHblWELgaaBINDmWXTmWEFgaKMeymxzLrhxLCDwNFIkmx7IrxxICTwNFosmx7MqxhMDT&#10;QJFociy7ciwh8DRQJJocy64cSwgcDQ7lWELgZSAcy2FyLIdyLCHwNJC982FyLIdyLCHwNJC982Fy&#10;LIdyLCHwNBAvzmFyLIdyLCHwNBAvzmFyLIdyLCGwNFCO5TA5lkM5lhB4GigSTY7lUI4lBJ4GikST&#10;YzmUYwmBp4Ei0eRYDuVYQuBpoEg0OZZDOZYQWBoox3KYHMuhHEsIPA0UiSbHcijHEgJPA0WiybEc&#10;yrGEwNNAkWhyLIdyLCHwNFAkmhzLoRxLCCwNlGM5TI7lUI4lBJ4GikSTYzmUYwmBp4Ei0eRYDuVY&#10;QuBpoEg0OZZDOZYQeBooEk2O5VCOJQSWBsqxHCbHcijHEgJPA0WiybEcyrGEwNNAkWhyLIdyLCHw&#10;NFAkmhzLoRxLCDwNFIkmx3IoxxICSwPlWA6TYzmUYwmBp4Ei0eRYDiiVwvKEwNNAkWhyLAeUimhg&#10;IlE5lsPkWA4oFdHARKJyLIfJsRzKsYTA6gXlWA6TYzmgVGobmBzLoRxLCLwqKBJNjuVQjiUEngaK&#10;RJNjOZRjCYGngSLR5FgO5VhCYGmgHMthciyHciwh8DRQJJocy6EcSwg8DRSJJsdyKMcSAk8DRaLJ&#10;sRzKsYTA00CRaHIsh3IsIbA0UI7lMDmWQzmWEHgaKBJNjuVQjiUEngaKRJNjOZRjCYGngSLR5FgO&#10;5VhC4GmgSDQ5lkM5lhBYGijHcpgcy6EcSwg8DRSJJsdyKMcSAk8DRaLJsRzKsYTA00CRaHIsh3Is&#10;IfA0UCSaHMuhHEsIHA2eyrGEwMtAOJanybE8lWMJgaeB7FieJsfyVI4lBJ4GsmN5mhzLUzmWEHga&#10;yN75aXIsT+VYQuBpIHvnp8mxPJVjCYGlgXIsT5NjeSrHEgJPA0WiybE8lWMJgaeBItHkWJ7KsYTA&#10;00CRaHIsT+VYQuBpoEg0OZanciwhsDRQjuVpcixP5VhC4GmgSDQ5lqdyLCHwNFAkmhzLUzmWEHga&#10;KBJNjuWpHEsIPA0UiSbH8lSOJQSWBsqxPE2O5akcSwg8DRSJJsfyVI4lBJ4GikSTY3kqxxICTwNF&#10;osmxPJVjCYGngSLR5FieyrGEwNJAOZanybE8lWMJgaeBItHkWJ7KsYTA00CRaHIsT+VYQuBpoEg0&#10;OZanciwh8DRQJJocy1M5lhBYGijH8jQ5lqdyLCHwNFAkmhzLUzmWEHgaKBJNjuWpHEsIPA0UiSbH&#10;8lSOJQSeBopEk2N5KscSAksD5VieJsfyVI4lBJ4GikSTY3lCqRSWJwSeBopEk2N5QqmIBiYSlWN5&#10;mhzLE0pFNDCRqBzL0+RYnsqxhMDqBeVYnibH8oRSqW1gcixP5VhC4FVBkWhyLE/lWELgaaBINDmW&#10;p3IsIfA0UCSaHMtTOZYQWBoox/I0OZanciwh8DRQJJocy1M5lhB4GigSTY7lqRxLCDwNFIkmx/JU&#10;jiUEngaKRJNjeSrHEgJLA+VYnibH8lSOJQSeBopEk2N5KscSAk8DRaLJsTyVYwmBp4Ei0eRYnsqx&#10;hMDTQJFocixP5VhC4GgwfVOS5SUxsxCahSw8NJJA4PiSmFrIcpEsPESSQCD5kphayJKRLDxUkkBg&#10;+ZKYWsgGhiw8ZJJAoPmSmFrIJoYsXHQq8TJ9M5kXEtzQaXIvZHFDp8m+kMUNnSb/QhY3dJoMDFnc&#10;0GlyMGRxQ6fJwpDFDZ0mD0MWN3SaTAxZ3NBpcjHTNyVjXhJvjCgdQxau7VRChiy8nTYJbug0ORmy&#10;uKHTZGXI4oZOk5chixs6TWaGLG7oNLkZsrih02RnyOKGTpOfmb4pQfOSeOhUioYsXHQqSUMWLjph&#10;Zcr+nSzcmV2JGrLwfEEkuKHT5GrI4oZOk60hixs6Tb6GLG7oNBkbsrih0+Rspm9K2rwkHjqVtiEL&#10;F51K3JCFi06YGkGnyd1Q5s12muwNWdzQafI3ZHFDp8ngkMUNnSaHQxY3dJosDlnc0GnyONM3JXJe&#10;Eg+dSuWQhYtOJXPIwkWnXktGFq7tVEKHLFzbqVeTkYW7K1JShyw8XzoJbug0eR2yuKHTZHbI4oZO&#10;k9uZvim585J46FR6hyxcdCrBQxYuOvUYDVm46FSShyxcdOpRGrJw0alED1m46FSqhyzcPbuSPWTh&#10;sT0kuKHT5Humb0r4vCQeOpXyIQsXnUr6kIWLTqV9yMJFJzyPLA5M5ocybzO7yf2QxW1mN9kfsrjZ&#10;TpP/IYub7TQZILK4odPkgKZvSgK9JB46lQYiCxed8D6CC5MJoszbutPkgsjihk6TDSKLGzpNPogs&#10;bug0GSGyuKHT5ITI4oZOkxUiixs6TV5o+qbE0EvioVOpIbJw0QkXJOg02SHKvKHT5IfI4oZOkyEi&#10;ixs6TY6ILG7oNFkisrih0+SJyOKGTpMpIosbOl2uCP+94CIkFjpxu96yMNGJb+yWhTmz48C4ZWHO&#10;7Owyb1mY6062ArcszHUn67VbFua6k0n1loW57sTy3bIw153A85aFyRVNN64oJB46b1zR5HJF040r&#10;CompxQ2dLlc03biikJha3NDpckXTjSsKianFDZ0uVzTduKKQmFrc0OlyRdONKwqJp8WNK5pcrmi6&#10;cUUhMbW4odPliqYbVxQSU4sbOl2uaLpxRSExtbih0+WKphtXFBJTixs6Xa5ounFFIfG0uHFFk8sV&#10;TTeuKCSmFjd0ulzRdOOKQmJqcUOnyxVNN64oJKYWN3S6XNF044pCYmpxQ6fLFU03rigknhY3rmhy&#10;uaLpxhWFxNTihk6XK5puXFFITC1u6HS5ounGFYXE1OKGTpcrmm5cUUhMLW7odLmi6cYVhcTT4sYV&#10;TS5XNN24opCYWtzQ6XJF040rCompxQ2dLlc03biikJha3NDpckXTjSsKianFDZ0uVzTduKKQeFrc&#10;uKLJ5YqmG1cUElOLGzpdrmi6cUUhMbW4odPliqYbVxQSU4sbOl2uaLpxRSExtbih0+WKphtXFBJP&#10;ixtXNLlc0XTjikJianFDp8sVTTeuKCSmFjd0ulzRdOOKQmJqcUOnyxVNN64oJKYWN3S6XNF044pC&#10;4mlx44qmyhX9w69/+O3vf/7nv/3+T//46x/+44+//f7Tn375+U8///T7Lz///vNP//HLz//x80//&#10;8svP/xLF/vqHv/76+79d38Z//vR/fvn5sS08dkdd/y3+e3qsOMnj0//5l//9x//6l1ei33/6+y8/&#10;T8vMyfwTpXzELcDpa3x/+ac/1xQPHv4+Xb6PjZCYxqnkd/nvX68SHjyvdPp34/ulRb7nd7/96S9/&#10;++OrIu8yr7Tr8nhc0QCPdYboywH4/vK3//Uv//7bf/nj/ys6ruh4Ra+SbtnOC5poqVOlddrWKzSK&#10;n7k7+ZXt+2dCZa9p+oG+89u3VMr6WPLCHX+X+SLtg/9dfXQ1Bq9tXwGt/LwGdXl24fUzKa6FIz/z&#10;CEzzuQ6UXNJ+yJrgxtMQkDV1elmRVufAwcXO8LNZZ5r7clh0ad9Zb2t6YT+19nLgVUgEzhuK52Aa&#10;qPOTjmxpP/TzurZKzfN2LuKbYl+iq/bsd/C5LdvccPaga5O1eOMzUX5Bb1vmvJTxsT5Y0GeK/C7/&#10;bd+v0xXpGt8/2oye332tHTerxfMxwdkBKho2yYy3crWiZ5Hco4XByGRgsCCYe32mi919oPz1NGs2&#10;KTdcTBfryq/78l4d/7Avn8D94nBIyoXoZWRwXcDahtX9Vwb4W6lMG0b0x8Xu+3K5uWjf7XkS7q0+&#10;XJxyOUeB7sr/ynDFDuabgueYSuP543LjvMNyBQ+TFhP0gn0WDJ21xemcs/MAdu0FqCoUaz9/aSgS&#10;JBeYiFbOcDfKxO7lSiK/y3/z+4WI895mZP3yu1rPlmrLY/6UwgTxmh3fNVvnrbX4QotLm9KXFzUa&#10;Onb3TP6wL+G9KDn1DQsoWfOc8+VMfKwBT2lynjq6uEx+xhLlZFNrmXW/ajtNnDzP4bI93u+r5Hf5&#10;b37/oJTUEXC1CTe/q6VlKmz3xb8/1m25/LCtTfEt5FNy/Eyb1pqxlchjFPzMLJ/9WMuqf2XJvMbe&#10;St5pU8maRmvV36frid63YkyHrclp/vem/ce9OT0Zb9myPIh8Tgwta9oxl+iPlVdtzw1s9zP1vJYp&#10;75+HbALsB1lnH33IekabphizW7GQLLZeup5DF/Py3gr+uM6PaMKWdaZ9V+rJz00xBnDtjHmiGdIq&#10;8Lzqqditzom0q4fniXkrJ9E+VX6X/+b3DwxHa1laKtfg+d1HHM0xNE5GmO66AWWeUeNcm/Mz5u41&#10;L7aKzzR565ENq/B5bH4umYXR5bEG/Zn2nfWy53HX+JkFRbHx89qiz7ufb236ueR1zUiRLu275PV4&#10;zz0fFMPqtxkiRm1a61pWtnr2DjaopRrpzZgGPmEm862lZSm8oXR5vuku1qnVxs+I2oTMKzkyBcyM&#10;imsXxUKbar5gPNim1KnNfFztfp6Rf7cp46MBBeNzOuO7n+etrSNY6bwjVX48NqlkPmrGVokdRp1d&#10;ZoxsW7tzzdUZZvAumUVVWxoxS71p84GSqfF1SJOSM+076x7BH35mh9NarP082NoPJuC0R9jj0z/3&#10;LpmlWNvOfPiZ4Lc2o7YmGSv5EX3bSmbmqKbuQWsDm9PIskrTn2Pd0VJnXw2W/Ih9cGb9ssf9Hg1b&#10;yVo6f04ItSZhORDL3lOxA2vjzLWxFc2S7+CdMAJtaPNQi6ycMP7sGbPkHHRjdYb3YsGZaVmMVmwj&#10;eLZ+vg/3iSZpndHbnGo76l+XJfnGLZmtp/bYtxfzS+h5vt8W84IuPzjVkw/MYWH51rAkrDOPKdur&#10;rcRaR3JEfL/CM1gOvmb8HgbMGY8rLpOfc615a+20ollbTtA3hwY7suZ8yu/y3/N7lpbvgR97hHQ0&#10;5WefmpQLrTLEkU0LaJSdFIuqxBi7iJOVylo/+bqtvmMcZIG1oPrXpSv7o9Ze950UhqttJVhAnMve&#10;Viwu92aWY2E3Pmi4ufptJ/DrVKt80BhtRQRK65KflwBi/jjHKtGUxjx0YJ6a54GjN3X7htnLy1jY&#10;eoOOMpy+3JjXZv16Zw+tCvCvrf3CBNrCxN9b+0TIBbyFjr3OZz7YVYXHBTQD1/wu/72+Z7/xSNfJ&#10;8pxjNv/+9ztrmQtWS5jAXKxkvrVuWQq7hzQcC1OTDH48k2wCzv75+DMrt/Yzxq/FBv54Sl04kJL7&#10;6wUTdC4oE49w+Ezml21YuJpcNlQLHZDmktY8WvvXWta/Wk9gsa7lNmmX8+L0d8lsTHOux5kYrtPe&#10;7CyYossNTj++psizX2pZ38FOrEmv4LfHsj9Yll89+yV2Vi6ZyKU7XppwYH4XC+G+yRmSdd7c7vf4&#10;LhZWlhrpRYxSzgid1i5syPfrTABqMx29dh3vnxc8QNf2gp1C9456xcLXvuZ9nrBgF9gCHLmt+bpd&#10;dtwJaUpjDlTMZ32vnmdrsV8nZh6MqfdLKPnd1722Y8dzJRVu4wa4t3IVAGeR4Daw+TJwCzuM6m4G&#10;h+FPPH9lPXHSW9mkvIYX/ufz135E14LqX2exmNW5TQU406eydjvwKGRD45dU0/mfsMnfNfa3iaLs&#10;856snlDznApiBsq+rPWrf521ZWUU58OvpExtNWMsaTbyBwcjndm88sy37yCoCtvy11Vs7xK9Obef&#10;G1VIpe6LAFZSzYMRS79xy8ndkfG43FnbG8HB3ZZ52SxukFix9NYrLHxboWJCT6fmbc30sZHBSdtR&#10;xgiQRU3nHr4XyyIxbf2b+hgrFvdGkl0f1lKM+eb8ar3XBhAborTka3iUPvsscvBfQ4fmbYCIjkkc&#10;5mefGocVAAzM1SecWTrPazU9aK3W6rEYKfhkq8MWJ9NSYhZYC6p/XbriqM0t2nvOb8VOvOyatuc2&#10;w/Ime3MMmjPozjBP+xFO7DPoOovF8uetlEyQOfm0X3fSplK4Cs714BAUdqCd2+iFdfm5WGwZY/IS&#10;Ywtf1kbGp8ei/GxkKKMuwKQM7E+NHOv37NsFh1FdIu0MscQna67wEXerhS9njVrQd6YdPINXSAju&#10;HmqV24HvTzu4VTDxV3WDdqvLX0xtW7YxlLGOnc48SBw0yzntMOkbOxBeU47tzJVUG4M1L22Zv9L1&#10;VakHM2WuH9jtnduiIWBgW/KNscfCyqVubVi05KMIjwVDXHcgL1BlsbHJ/mwjan+do29nGs0dCP6d&#10;K2nDYwA9V5n3X7/q11rQ18BYaazEXVBkzY/2fWBsrDhyVpoZfngzuq7f6O30b8ysVaYCjI2v02k4&#10;x0yZq1DRuYyos6nwDs25zwtuuzqLYrS2EYYBPNdW2ZAbP6cVh3fZTpWHgMEqZ8k5i/3G9ShLyxiM&#10;NYtxV6pvC6wJrXauuQdqC5TT8M7hXSm+2dIF90ZmDZyzQey+GInDxeIwydkgFhy1GTGPazYyK/lo&#10;0q7nv4ST1PbL1XuEe6R3lR3l3gIi33jMCfQaPSS4DnE+2N0yT1wVzc/y3/x83ZIjmRfq+f3tM77h&#10;uJP7ZYnmIFGz9zLXr0fWg0OyQX6/0uKHe7RjBl9VhbgDXCuX3SNFuHfOTmulfRgTD64tYJ90lcNw&#10;roPiwaUyR3p+8RZM1VyyQubnq8yYz06QDQ2LBzcnhh/vbJ1wwhUsTHhOmv/13Xg5bPCvBpuZbQvh&#10;mz0nWPlQ54mVA7bqSssMUIcGvgYWT9cU8bZq75LxljW9WUGD59HBAWJ4ai/rHDx0GZT8zAIxFYMd&#10;OWe9d8l4fNKAAdYgyMdLxtORvrX3kG5Zg52Y7M7OYCEpZCbPNDJx5s8vX+xwyfjIpjSdM6WcPqR3&#10;yfhUW2tzUXCdGaeDvnrbR5Z5Rj8frNVT64U+PXvqXTLmtK1AbhYf9M3Egpx1XsB2G70DCMNtgRP7&#10;Sssoqcs1mFayvpoT5uS6UuatGCMjrSQOje7N3ILmqsdpoSZg0YI1FvaDdX06YXKbt3u5rckgcTnP&#10;lIoxR55u1KHxPOGNafM2LRsLUjDSKoU13pI8CMcZA7D+/GhBNAtbgXdU6I/rvDO5tY5kZ1PnHGJU&#10;MdVtyceSvRoaZom3z9JbahI8Eovcq5+JyDhH5LvOwUi1n3M5+f4Z9+JbMabG8Wk29qNHWyBTwams&#10;kuCItuZvCJePmLiNRXLz00ZohzGqWAnlA6K44Fhq146k3OAHX5Ykdl4Cg419OcpcP9NZhvXEXLZd&#10;8XKw+KsdueH3z6nsgzMXo8bu+yo5PFlGawc9nXYb97S4sjhBwiuyV50ZzdfbAa2fI4azpY6LaozW&#10;xmkRm4VXexEDKNQFHtmI5sqfI06tjCo8u80Cfsf58NGSxO62aX3jaogW6H+mIysAIXLeIa7gvK2s&#10;alm5Nrms10KUbu7OWOhfjAn2J7/Lf9v369rilltk3ne+Z61znVjBtuOYyZ7IfPPfzB98pz0s7Zff&#10;1dpkKtwRyQuEF1yGAIRf261/6NLwQOYeFAUttERITa4QPgERIjq3Vh9gDNmRR47xTHsjhA3F3HwE&#10;Nz/PtNGxzVx9GLqMkNSbzZJnFViSt4mF0AwZAhsL3OsOimAMwu/TzzvbsX9r+2fTEkIPzI2FuRvZ&#10;fZr5/2Vw7iZ6f1DlNi2Z1p89aHYkPs/LT9EMDvsFgHuV/GFagrBodf56xkuMX6iGethyUwib+j6r&#10;kN/lv+37TsfYXae9ze8+jh1mVBym2WhY2tpdO76vNn18qtmaBz8f9DSdG509uH6BRmOknjMTENRV&#10;BDjKTcOCVZalO3Tckpbo7f65lZx1zzaKKIpkcJlMfxAIgGHAl5w64vQ7d2udvfvcpjxy1ji1m/OJ&#10;6ZgopWzy+5LxYFptNWOfdjrzbzX7WDIfvxnSDwtd9p4Zk4cDGoNcxubBJJJhEgQ5Ql6P92bAJHcd&#10;b4dNGyHsc5thZ599kZnvn1lRNnYUZ/lpUwbrDBLaqg4LIesjTHALosF7xRal1pm+yhkHbxWr5vE6&#10;84B4C9+5e84m0B3rwBfAYfKjY3pLyM4g1nLXz3RGzo21ZwXBbNjyWNgjoHWuyTpE6vcLW9zLKDJh&#10;HKfbt/u+lnaNkwgquw50P2b2DqfXr3UX7461eW1m2J+N9v6Z/Vb2Jn7l7n7ZH+8tiINhiXG1Cmdj&#10;6pYcJwbbmmw0/Bl1qmdOjAF7pcZ58lVvfunRYqPUBhAz2xuIX7mB4BW265geh6Y44pRETvZD/nu2&#10;LMutZvT4HHN0wS0/+66L6n2yhL7HJXOl/Uo3nFqc77iaI9Byc1Flqady+v2dBpPv4xGRDB8m/6s3&#10;OnDdvufKiqv3PurzndpzRU/Ebb2GC/H77wfHvqw91ywBlkxBjPH3u+ZBLEGjZx94c1v7Zi3y36u1&#10;2ANuCXMOFCztopf87uvazETXpeM0grJPfwUN91Vl2MQRynXVJbbUaaayrPz31G1G+YwiwJM0GarF&#10;UaIW3MckcHFq39EtUsQm/9U1r9r8qKEPdtPt+1fQwrlqyEp8sknsAXlDNlNFHFgxp/y8tbM5mF6J&#10;aORnXFuZOiIWsgFrWfWv7Ghmp1wjhRu10utwdXO4mk9kshs9SYO0hpw2A1bXjpJvIzDu0xop655l&#10;Bolx2UFSkYsYCv2+1A+CMkvJ7z7XjAGSBgJvaGwZuilKmpwRURaH0e/vfsQRZvgWSHs8kglgY8v/&#10;a8mw6ZC5Calr4/hu068wWmv59QDEMswZ10QHMYddzfvlAMRDmK4l+Jn3mcNs3/z37D92PswLl/4w&#10;q7hUBeJfTkHzzHL3mrHxoLyN8Fu1WstryON7zaUqu8orqjJbjO1guDXP9mQrc1432X6FwU6wYTTx&#10;Bl7a1oJqFVkXvLsIjdstbPlZ/nvpRx+nBeMAJqtcbZGyOMhEpMm2iHDggk8m+yXPODMIJexlxgSm&#10;e4qiib/7WKlaxav3uCY0F4Ws0uRgFyuqvAj6Eael6pYJ3yZriLQGuMHTGNaC6l9Xsa81+ZWUjXXl&#10;htjltKNV0Cm4rKM+2YX1V1weRm3Dc5EGCuTU87qxrUuXa4TTnEhuxbJOzFicB7PS9Bk5H2sLInPd&#10;zuaRpUqpD8Rtjjf2KXGqvq8ttipZCtqpe+uvgOhjsUyNOU5wxEaIUp8xtc+JOU6FSd/Gka3sW8D4&#10;RQBXBT7e9Vh4ndMDy7YfWHJ89S0k4uMaSXP3Po/YxOxrjo+3aTBzzX8vRH5V4fzscwvThjl1fWhD&#10;uj1/Rfd68Cv8yOk9MjuWc9osda52ZidX/VIgaMu9bRDsdQ5nw92YgTj01tjfWr/619lEBAa3Ne3M&#10;huUceDk+oCPaGpGdG5EqPdrCoZJtMXM7gBFKzbzd+IjXHksyZueZu6jY0xSQ47Xcci0E//c8Qc4K&#10;r9av/nXVlpVIWsZ30lZb7HH6bGZIpXPF3X5lXssB//51rFgiKnLj8KG2TGjv+twamaV8Dni3b/GH&#10;5cKWo5JbjTHF2DHnnoCDl4/oj86ScEwfP07+yib49etQbcPblfcbsHmPs/BdxpiTfP+KiQjQlJ6H&#10;JiBkJ0cBBuz161ixr+N1V1KWczWesdil+7h99cqVltF0Tk5jxYbTMTWGcK+ENExbYyjeE0xCiujs&#10;WBmfthUPijHrBTXe5umJTUhpRsLEQc2VMV1Q70XgaF+76IQ4EJaq0UFDtWUPi4W7Mqb3zmDcrE+s&#10;4ZKPiSNtUxm3+G/2tHDvLc5YsczwiWRO/MqBrl6p+4om3ExppWBX3sdeqoGof53mYj5iFJy1/VBs&#10;VOfq+Q/F4mJKH9R71zVU24WgqCRH8OHIjoygsHagL+72kGUWbqM8KMIGCCp7uG/7hSHOoKeMzFfA&#10;ztXzbamUPU/sSYuRYTXUPX1WVjQ5717T8/KIgywn/Bk6J1xoovws/70+/6pq+dmnLqytxfqvjJPv&#10;t3QZY23jPNSF+FO/hw3WJel6+YArfM1p8V3A9kOsbRqyk4g7Z59xwRmKpfqSgWtzRHO9INzxMHKY&#10;So9kDFgFYCN6i8/CofGbzL7XbTRNqa/2i7U3v94Lw00R5H/apIkFMbTdpfh7x5kIOYEUKXJ7Gynu&#10;5870ezZK2XCEjtwdkd/TDldZakdYAG7zH2nHzi8XkQGOcBue5jm1qi1z1SmWGJftnZ4c9KtbZAId&#10;cfefpgzby6qubEj4mQDA/JndmTETkZb3/k5Y4YRh3pGs8WxdUzrzFCusMimwR0DvTA1S2tmFWsv6&#10;V9Z5iwsgXoDGAJO1lIzr6tp+03/Et5axT4wkqbPOPW5qWfWvLBnIN62x9JX9I1iGrdc10gAMDrt+&#10;QMQ+lF35ORB5PBhm9+rhWlb9K0vGK54scsT01X00SyqWGZk1g63uT3A8L6z3r5Jx63xxmCaRdpWJ&#10;fxAvbKYKUAoib9/jzGjfEzaXmM/v8t+WP8T4Nc+y0ryi0LqJ4IuWwJpkKnwPlaCiJbiEIH9m8tIu&#10;YhORaxVWYRHaN7oIinA8PIBXezAdnycc0qIRGgzu0iCBy9Mf9f6ZibaNF2YCY2lN3zJaMusIQa9e&#10;ZBbbxJC9FGNAvALju6U3Y42+y9Rs2E6ucWhCIy0n6TNtxJkXGy9GAAtWXF38zGmDHOWsmE9P2GDJ&#10;sRnMtKSkU0uliuEjNk1/xvxcTRJcKjgb7mfghfU+m5Nlchy660uOO1DSsoGBOPNVfiY8N+vM7gp6&#10;5nPJX7pSiaohAOdqcyjoODZ26v6e2T6OjIXNQVpzfCR7Xf6TLd6Cq0HjXOXp0mn4rD8TjZal1rLq&#10;X9dI5nQxs0+2GKGS1SLDsiejBxJZIVUQhW269v3kAoiskvusc9Z8V+oHipUmMetc0n5ozh90xhd9&#10;XNv3OysMbBEz2dXmrMRYbQyhBC92HtuAXGLeqJ1BaExGBQVTAj1V0I1DOm+ugQxhvfEFusv6/0IJ&#10;O5SMR3qtcPCNlIHDgdBr/xNRCHGyvfyMNm3uZdfc2EdpsU8l4y4iMO8ykEyPQnbhfmCZdP3MgqJG&#10;7Tyg3bDA18/4bc8ZZ8yKwebHQIvNDlvj19GiUina89ousiQl69raBLMwrVypn9P2hYNC5tWInm8N&#10;GaG32Uf5XW2xHMMbh4BT0/skwkHFvJOLxdrr1FCpCMEV19qG5V5Etl9orGXVv7LkfvxDRFTPEQt7&#10;XH/ZCHisqnebn8FzzlDsLNs4qGXVv7JkYj4uD124JiC4BXJvs/ZkN3OSoG/jwoVFbW6kXGdejTP9&#10;VxzZR5PYjQUIzG16NWcrmbKo9okLnNFxoofOGEMky7+Yh1+IPHCvSKXK+GfneE6c75K/sjq1fb9j&#10;t+KMarZ5sN9tHL9nt8Rp9hLXZV3ep4kwtPeFbvld/vv+vo3XOHB5rpZonfwu/83vacDLARx8/JtI&#10;zO++V5sd83Chb4N+w0KdPfF1bfBJXhxRBCoQgn+laKV9tGCso5qOzDznu5CtW/B3JEMSZ3AuhqT9&#10;DGucK1dsPi6ezzuP1OBqF/yhWLtEGUF9ibL8Lv/tvr9W5pgKFuKv0dS1e8VIS8WyOfF4hzp9z7bp&#10;MoFtkL1rhn29iL5uBI+NhJklT66z2I3dFq8s9HKIcvjjWja/SyZAoo3+NmkMlkzjMO+eswIc8DkG&#10;3lmzhExQcaA7IkR6W4v3PIleJg1SJ4Jq+9a/srUZ/YmjCIcTi0ccIlPOSzHO6XKZSzWIhNS1s2UE&#10;TtJ+43YnDpdmcAFPyK9n2lZnqtxuVKU9mOtKnUF1O7HEPPXVBQkf64z7L9iil8ORbVec++6bE69X&#10;zPjnzzdCHnvHxJhBEcRHfNHaMhZiLm1eb+5+aYxGfpf/Xv0SUPv/nJ1LsjUpz52nVO9X967H4BHY&#10;4YZbbrnj0ftZSEsgkr0P+UdVxKldSaZACN0lbJeSVoKuk5j1OP/1eNUleE2oZBX78zj/9XiyK5KY&#10;8diiiVk+e9wRcyjjlq1Yb6TidczhVGfTAnNYTKmC1pbSYlfWz0AsglmxsJOU8gxypr9R4EtYI98i&#10;0du8yuP81+PxceVhwX3NNZDmwB7nvzVe7rj8/l+i6O+YJtyhUEnMB/dpyVp/94w5lCTHEGad7UQN&#10;ZZYcvfgoJuaeqoqGlbwF3w3xsPsTDkeQoyk/zRFHc12oHY/YkgVLlKEnT+E+UFFwvA3RfspF9doD&#10;p7wFHSRO8bmomih22uP81+MhRkdJsAnmPfUe5781fhYwoVpOTcvj/NfjcUTZs/Q73KKsFI877Rk2&#10;gJr959oJTEBVK+YgM/XMGHtGp1faYfXH6Bnmb2hVyvr7mdqRxkRDM0VSJcM/+Mx+/SN7wZNAaMUk&#10;fpCxaDUwlFwZjIZD3aaOiCFLJ1ZG6w7+bY+pAyQukI9xU39IDjJucw9kzKSeh4qk3NfEh8f5b45H&#10;u/7NQfpW2+lxxz1TiUnK/2io0VyukCK1+Iku9C51R1m3FJGEgytXhh73ImxGihu1lf60oo0bTlGd&#10;neyj7Koel4Z6CEbkKaWxL2WxiZ2+yv4rMYUmWCm/z24eYtOVpjvqhjtKpHPWxMhJLuuww+q/DBmG&#10;XrNWz8vm56HwhIC00UlGegg9Mz1SYUn/SnGhGHhx9g6r/0rIOIiqUfyoD++LIs9Y/SfibJKJFDlO&#10;BZnqOjz3foz7f7z90NVMaYaJbu/5wnTSq7WctX38WsOOyC8Pr8f5r79P1aazSdGHCEx8PyE0wuBs&#10;5ipwEv764UTRRKQ0F1IpySX/4ftIOofbERvpBlnWe9wZWkVWiyVYubKG1yMGu5LhEDuD2yaQUjvT&#10;5A224AeNcsPcv//8VdoM5edyoQSv9Tj/TUyP+oxVJnr/Pe60MhRg0vus3kgKN5pjspzh3A4FSjan&#10;EleoqO1ziPjPaXdnyHAlXEHx7iNt5T+/UTlfepc6uDauJvVOsZp4G7qqPPoOq/8KTPEukD1rrJq+&#10;m6QlANkTgwR7XJ3HqGt+Gw/FixNOtIhP+10iDf0IUwtLdoEXVUkzpiMC67T09eNKj3ic8OOaaYsl&#10;z8/AFx1FtKkLBfMQ+koyUJnBhm0i39VXgARhep0nLXZY/Vdim2vwqhWNklS7DEHjxgQ3ZMzcHSXw&#10;G0ugGX+/W7NU5cozRs3fglVU5FX9GYV/1Ng0lOALUDu0gTE8yLp7Pc5fX6VPV66WI+JqO9DMCTam&#10;PM5/5/hp58JkHjZOh+a3VuNZ1nE/tQodp2ooXfjvDadkQrrhWITSPMcOq/8y5DXCh53Zk7MIPKNY&#10;pdMOisrlFwXDLtTpWDjFdpCH7wqn5GrmPuJ3xY74wW5U/nu5FlYvunF/XhnKTvkrDmkEa5AQwR7G&#10;5VyZMgXifCkQmenJd3TKdqgoZmCFSH5mGNWn8Xv5zmdkF8elH1219LD3Hc0Z1eeI0+Oa0crYhoBM&#10;nsuWp4+ySRgrjgD+KeU+tROy+v3R9d7UqiutHA6fkLHBwq8816z72tItJ697bx+Irk3gNCemvKBP&#10;3P9z/BGXmiINA+d/IknKxvjo06Rnmquvfv1JnCIcVovmYOrKk/Lj+C8eVwU3ssiGGhilXOSefp4d&#10;/h1TL0zkR4sfBwQ2Uq6fhQVvXFZzpBc2Tb7cwBoZLdDOKkWQw25Oj/rJJPbH6GfB6nlMh51ByHdn&#10;hKQS9UtKyMyjaWAkbpIXVJ+W4t0mphCg/a9M7FNcbdtB3voz7Vbmu+yCx/mvd/w4x59xSklSrcxz&#10;q5MAqSmxKheulJq2MmjXZbEqZ6NEKSml7983WqPGKw1jOfTUGyvk3Gdaw4uMFTmmxBuio3jD+PBf&#10;44VUAuRgjY/DvODlOR6G7/E02TSdeFxf24Qy34IOwWmjTfh3fRTa3DRZKpiIXCZMPLcvvFHIpskZ&#10;1Odvy1sCLqp8fppY0KaGKIfBOTNETWTpBzb7Kvsvr5ksMceLVeYf/phJOxRmOSRM/cau6JK+w8Vp&#10;MTFlaJf3osPqvwwZj7FjoSBLamvDNh52Cxb+Sz2Q+2NikiZqsjPLl9Zheb8NkziJ9whplDxgoaP+&#10;dr1FFNLni2Dfpn9iAf6bWWUoi0xlIxt4r4PXjet3WP2XIStdKleJSqJbQhsSsHHMDlFUtx53nCt5&#10;i2J3EDZirPd0gSfcGhAKRWaATbrA0PDGqzJ+XzMGrDOxKM3JpmyXfHrJfyAEyCb1NWOtp1VH2hrh&#10;5k4XWFscplwzjK2kUsdv/5XYxs1QqRV4T1FmGmROPCGK+DQnDjVqezwTh8iUQLE9YnujSBKCK7rG&#10;R1G/8i2P819TBHLI+V6YkX8Xt/a448rWnBIao2Svk7mb63bhn+1eOHH0ioUTrEB3Oa7sDBmrxxlm&#10;6unWfWGQ6MyjIbNR7qdG4EsWDh3vZhJ8h9V/GVNYOJb3GJBpF801k6ZoxoeY3g0g0mUJFyVnW7W7&#10;Dqv/MmRyrk0oSAV5otuiWKW5OQ0vMql3ToxZO2vhXtNgpG8Xkb7H2jY6Os8Ua4pITagG6N87+lf2&#10;Dgo3k5+6Wy7fybdhEaFYXJ5y1GdnD+L7gvQ7jkgmMtNEz6MbSH/cBKK071xtX2X/5d2RU8y6ARxi&#10;YyB/LgIR6lQZdNu8Zd6odq9ywSl1LWGK4wq/Wf80hnGJNILOKOMN8iIvUVbxDbxYs7pf5Jr/wrze&#10;zHkkmJ0zhHYIyW6ncBUzeK/vbG5kOvgJ6gCiMitYziJrzbG8L5iov2yRwQhjjsv4827ilvojoi6q&#10;X8Ff05HGuc7OIngm+eYuTNBBzNIxjUO+3lEw6pC7OIxiwR4H01UyleyJs3BrXIfLfObakUCiQuvA&#10;Tl9l/5WYWlO9COBtpSp8eubpqbN/KKLFX9RvzLK55Ql1WP2XIS85fmoPt9lQ+C/cxE2tUYkGtM1A&#10;4aoMIsKvedvaJbZxXJqnYmuqU/J6OHB70ccjiE397vc1q+TDj9FmPmiL5zWT4GIVmLJcxToa5KXA&#10;5pAJShUXmldO7GUOmrpBVWoNWkIPf6s87Je1v38R0BzwdWI0467cbt2k8OsFj2wFMXLCbZ9ePVk4&#10;ZDe5QCkVkaRYs6JoMbG7fV78e8RleLezIjwUhFnHp+kZ9KxbmF5NeNbIoLs+VdRrVq9IOXM3XZsA&#10;SpWjMi01FluxTcOTujuAhPzsIXu3ZlwnVfFGYganpH+aM+54IewM4P0xTC1zleTfzxu/LiGjzuWp&#10;UpUHST/bp4k1xEbyGMjbY6Wwx6nisduSXEKmC1lqZ4QO8Ldu6KSUo4rmCBtvm6EsfdeYcDpf5Tmh&#10;9emuNuk8Eh3gu6+ZoJI7HNDLBN/39piJec1r85fOOzbZRsiHBIuESTu98jZ6nP8mnyXcbN8actPB&#10;FDDrcR1aviVXfHokCVjTRaSvDI9+3cA2K5tLLqw9mL70MjpDxsOa1iKxck7SBlmxx1w+KQ7poJiQ&#10;4c6OsiBAZgVhh+W1e7XIeh8LHBOzEsPj/NfjSY5BsRn7TvsRQQze4HH+W+NRSnOnGa+uCt/HEzIp&#10;HFRMcNmz/fu6WTrpkGM226t4XF+9ZyXHWTLAQzIZTvZq+sRO0FmsUS/mlC4WCRyAvQ826hky+o75&#10;zLPwGoIjAuhjRb7lJibFIFz0xyzeXCvKMtq7KtVsrLc9dg17UZeqidMLInxkN6pLLqWwpk87NLA5&#10;oaBlAnR5rJ85kbI/HRmfGZWXkBuXUn1VX3NjgMpr7o9RU6r6nm0J+X0JGR9WOsJZPfJkwzanziRE&#10;wxxOa4cMjlJnYdvY5zHvS8jKfTU6efvXtii8zC7uxO+TTcfnPuN/hTKCr6ObRmThEjJRdZ/dQ1rt&#10;KPFM2qayZ/f8tLJSmFtYAneQFRV2kgLmCaZuQ6du67SwIuUTE7w/JncsPf/oO9ymNR5fQoY6LdzJ&#10;Ot3atsKRqpgSluHygMI2JeIcu4Ft+BGFLuamnXf0X8nD8KbKKNFOEVymtcG2KPxsdkoQW0xGXZCl&#10;vud5HhXVb7BNwEnXRwfkQ6kK7labyaQr7BFaPCzkPcTbLXO/r7L/yjX/AbYd98KXL2Nl5WH4Gchx&#10;yE/Lb9uPO7SuAsox7xnAvdvnZnWhMofcm+hcbTYO7Hae16ou3W5ZMcu+yv7La+Y8F76QNts+Q69V&#10;DEXi2ta3BDMW+zr3itB4cv3LNWNSO+RFlTvY69iGAE288mcEk5ooQUp6MwjpoOXp7UvIq1eAKNB2&#10;YKXpmMLwdm7X8+IOxXRPMsAzpyKDa8hI9goGHLzXa0Gjinc2RoNvDwoNCqPprVj8PeTF30nZwF5M&#10;jhvIlQN463XrcNuMFkMiLZvzeQ959Xriy9s0Xva9nIzD07pBhre4bnBEPt9ARs7ZQcnFAw/XKDvg&#10;A6sbWDYCbLHCv4ibnffZmmCeJ9zCSjEaXIDTNPOJPM5/a/wSsGRfHhrv8dSueQ2kb2QNRB2O9lh3&#10;4nRO1R4rn/cDTr/kVZBt5DwEMlnSu8Xp+xxNppDLHi3hpU6N8eG/xovGRx6+uNLP4zWj5PtjRrsn&#10;80tsnFutFTsbe8Y5mH6+uZrjLhDtc6EPKiiCvcvINR1B0bmNg63JDFIOP5ypDS8f3/I4/zUeda9Y&#10;SiXUVQntOLked1yZLojH7ggqRiDvbu72GM9/y7KXRllZHDNS/uDNnoFnuuQ40HGCK2i2mX4bT8bK&#10;I8q2jW+Yq/g9s/K4IyaU+u0QFPrBf7ZQQ/sohQFfMlLGHjvi02F5BokJ6NFVCtCVnLQbJr7QMgoM&#10;UjlpmYBT5YdPWt6g/YklUdSPevpD3QbVWkSs67TAsXaKenwfPTQpEAewTmmnwMd4Qp958pVxEfGu&#10;ZZ8e42fEhmDG1AQ8ruPa1Ib1VbMiRPurax/yIfvx4eyilP9j3eXL2f0Aec4Xn9lur67oRQPfIwOr&#10;uKSI7ZOl7LV7tdT6ceN9nGdMBTy/P+wBJ9hcA8n5iHh/WBmy2lxDHG0Py62PEVqdXSL83V9cVJ8p&#10;wg+ucYaMguzEMDq1JC+Y8lDxwpzY71RD7RP7dGY6rC+nDkPWDZzhldSi29Kap65/yyedaIxVEJLb&#10;SRbQvtS8SR3//piuFinz5tt3GMMXN9+FSW+qZoNMrdivfjza40LoLeRlUWQzba7yNjG0st7ED5fB&#10;Mu86t7eQyUVJzkXwI6l6wfb8tGpetxw8bnLT/YApE6HuF7HdlT4IgxGz3vaZbAArL1FG18kAGZQW&#10;h9JbKrOu01T/ZQrDYvDJOCi5JAXZCUWSgZPDJkpEzLlmjBO8Dck3Oqz+qyBj+ueiyNTYa05wxc3H&#10;cLLNhw8WHD0gXoLu7hPVYfVfhoyLwM6JQ24HFXzwl9jImew110yCWCUvseY3eQsq2nXayCFVhlgs&#10;JdoBmVsDKUDsZIA3w54PEoPJZbrHNptcObsEbf7dMvbX/FLyp7JIr9aM1eIab+J1SgF6Abm/m5WH&#10;y6fh+klC+BpkHK20jZiBLBMllfV0d54RaUqnGyeSyB6spH8aB0NtpDpHblYQ/kSTAVuhu09DJnaa&#10;6r+SwtZ83JnzNNeMd8zHRoAjlL08nvoxLUQkmk6QNxkObVXNCbuddjSY8jj/9SnYx5uaPO64Mlwy&#10;Dq2pSzfHp+FUpTbG6Ux8qpW1o/WWXxD0c7qiHBRb4z+SI92EkwohUlG3iZELZt8dF5NlN/s7OmJ/&#10;0NyDjvBoEafqa16YoCprd1FJOLx0JRku5908Y5tcV3t0/iC1brcgSQmyk+skkWSsWmxIVfQOd1j9&#10;l6lDRrKlWVnwcyP5mEUORWP4JztK1sdgO1Byie0Fsta35XaRCzMhg50tg5OqPYc2kODo7W+wjQFs&#10;MYtEoenHtqjlMQd4y7Ba5T/p2LTe0tu3a566A8nCmXe6YHtRH1FVt6SzVXto2mXf2c/6KSXDhMkH&#10;gaNRZY4KM5/aqXlCUAfjnYrGeFWcxEo9yn/n6Dw+jJ45bx71ZV4U2KQZhWNC/TkCzpxXX2HCkwoU&#10;IgMuy56tu4ix7PwlPHFbbQrZZ05QIl6f3bmudpBQlkpzJWpw1GRPMO8ffAmuGejFoxgMoB5K3Ys3&#10;KdGfV3T1lRlXuUISYTNJQOKxIkYe5b8eTSJXuBypDiet9ftuMZu/IhmP0c/d2r+9zJ50uZ0S+io8&#10;HxS7YEuo9zs6viJy2R9Se1/ouW3bdY9gpwloOPg7KkEWQdX+rDSIm9Er7CvbsKIFhj35N6F+tIiv&#10;54M887yljdFTh/Y3P58P0qfk/hDVqY6takZ+OB+4IuGa4y3qtrvaQyYzkbt8qLsMG6JI0oWhxptk&#10;jI2Hd+dDGaf5WU4WNi0YKRRzEpEQ4/AoG7nDJKCaJjC841OPUePKHIDQUNCwZvkT/lGlUwNltJor&#10;fN2thQbX+XgGnS48HzAeq1dHl22B0kaCAUAG200GhJKUtPIDxg07oBHhI4oe76DKE73r6/lCT3DO&#10;NAbJts+ErS9ygOwkwvkBiYqOhx9ymxdrT0WITCplnW/zOnWDky0SRxNNRxmJC92ol0uyTuXmhuPQ&#10;REWyj3rDDczhmGVZAa3vT/+V+FOXnoSJnbT3BYAccyvlp+u0ioGS+/yFl59gqrA2Y4rcvKXr6pZ1&#10;kvWMXj2WgsjaeqQRZ3ZzFhksxYE7lP4rqVLp67FO4tppxxp9FIi4/QGZ5grmrBPC/QkjFG7HNXEv&#10;+ACuJKxavUmbSb7SPktkO486IWzi1P3hCH6NN2F2cYbueA/xyvTuKfCwbRleBviYPqu+CygoDSi6&#10;pq0GGd/x7h1UGZT+MCodu7tiUBZFYFAScAur4/WtVvec/0yUfoDtx4sDoPh6rERqnHfFw440oLiT&#10;56Ft7svnng5bc6TUKP26rWG4lwdAApkiUZ4+ZnkCi1Hr1nwA2Hp+Euu3zxNLjr1egSKN7WQjr1Pn&#10;9BrmcKXHbAkbdC1M1StxFFB5qPdt8glkOmTCe9lx8mqdy2cRLOKtC/6WpdBKg5Y37eFEAnZvxtsf&#10;ML21caDJsrEXGxdWlvvxjkf5r0dXAg+potPJ4FHHfdNtukFi0j26GoWVh18oESxFv62HY5bESUZ8&#10;KsiP9Zxg/lqJcFT2rN8lmdqda3Q/bGpPxcUUZcgJq4nTBzvUS06+SEA5mxUpPq97DoLGPMx/czgN&#10;EqhziXMnM85V+h7mvx6OuE9SI/s901o+7hJ51WXPwp8Upfk6GSQd1qEmQ2CQpMEfRnMOY1cmZ1ym&#10;ctwOCnXz7NLUSQ1GFpLWDfcpqUgfVePP9nCy93p4RwJKQohtJFkzMyFrj0lbtY8Ec4KoegOK5p+i&#10;Cg5Gldo9w4Bg5qu1UwW2PaWqsbEpctSUup1EgRn6BiyeGgsOxHJnGhC5u2GSXQ7D7vhfhY6aaN2z&#10;5F/tVezLxqvE353IpUL1TU60p7o4PcmuE1D/lcdhEXUnEbOcbkbC+leCWjnDOwEEqJJ7J7CLKH2u&#10;FjM9tV7dID8FbV/fduwXTtREuof1l82JFqw/tQRyczHegsaeGoYcfiajl6oL6dZpvp50ouUwPtWp&#10;RYV7qaVByplSclD+aPWSERv4sRyTKxkgFPKsvdVGF8fMU8nF7Zvi9KAeq0VDnO+3WvdXZV6uq9g0&#10;0jrUO2Fdp1o75MPPnqITHREklholSlH/i64BU0j3xdyRiRVvUhr1hnsSn1dNmWCypj33CSSk1q3Q&#10;+5ZU+sEK7Sv7YsWiQGYTT8xTBQVAInJmekV85uKUUXPtCFQb71H+69Ej5Kd1kSWvuEB83aP89zj6&#10;WQ/7MYcOuwMFd+CPs00K/w+r+APHWfo85EBGgfk2L0bT5zu/jq/qu4pDkYnSeLRmPJRyPX799p+c&#10;1vA/EBrIC1cXraJjiHA3ClF++09dK9S/3Xc9sErCHzDynb2ykYRcrg0eD9Vsg5ARH7TUxrnl64XI&#10;RlatT0DrUPqvhIlfMPU2LPWt9yMFK647BMKWwsqxoTVMTIgzHVUgV3rPco+lroHt6jY+brKe47Mq&#10;R2tqD74Y1xtiWagp0u06UfD5bnwWFbInvZIrihQeD2kDtpUbKNyS4RMSMimtPsLsu096uLKYx2nC&#10;o1uxdI/y39gDir+cYoGJqHzRn2mF/orI+pwyLQg7mnAvJXgFtbt6oU63aTyAQJKLj+s50QppbJS+&#10;BA4pde2qlBIukvep+1W4G02fmIiqbxc+SGTJi7WuaIXemG4hOK5daOvEMWTT8EC8gGGzBky1JT2v&#10;s+8EeYNvzvgP3OYzL0dh5yriMTdVChf/nLz8hH8WhAzxW1SnaOeMYu7nda9bqv1040J7+Evt7wan&#10;g7lXLmKHsuEC7T5LpbEXkuF85ncqRsgVka5fffr8zQ4peQ+y1FjA6dn5AIKChmsxZfV4b8Fp7i20&#10;z5UuRG8yg5SGlBo/DJo2qw1NWMjpayLUKf/jikOOXDpwSLPJm+EfNOz15grVuCF3jJhEMLPPOJz3&#10;xzK1uz4pJNP43kAMU0TkOmU19k3/D74WtOX2cOHfEijjzR/WA88nTDs2BfMdSa4PflwPrNzybOSd&#10;OXJsHJ1ogr3kioaAQFVwj5KTxMhq46GE1XC1+wBQqO2swT90Z/Y4AD+tR3w/9oeDD1F9X4+uWk3w&#10;uqx9X4/XlVwdQvNK4FJBwJ9xBR/w0ujpXx4df/OIKwKZaSlBuEiOtr0YVma5T9mt9JzkjVwuWPKp&#10;Q+m/clWLDFDJTKe3ee+ybkToPGiVAZ/p7QiTfA/O4uBekHHIx9p2wn65lOcBQEb6spRxom5ogpaj&#10;ajYwoF2cWVQSg4crIJL7iTitB0Emh/yAQNJH3zdEEE2t8iGusYZg9Fu3cR1877yeI0z0nzT7CApn&#10;RbdxqORSI/jJiGl9bb6nQiyvsEPpv5L7qXlMYhJvb7+UgP5NlLrEOkezg5V4yYi2+1NlpnV2OhSf&#10;jYRG+aSlCT0fH6fzszQmM0Ae7TEXIiNKa4pN/C6O1QoXiRyvKSGjbZVCnGq1oV3mlEpZW4SJrjoi&#10;1z6fEgs5ayd9vbFOyJPZ5qso3ptjEAGm+uIBFj2MGTSw2sA4Sogmuv3nSjug/qvAUunoD+MQ3j4M&#10;paZuyJ0NkGkD+w/OM0dcCAW/yLPENaDQfSJ5pBOt68Efj0cynopoNrAf9rWv7wthEKJ3oScJbkzj&#10;ii5gqO50Xm/5qOFeheEGGtme3nSYmx8g4njI7ry5zEJdS+1LxoTpm4PpUw0rCdR3v8QvOLoqGwfF&#10;MKFQiR6Cs+MsaQIV0Y0lWHKIkblSFfTGqarFLA+PmO1QvuwMQRHY0pg0m1xGzA8nVu1csrwOz1uc&#10;85oSGjKcPz6J+jV0m/mQvXEmlHIC7s8NKMXvOD7L3nd+LkcrmWbx0ARWMOlg4IIy2tgGe7nbFzUJ&#10;Ss8GUVa493pm1D88GTr7svElxIvLnMiXKpfIti+HlAbczXhncrvBbWeGksPJlWiNvZEntWZuK0h0&#10;/oOB3WeQ9EeoTqllIt0n/YnQM08UraGzSYrl0YfjxdErOg52B9Lli5Kb03OFy0IVFfGOR/lvTI1L&#10;NZx8RZBheio8qkPKd5ikU2p1ZVQ7xCr6d7cuXQ/T8IuziP83lkPg+ZOP4gRT3e/8WThOZw1c8F6d&#10;FEoumjy544veCwGzpN8VeaqRe6qmT8motnAOycA/0IkX2pWXK4+LbvN4oYsQq7IpJBbc3RO6JdFh&#10;rYfMxLWM0hXrhCUjbU60csKtquidqAxDibp1o4+mCs44p55NjTaWddJ4gqjQgKmD88F3cYJJB0lC&#10;2PmmqKJ9Vg3RgtMTtt76o9DYwWXjRNlnllSH0n8F3ap5ajJ6ji8RoQaTA+3mOxzzMMuMBKXnuK0K&#10;7C+o74qGSKB1+2HunZdqu6BP1QW+uw/+12mIWDO6WWAIA/MFbok76vI4cRt1pezxBsjLCX0cGsWS&#10;1wlhOSaGQC0CVw8f6zRvCKzi4PStufCqvCSAdzzKfz0aUzu2FlfnsyPUad/YNrcrUfPpnoUGuZaz&#10;iezzzm/wkirhf2ACUROBqx/WQ3yX4p94h0SrcGB/XA9RPicXT3tlGX1aDzWkzjaTCywqo01qFNc6&#10;5XBEhpo/iewXDmjQBL798tN0KP1X0r6aH4YCKqdvz61HxOBYic/qor7tYGCuBA6pusvbKR44PMJU&#10;Ikd+Fq2vFykQz3Y9adynttIhGFAqnfYNUw4yPdLhESY6PUp9vCl53T6L5p3ER8oPOebtIVSW6iVN&#10;rpIjXa0TPZp6g4AJMfaSSBrv2d1Dpx4syBUmlFu21z+8eT5vp3WiaNlTPQ0k0xCywY0WaUmHS7vB&#10;RJVLDw66YtpHV+skAKpKU+EWto8bff2sXOk2u5TE3RCvdqO5K2RFZJHZHUxtU+yn+lx3XobmZ/Ob&#10;jloUDrcJMUO/iROiPL0dm/1XnBXJQM8W8dP7bZOe5rg0EgyVcIWJCagWzgNDSh0aSHiss3NEKhJV&#10;UTLeka3xPRaozn+ZrY669vS99m8TB4Igg2HQKqi6DnvUF8NF7oV0/uCyx2UekuAHw4Wh5KiNxZCc&#10;FLqnqZKYFCpc7CU5BF2T4KECA+PNEdtKeH1/+q/YLUpn+GwgXU2HGuFhjdASOR/STXh/iFiNCeH5&#10;eCFh+SzSOvCKMd+1NCYk/1csBaW9HRPKeNUuJR6iOw/x+6CQ4zrBmT2l3DW5LUURSE8IwmtSXRcL&#10;uxMKPPeNsYSsVqcPEacambfO0JxHJVV+fHikn76yL/SH0ukYx/DR3tEfuiE3isWU0J4aQyD9jeUE&#10;LahAoe8LCRFOKyKk8qJWj9qjP36ZrI3donkEmfP1npuGBYtWMmYLy/zgPewYS5pnHVZsinInTNpl&#10;pKynRrSLI5DAluY582m5oz+scd/3W1RUMKFMc3iOcU8apqj6uJd9ZV9ogS1FHY1dRXsdu8qcf+BF&#10;FAHVdsvLvzJqVGuyFMIv86QFrD31MR9Uj8J5L5WVHliBf2qZmnBQNqudgE9GBfoYMGCiAr6QVjLy&#10;1eNZsxUv6jAJ6mPdjYdFYrVpauyevIjW4G/quX7DP5VZn7SM75ddyMMiZqoJYbv1bh7wEN4Mmi+/&#10;4h39DT9JvImx1M82R1eRc4HE9t2EsjrP5rNXzkp1BE/hybQRXisFoV1UEj3nqG+1Wu87ha+0lqtV&#10;0gbSzSxRqNA+Vpir/S+fQ9vqv9W8Mnb6pV63qqgQbfetDOdAYP2gS6rpZaD217j2Lrn0drIPbjjS&#10;4OTE0YYd9FdcH8nAVA3Z9XRK4ByBVCfKDzpWn0FwTUo+5KwaMOkh2AXA6sqAuLr+Sj8+ZYroTbJU&#10;mNz1OiloVcBzvEkcstMQ3VJcJHXwc3BuMxZBjiA60T1MvD/2HDz9HINfxISoGO3aCa3BVLA7Zgsv&#10;eXFXNMkKah893sRb24UOYTxdmKiHT4OXdkDOo0Vv+dQZwBpr7KQCgYjL8UF4zQ+9xfC/2cH6O+XB&#10;j4q87dtKYAsqIZHo2d/qRFlcOkIOwZgP1SKbyoc6Jk+nJksPl80jijFuFqwD/WKX1XCh2D5vNk4B&#10;B5aGKJiouI+OSvCVfAhbe2Fdo0xIkI7PQpNd1uD/IwaaD/lsnxDxZ4y38SY1fS9OLQq8IvTjTayj&#10;XtfC7bIO7HDS9p5ApAMZCQQgX+hX8EDsvoCJSO2cYin7/ZuwUndr4ApQ+oxmiwuT8vDjqe0Up/yE&#10;1KP/BjPVxcej/Ne6X9UNznJpZItHnegTDcweez4vjC1OPzibywkPxfMkzySfVq17YOJKkil9Lnkm&#10;lkNaHaV6kFrgwA9hqs1oAxt5YCgw/ZT14fUmVtCy01wlVJQncMHKNhrVEKahXVLuZtg1y+gjDhH3&#10;aQrJSu8OYjRj106C3T83hWh9CFZe2HzLm3CH7j2mSMAp+2g/WxgGZ6cvBdct9RHmutu3pV6TbIAu&#10;sXAAuTYB7UilUSshkRqUxhfhhwyJ3MGctRT/4tEPDBWtzNoNvAbZ0Hc+rGoQ1SoGIV3BVEfQYCsk&#10;bivOs6wEtSL14kMFBg61tCIhM8Jng89dgcQr5gA2PqTN308s0u4qlHbUqXVCZCVYn5S7O8qO7mCy&#10;g7FMzI+9rohAcjIr6o/wzDWWjVMldxNNjQSGezNI8bng9fqqSioW3C5LAX9bUauaA+abuhc8iO+x&#10;zn6YOY3JZwhT26/EOx7lv8EoOAscI5186Iy5eVUedTr6yroJ0wxGhqOlrWepI8VrqILdZbE4BGGZ&#10;AU3XdjgY26EYdsxQDsGMV6p/+g8lhzrm3l9iqz8UHmg+GSPEUyKaYrILrvq8cj51UJR9yZatC1zK&#10;ng8lhzq5sRSipdnE8LGbJ5ijHC7fVLVBwzg0hcdlYFV3HXd7Baeszo5QDgFRLJIr7FA6xuWqzRwv&#10;eOVP1zYPvhtIZPTf5U7zNzukFE+zbBMmkM3MiofB2TO6yDHLTPfTQ8Jr2KOxYx1K/2WY87PEd7u7&#10;HkeF/VKchz31Qs3tgqi+COAjzO9yfWoEeOuDidU6MXbT2P6iaBjHuUJdcZSNk8heoW9Op+ZttCrK&#10;Yt/uFSekGCFSURNXetDyvtE+rCzRJD9H+HJrPUoHCxzif8ju5Ve0T09d3BsBE42jK2tDM41FKBS4&#10;aabDUBxvci9Odo+5g0nORib/EHvb7xFQzmCcNyKjW4hVvo+UW5iz4pO39Ekc3bf64i7f+2+PTOFY&#10;CsW/m3VDcnyaxgSTMpB/t05yHVPv/Avcdr7CytxWF68tedrrZuOf5Z8xIcKnFNtcrxPsOR37af+t&#10;1UlKVW9pJGSOVeEXOvQL3P4hr0nQ0AyzmzTx+v0ns1OYmtJ/2LJ6iO6T53CY4/f8hlIDZ/4MK78t&#10;BZ+zu4Lp+rmuPWPCYzwO3CoZPFSfq/3ENnF+lOpSO/pwt9ggPeV7UFEZ53Ocmvt1rmkkmImdJ3B6&#10;nLRGW4fd34OL3AFx9c+6Pyu6Yy0dDBD85p3CA0vf7oE+1rv5tZR+lLh96y5D1lu1UKS1kQlHBTkb&#10;MNnPUCRMQ/SgxNrPh8z2HrckqTt9kaDelhUMqrEw4rNPPyX6RfKEt+5PzIbUGPBNK5S4HAceVbT8&#10;4Y8lwsXaY0Lv3LxyvDlBTBy0nRU0SmfhPP3OJNhwlAZMYEf6ztVR+fcfAh75Il6fBhHe8rt58SER&#10;Ux7aWKZc9ve7iX6PYRowh4RcMYvmSBsKyzlFExa0KxVRi5PgVWjiDUx4glk8THv7LASWlKlYyfaQ&#10;XfmvhWZRV03wz8gOtxI5MQ8i6Vut8hanasCzyxrpulX/lboPd0a5OgMeDhmu6NNteFnmRsPO3poL&#10;2wyrL+O2GEHWmjqUTXdCGroDBWY/ahTQIDuP+hK8Y7RFrvndD4E7lHtlLg8VPrKJzVhYikrq4sSx&#10;f23NMA7FaPSaUpxyhn1V/VdiEnnn0BvxocbmOBSY6QGQsNwG8F8mEwDZVy+ug+i/rLYSCEwHLBNt&#10;/IbkAYRjrpDl9tmoCcWvtI+J7L4BSeg2BQhxcQCs1EL9l0ysgTmOzPYQLSRPIjlTb+wPKNApsvVm&#10;7STM1AWzI0W2T4jg7BR3H9IQz6jFPM9gH+0ButpIUzW2OnCL4AaRKxKUCpI+FpHP2OorxrrmFWAQ&#10;dMeNzrc0ZuF2lEJ1mLgE0tOJih2axCXMw5uFW+zE+iyZIp1qCQM7aYpbhuPhe5jQUKfb5bOVr7FM&#10;aCZXQGDjzUuYS84GUquT5prt8Yjwt6QDXaESHKtTTf/l40ko3lv2WCcWQhXSSSdv+wnZoMvGZr/D&#10;LRUoao03yMSUUOjDMYckjYcYmhtMKMwKOxT2gu+p7tPUB6vp+0kaQx17lMp+VlaGAet7sZ98ySns&#10;zyOIBaEyscGHlPbZcYt3L1l/new7GiL8B6z4LGTSjwMOR0IR4+GTMZLZ4MrVX4pvH2nIMtDSBPtp&#10;VX7zHY86UhyOGhsGBad2H1mIbhsz9CSWhzRSSnHhh3dYYWWUQ3z6LFlqVUyQCy+Y+Lx97W7N9gHT&#10;602sEBWlHjCgUVE4SJh3PMp/PZrIUTpPikqW0UccMifMyAFhZDg34gG8kpLG8VLWS38IqdlY9tl7&#10;rOcIE3+vmoWOzz44hQoN093/TDEi5uU85c9634YVitPVtlXQCID/UNSu++OtRTG6Eor8zfN6/gMW&#10;A01KTWi9W6RGqjppgIfzbbmAqLjpC/u8njNMtiP511M9Rn+w3fvMOeOcqWfImNDi9+9Q+i+f0Xmu&#10;cYNunlHKDXAljM8+U/bwRFU/E5DwhvNx3hJDyIhdM0FLSM/A6WHxTIpSQz27o0/SM10LS3T818bE&#10;Ca8kXykTq844Tb3Igh9IqArES5hTBio1rHNbrg+nEGF89mkQkq+tFsPaT+nT5hF9B/uv3E9ir5gM&#10;8SbnsK8TB5EjfcoN6xMiDGy7hh6HH+wvnxlDQzt1WAON3PP0KP/1aJbs6ir2vcJoHua/OZzB9JMY&#10;S1HUPATvwvuew1G3PJy8n03c7MMpeiYnQSgGZRjZ2/AjdpnEUiO43cugVC0uoIpPKiW416OSlVbZ&#10;7co1cUfMDmifJSk4f+UnuQfiRxyob1hKMsRF2EwLyjos45kcT8t92HRIpCJ/UmZcsElwSBbgaipw&#10;+QSXmMSSUQbjLN+dDrhqCVa8H5t7gm7hJMbFh9XfoWtA1F/A0vMp63zBfPBU0UgxX2W124dhTV6P&#10;zMq+WnIbiRTGu7j/Qwe/W62yTrwz+Ft6fFmVcfSEjQ+jLW+eEVi0ew8xvVfZBJid8yKnZ5E/foL0&#10;5FNDI5687i3ddNjemNS70k3qwECjX4Votg+ThJ/GJxF5cfsGVv3mUo8rx+clkv+RAztm/PDT4vNV&#10;c514+nAOy0JWtoX4AUHArO68A0tvdnuuuOR+i5aos4A7Cula5DBL6nghxNyjCI2DQHSyoX5S+688&#10;t2wdgeaYMUek10ySK0RaUWwB9YtbdqM8ZmpTP1Yr/8MZ7MaM5GazX0AeDXMwD/PfmB9ii4znYMj0&#10;0pkxOA87LQoBpdDTmBiMJfsVGVtwQORoTJtGRVQPrpSzPsWzh8S/sVL0ljtTkdzB9rnAx/P031wW&#10;xV2u5dMdGcmaoBSPO65LSaHOIVFNWFe8iS4g50Pd5KPKe+gro2AjbWKp2cm1rqhTmVF2LqM1/w5t&#10;b59WwHYgnMdoJU1l4O2hfwwxSSyLoNQ1gcpecUYnmQIi1w4ZCs38d04NknNbM9H4zFkU+/uUamys&#10;e3ewrhyNodItbflld76OR4BZlHic/9b3Sa5KgSydOyyDb99HH8+NHQ2jBitcxh+phePqCkwlHGV/&#10;mzoG633O5J2n/Fse4581MSFrXnhC/oNMppl9kMMgxMa6eQwZf3tMSlYSE4bkO8hUqZg9K8TcHS3E&#10;8kavg0GI5Dps+gKJ8ISAamKUVpw52hnbJIM57AXLUvHdIpD49Hw8uo81eaUUfG1AnBAY+Ade+gHy&#10;nPW8MGtu5HKhm2Ln3c0PZPwRKdBoUzJpt8Pqv5KOcYwKhTFrTlfX+sA26qs/De/qRhqP0fb9NokE&#10;L/xevIsv3/gSlA2dCxkoqrfxI0RkFUTAMzLO/eCE26lFV3PiAXWg4xYFdvjHU0j+Sfo08CHgmWq6&#10;IgtZH4/UsEY2eJTB6sAwd8HJ0xww+37sM1WKV2pOqPvkiuVbHue/3kdOepqR5OSwMvNnj/PfGq/S&#10;a8+KqzJ2frSPXzGn7uo/8Me+P/LmbfPvq/es2qb7mr55DhrJwCU2ptSoEeI6y/0PkFdC9zV9C+Tl&#10;mGCLdRV5O4EQ5hvI7XADeTsHK9eB7XRDZeM6QPY+9lX2X8Y25l56+ZTBp5B/I1yUrNIIZAJs2Mb7&#10;5axfSfVwwj9O4Bny+i65fj1ygpa4fFoawQ55WGTJs15iWwc45YO0iZ3frY/JqQp31iSDFSUoLWGs&#10;Xq5Zl1+a3+FT7EELNnLZDKTnzmTWt5UT/F/dZ+W7bvu8QNb6umXCxEaTgeBfZJuEyXq75ikTaaS5&#10;JTnx6SlRcf+iq3cCXE6GOh/Hcb+FPGUixd4Ymtun8TslGYwbVLfHi9gj4kEDqeRenZr7L5+qhQtx&#10;W9CW6420mIIL1+k/D4k6hYnSx97pbOAwpTEJdltcB51tiggCXVsEC/MbxSrlFImdMkNOcuq8Zvx5&#10;GeUjpEwq4iYhKRozo6ERj0yYldHQgsQ9k3ib5MkXtE3PDZWPDOpkm7MRbB1Y7BiXKbIimjV20ucI&#10;Kws43lZb7jeQdXNBYhvjSLWbbVHK2U0KozJPClp7vBg9LP6NDwl7ihPpNZPuu7FHTEiHLJa7sSdK&#10;2mPw92rNylIOfP2tnsf92ODtIa0hH5OytclnIsEukSaaTExhoOTuPCvoYd0cGbkL4NVuRgvPvu1z&#10;zTx3WQeeW0z3e9rGu1v1BIQdd74NT1ex1iAh1DTIt+8zVoGjkRx2FZdcnyplolpzPH2aRk9wj4B8&#10;mBgme0YMlYr1bs0/YRtj1mRw2IzFS/F+n0dUJhbFzZbhu5kbqdytPHTqN7eTPpaQLV661E5fU+da&#10;m26r/pu2gXDt5gVH0KXH+W9yeDKOZAiNOdIlfN6343H+O8eTwuvxMNpdN++zq7dG4lFCwZzc3CIk&#10;0dmRjOTUdVSNv8Ds7f/QmsLncnnWMGh81uRJ3Z1QSBLrhRhmW/EPd9XheUnu9GUPzmtG4tspj3ZF&#10;Wk5fFKLV7n4yCJWy19a8zpsEgRexSLLIFnTCzXcRRV/O7IVHX1uc6R0yNIMhnDusjmQvTjlyWml0&#10;sc/Izt6zia0jdm/iIa60bQaeezYr3oZPMY17/gIzhnflu6SN74ui54uDEeoC3JsrwOj/9l3YilQo&#10;0+Cas/1BUa/dCixpS2zh06w5UUIzTvLC2z7T1sFVJmwK7/s8dZrqv/JUEdv0jah45IG8f5o1GzLq&#10;UlRPFvvRvTOmT5QWonfHNW/nn5ttoOvEMztcpaced54pnf0SR7jQMQv7AccpSivU8VHiFHx0Wwhq&#10;ZiZF64jKD3i/O4xGdIsiVdm9tfvC9iJ25secwmfNu2vRdB7Tf/fgPF6790WnOfwRvEVGgffU4/w3&#10;x+uGguT0+IYI03h9HnfEqaJraYPx1u9bw7b/UCBUQRiaGG4RHMUk5OEaeAHj6X74aWXIR5V0xlvk&#10;EIUZ/Vm6dCgoOncrW6fOjkdpfxFuXzgqTSemhk345hvvPleduRYULRbI40xMyIiS9BSrUov+se0s&#10;4/B3kzyYLvdDDjJ+4PS8mwQiTIikJZPH3j8NZSYXgf4pNGr5OQTjKJXMA4T3Ufn8pxNiejLdkRGb&#10;meKUspCisud9P8bDbkJXYDwUZW3b4/w3v09Ux3Ev9VycF6R4nP/WeHAQ0pbxHE1zJI87Yg5vjmg/&#10;aBI2Elpp7Rmrcvx03D++aVnwZ1k7422Q8UrOgnb1+4h3CcNu7izKWUizycdEPzZtmqvrbVShdpCs&#10;67PRV+m1J46IgUpsBkwCzbGczydQeE9zleURFjVN+rsdmqFwzM2v8dOlPCycUkuuSocxCah8l2nK&#10;NjVMOnvR9eWGGlWr4N3HWUWTpXzLM/Vfz5EC77wRC7LElvshdNtnxUG9oi4Om+o2cqkKK7dzqTad&#10;qT6jXD4R1bCvCsojJs57QEldegP4NNU9nRfhHnByouiQhMM+MalxeVbhwtks744XiWIyjQgfNjU+&#10;ndnQDYO07UQJQfreIgXGiFWTIXK5Q/H8X/AiXaKYnfTZTbVhyre86/5bu49h5n0h36J8xR53xKka&#10;EKUdKVa2O29ooWBVjsQFFtI3myCL+3/yGAryHDsszyBnikR3lRRveaM+n1i0c985r9QK8tE3THRo&#10;hvKnSktyU9Sbs6cR4LPyPcryEqGWNGr5jeYj6YXhMcfqvLIzZByf1rBIE03trHgFkYvSsLA0/41s&#10;kPmYbBlzGnrpvmllopQWVOBYM1xmq7PjMRNLoUgxcmaOTcgkTWU+D7XKCFxLs77KvpswbRJukrox&#10;ydMJ93E3GU92Z+jLQFG6zrab/fsq/3T9BuPpzOqd8Lg+O+8++231YGJxLnVFFHx2iz9S6onJmHj8&#10;jIkPkFXRlO/CiNhLTrshs3w+nSKdNv5bVJ+UHXoTGTIaU/HkDqv/ijUjCDEp/C7f7rqaOkDyvZwY&#10;tB9JEHNi6ortx/JdW/fpsPovQ6YGwFqwLkraMoxhMYimhAyTCQfdhExcopKYVOF89t95vw0T4zl7&#10;GtHrChPpu7RTdqGbXDJeec0b3R1XxomQOj2knfxIPY4tb4GrKSL/qrlMIQRsem82Wd8frOhtZfQU&#10;Li0U4Ngt20z38TNhcdTLhda1nMDzyjAx04fEW1wSsk0dGek94yxsrQNkPjlRnbcJ0Ft36LD6r9w5&#10;spJdC4A/SRywnRClx1vtoWIDrG2P1YQsdmRcGnjmUkfISG4afPhd6qb7mpd0VHxRZD3vE6OTmyHj&#10;632TxkdX75J5qJzYSn1RMIVMixFk5YyvTIN4oh2jPGaab9YMidpX8Cf6fI+JUiZSmb/HzdD9RYUx&#10;cGLu2/Hbf+U+o41Ws4K5U3Xs5Wgzo/wTba2rc3BG3s6zgxv+k299OwuKHtQeqZDI8/U4//UclZua&#10;WhOJHGr4G7qZx51Xhv/ASi69eTKzcq4MvdcGGG5+NaRqu6k7KpKnEMlT76iA2WH1XzlfbqhTvHLw&#10;IzHdHrbXFV/uKkPWDEerQ5ZGaREwEkLNAzssr90w/yIKn3IFTQj7ZcPRPp48hblzmsU2vkPzTmB7&#10;19yEtKaQ4Yen19WDHCbKUcCLK4DS8LNeafcY+vgH6tOmgflpGJwV6xOd4qGE+8WOFBnfQiYcYY5S&#10;1DchY8ZYV5hHYHms0iPTgjF2CXk9fAfI0JZNLXTf7S4LmIasHK8Z4eAd7jvbf3mfcfzbDiOawPVd&#10;/XCodao34yAcVIpgbONbrvPdYfVfhjyvWzuyd1wtdahxeXedkGbATKwgM/EXEk8NaAqdJ8GyirQn&#10;SiQ7DFny8AW/wI3v3qc4zEwjk4SwmYu2cef25F1mAn2awhDyV/YdbyGu0hzmHdXwdZ668Yt2/qTC&#10;7hbBeTfFgy2ZxBY3YT3rigipw4MG0mrhCLLJoyj4+aCZHSFjsuIFSOoHv5vgwjviRqBARq5tkEG5&#10;Lctxv4xX22H1X5MTKx4ZvIZitmjtOxfFVmdfN0F+PCbWnfF9NX7KyN+DX2y7Q+DIgSLe4p+fuD9a&#10;74QCJfic+LvHlZFXIt0iVsZ/B6XVynCvlQVBEgncpzGNpe5PyhMZ7ElxHVb/lThFA616BxXY97Aj&#10;7emqkQSfRkZ1doW/UdGJnLcn9sDpGfKskMR17nfnmrHQi9UdHqNkFPevx3eQl8tHWBQKSCdRGAHW&#10;UixKlSs9NogTgbhcrpk5YOLcYxtL0FlMQNYdom0jlxJXHjONbWKwE8cE5uPLNc+62+OnEYLWRtHe&#10;sNz6xCADez3n4wdk03jSFmE835YlmDSeT0x5nP96PFdL2meltj4VtfC4Ix1RkEj2U26XlNGOtFEL&#10;noxSWdzhfiwyIzJevum5I4+VnSEf310+zbVTySgnofzw+BYyviAviv4uPZRLuB8nS2oRkyEskAlq&#10;pf4yD/UlZKjfNEgFL0pBIxRukUUk7AxhQkZ8Zy2twmVoWUkRHb/9V1IHyZnK+kteI+Nqg0wE0wLx&#10;yUKJ5M0eA7QHeGOx/05pmSMLZA/mu3NRWOwl0p6PcXK6jp81c+hfaItIT2eVcRw4lp22SZ6v9nOn&#10;x7OVxPL2Y599unwKiVGgDySel/l6nP/mePUoKkate5HNDz3uuJurYFGZXc+qVEjTjdiQ5ZKObbP/&#10;RIt2KI1t5aakezqChcr/EOt7qka6M67I7KlYrX2DEMu6ROjeeoV0yqApTa/oiKxUNYmOiR0e6+IE&#10;y9p6/NNukqNL4ow/yl79wIPF3R2rk9pRvpbvu4mTunT0wkqtbOkDQLEdZNztcjVnKpgwheDgj5Wd&#10;6Wh2tTmpm3QQV1VB4JR8Ngzd1ReBaeu7uzghyHJrdx1W/2W6n1d78a7pvtasFOValEyLvual18y3&#10;s3mEvGoRp2O/qAmnx4uoR8TmxO6wTSa0+88wa78714wrYWL7ya6grRIOxc3uICPlnYoqLor+3jaS&#10;DAcn5h0fY4gUv6i3LyFzS0P5R55rJr1kfvpJBoRLp7x8SWGrbnLgkfK2lDMMVWTzsw2pZdJnDWD+&#10;mlOtOi6ZYooltWOzslCobTNXENS+YgJPAyh7wSPB9ZTyuoe8QyanzfnfRBzwBXQlgHtZXNbDxd54&#10;Zl6cZySK2g4MVkGYem9fQNS7DCW80Sp3WVFClpY6nsfbaLu/XqyZAJ9zblVlr6rD9mlkoVUu2jip&#10;XK89XqrrdZtCWDN3tN2CYuiRm05F+kuxdSrIVQbRIHOSzOJoPSPbhMdXkAnG8m7ii6g2An/9NEle&#10;SBQ/1o1n22NOZGaPE0Nn8BvI1DYTzx47Rag68xzNw7j1g6d+DAWFMT0frykBuMle6JHsrEoAEzLz&#10;7+YdqTu/FQ+jSF9e1wXbZFiRH5Rvw3yz9uYO20Tq1Ml1rBl/rq6Ebp+mCb7XzLnZbmkg0kNqSaKE&#10;dABCY/f7TNocKnFC/p2r2Tpk8rpcOo7vAch9zeSgKX8g5k1OW5DB3ZpJlnBtKivgRtox69pI4qeu&#10;kqLB3CFNjByIhAz20r92CZk8XOt5cpxGpGxCVtZIbgZboQTDdTNolFl8SHUmobI8IFsfC21EuVwQ&#10;RWCKuJK6YsZZ9Dj/neNJ8fB4oPgEeZz/ejxpGc6OILSeQR1m5XEnTYU8NuEuoeDh6koQu8v9lJ4E&#10;ImrPxSOlx2YsdPJG18byJtMiTWBSAzY3JAeRth0JmTr7NFrmFjFx7yBr1d0Jgc2+yv7LmMJjaK7I&#10;NDbbnJxDUJITwxMqX2nbfbIGHeghy1ly9BoyOQ6unQIw/KUTFtkmZS2Cnn9gCCvkX7DUzJjnJBLx&#10;fgOZZCNvJE2AyHDvn0asFbumHmw75b8R03O+Cd5hKTXXa0Yfdbcq/oPssn7K1VnKi8IUyHZqtc/k&#10;cHP0gz7JoVBm5D1kJL4tK+xT6cUrOqkgq0QYSheRaOtjOA6PDflf8pzuIZMlQ0aC5YjuYWnYhtr5&#10;dFKYYlubdkZipLKJQ1OBL77YZ6JeyizMdysbyeiE8Pm0IcOuw1k+HysvMecNQWRV4YOznU6Vmomp&#10;SDtmrfu82j5D2mSieGLP5B/p5faXEfoTf73dZ2KQNEDxotjIzqQiSJSQUaCyML/WzMZigce8Z1LF&#10;3ZqxSElEynfVhLWTEDqQMDxQIhN6wzbmUnn55CP5kFd0xHazWurdWhT3fkGChuxPz8erl6/evlsz&#10;GtdMi6jI1PJpsVRDfsS11F2qHssMeXGqVGbifZ6ejwlZ1UjeyKeLg1z/GUWvx5drhpPMWN7DPaJk&#10;/iKDA0o47VYn3u4znWDgBkbnI5anSJ5ZBZW3e6gPh0vlW87Hd2tmm6QXJfE+SEj9MWeQ0S6h2gxU&#10;aTiu3/bjS8jYOROdD9tWOYgW/WrIuPFt9VCzdJ+P7yDD/dD2POvHgeV/4Pb04wdtU+9Ma7J8XI7J&#10;B2TrY6GNIIRUQpRv/cmt7nv28D5ezlZPokx7oHic//r7arZlLwPOtLKHPM5/PZ78raLWyuBZvn/k&#10;R6gybtNHHF9BniZMxXaLHLDNu05FB0b4gqmlcsAemDtDlilqrD9zF0iZKJvtmdhGZGq6jpTDdc+O&#10;SG1S3/44HzCAbpmj0OKW8VP9WPEBVEqF/RRmfC/tEPCliuGr3grCYXGTE+kYNcVDhZJWaRRifeHG&#10;xbmCSIkZo5dvFfDEQaWBh+xHlMOlF03rH9JxrA1JJIZte7W72BTFhDC6tv4zsFWZOQEWlt5XqzZx&#10;Po4wIIXBb1UKkvjZsvwwxNrd4XiZ2DI/3bOJ/0HHhbxjUu88XCQmsIF+VW0bGhpRf7NPJi4Adq8p&#10;G3gufbcf6cPvVgtbs4yZmcdm5apknkiGw/W95RTUlGuD7vaW3fEReaYuo07KFZEktSt1yNsSqUoL&#10;Ch/QFVioxNXSHIfB7xdaJSpLprFZEe7wTY2Vu8166tu8Yko6pm8etbTzBF1liYoSK1ZpSBwTb4PK&#10;bQh85WMcPlVH1rli/5U8XUasdwnPR/oe5qfZxNIiMO82ny3WnyL9YytAXSaeXSEbGx0rwot6cmfq&#10;kmYMphzRNTE8rb+Z5Ecu3plP7hIMtdw+KTJvfszv0o3KlRG0Zkj6u0ecyjFUmqysuHZYEet81Nv1&#10;FIiI5KpImCm4lzgV/03P1yHtUrLo+rEl9R1keemIFQQlVM5zbRdeCTnDPj6GvCsjqNKOLyELWqET&#10;ZDfBxpkcgdCELHSvnFOP5ZvaHl9CluFW+tNY4MovhoJejx+Qman8NP8lyGqbUtoo8Y7OeUmUxgdW&#10;KHk+JgJf0Wih595bhEOGOGDN+vFpWJOa13/aZ7KKuIfVj99RGJE69zU66ZHcAkmm/v7pIkDKA6tC&#10;d2qhd/u83AAB5MdG4q2r/CuSjxOdE3J7TKzzXpEkYIbzuo4NlNppW32TJyd5TIz8VVVh5Wa8w3aL&#10;rut0dsgwe9S+/DQPQ4OqNaseYfJZCbRrBUv9JdWnMGaNttUdjirYUReleFwGwYRMjmpN7GW9CYEU&#10;PKv+tNyCjVXIZHRca7qDJmQyWMvJIBP4xT4jRKvAjT4gu5hViqU1noOQJj8PrSfnXerBHW1Tqj7z&#10;Wsjq7I5l9SZT6X5gG3Ls8Q4CAGiFPnRItfBmXkLmQMOM89O7ucJUfilRIB7zdEsyUnpLcc9y3T0g&#10;W06ntkPKkDT28VF06Lw3hbc8zn89nniidRQlhYSbbhn/P//v//jf//O//a//99//z1IoKXPDp3Ya&#10;U0Uoza1ICut2tGjKhrPBC+dQv+DObAYNkv3u06GpIlqraxLY/VDT6rGssWlAPnB6XjNHcaqopoS5&#10;ZpKNjRKxlp2OYE5TdzYVXkKmy0wlDz6sbRr38WmT6FPBJY+9akenE+AOsvxmlVtY2m+tuaVGHR7r&#10;qjBvxlt+wf14trlPrGjeF7MU3c2JIcNKdy4WerlmmPl017DPXZ0SuddGPisgici7LzMle2Ll93JB&#10;ZT2l1CDNwydei6J415d58emHwGpCuh7frbnJ/3p3QmYhdWBPjxe9pR5fQiYmYwt7ai0Fmer/WXH0&#10;VExaQm89voOszbEJPq2QCRlWUcRbCvt8jBVa/viyBu4gqwHj1G3leWtSmNM8WdwTsoKjddzfQkbz&#10;mHbbE7IUbTNmKVvN3YElsdohfny5ZhkD5gVP2iYwQpv9ZOvPU9U86mUqX0KWaDV7xHu1nWdyfYhv&#10;GrIPbO0zUeup83ym7U2q8hbeZn+U6N7gIczX4/w3pfB/cLbUvpRGuIw/SiQcQ9qiUCBEzr1eg6yL&#10;CuIOfrE91mq8cJHZeHyJ03W76t1C2ugLZpQXidbjYaQXZClVRx654Yj47cxUxwr7/7ydXY8ct7GG&#10;/8pi72VZsi3JQmRAkuMggOEYcRBfj0ez2gVmdzYzI0tJkP+e5yWryCp2S+rORQ6Qsxqzu0kW6/uL&#10;k04j4/NoGU0gNwX+czDlzlt6zzlM9VqiTVI+CIf5sKv9fWfgZoverMRTReSbOtikZf+07ASnzWmR&#10;urx1TWqJsFfo5sWx0T7t3rU2s+inke5U/aCAIDQjcM/eMjwipQ8+auBsnQr6zLiQG5Od6lS0IsRv&#10;6G+7RrZw5tLAyd7F7Zn9C7iTWy6cbMxcRahscuco5WKf5TI+XKeOK5UPJ/Sie2VTjGnUqNT44G6R&#10;q9fPAflhXeEXbZfQHBe81N1SlzwGC+gn4nxE7S3ybrncBAvJ3m0NQpZNq1Ss9uoklIBN3fbTggV+&#10;+GRyyCSvhgxPrvBy42huLJ1WQdbhuX1Y6az+4UmuBlDtHXDWZYGoybB7knsCiU9LsS85v7YfuXbT&#10;2VKB3NiOUqzq6CIgY9325BJoqGYVtGlx3LSwF3heM+/aKCl8rktQNgiwZjnxnPTBamyOcVWxZa8j&#10;SYQtJKpU74xS6i7srJm8BKVvgufLdjv7atsPeOI6Xf9wHyVWYievHBJ2vnha+J4zqpn9ILKdvGZg&#10;QaTO8WItkDEh3OZE8gzJUmCUOuVUEmm5Um23xD1cnpC7aHixDMgAx43s3myqfZjG5644TDtVQUB0&#10;sfRF4WFaAWQ4kyuBus02ZxSxnWaXzQEZujXyUhhjRcBTkTvnQ3RUs7YkbbfIFZe7MjfqftpopAL5&#10;05aL3SdELd2qJ1NKPQgCs38CT26UOR2F4hsBYffUcOiis8Wgb4nacrLncDX3f/iVkGq6quyBuCjw&#10;vE0LRdT44LJp6croGi4FfEOSJQKmpWzhRVHNa5hWLQLcR0W6gzrPLKVbJcc5AXFdgXKk4odJJHVc&#10;peEl2TNplCsynGPLw1IPaNFu1ebVNZP+qiMNEWfvZRx6afZRpZVXAsL4VeeU5btFiTR5q+yobFji&#10;/PXezkyLozc5NkjOas0G5VVeETLBXU1FgK2YeGLNX+z7CUBGzNfYbRtV4qTxMBksKzBZ2Z7t9JDy&#10;2ZlNuQIXENqiiLTmFJVvlADr0yI0Vrh1qXBp+pBuWMzROCrnVJVYeLJ05Rw2INSvNPI6ui5nXBqf&#10;s3OWDmZEXCXtovnPZZXk8DoXqrVsEHremV2/CJN1o5VnlNGTVLWpgYDYTG/0C6PMLmxdxuuCj0IL&#10;RPMsJme77SsygL1gnu6CWndFf3/M/1bTGWHcuvAqD6uxJH9sTncRl3dpTmSR84ybQu1sSWBE4MmH&#10;SaNA2qUFlw920z5PlH/ZWpHmrouRD6Eb7wIsdQGjRxoQ9dZb0ulEF3G6XfollvsKOiGC8cwVXpxW&#10;1qSxfZi0UtezgcTQ8TItChqreDXBHAe27ZPqHycu8u/wl376CCk08IArDSXhTMPjs7DUjTM1bEO2&#10;OmIrlWBLwlj8l/lZdiIW3TBoEXEcNUieebycm1bXIlp4l3Rz8gnTtLog0cKRyjbnf/GA4XQqBRPx&#10;S5tEl7B95okyLLmAzjsi55f8sfxyPQCsH29pRGo6hkXePo0mjOUi8XRvR1ql0LvyTWQJtDW/ytlp&#10;EZjG3agiATgJvxH/3peKcgzYb54WxDTdDz8IQeEV05aa2gpXJa9lGS+5YDKRtBTS6zMsQCPTaKiF&#10;Qp6UJU/we3a3kLAJGLUYwBUXwSi0s4oAdeTiVx4l76YKarlFLZFx0bRge7s6Qq3Es0FHK2LPA1f3&#10;QA4hTkt1T99tW/KiaTHk3SOiUj9FVAPvomLJ80GRTZS55mnV7tRRSqnVK85WHLO9qqhjmhb3kAMZ&#10;99fQKgcwefOUT6GUE5KRDsq06d1gKLrjp/tjUQT1xLo6oY0QERh51/B1UNF8KSAjtsSn+x3o5kez&#10;w0Ax8OTTspDaGqlthcFQEEearYDF8foi5tAYFuDN+Thiak8SR2NTDRwU7sAsIvxBMa9G1VUL0KFN&#10;mCfy6SuEuQ2dC+nqKlkjGQnDKsfHsQNririwiAYYw+N5LpsDtd6sDcKj5cK5gK2669i0c/kc8Y2l&#10;TcE9na5JRSDdZ8mmUITM/aprStHVhlUOm+LxRzUzgMeRzgWtP3dS8SVUiaxIw9P7JwlsZUVN0tJc&#10;BfhRpZjNbmoWljBQUx+ofVPOXYYW/ZirIk3PHyA3jJIAaRipdrvVMljEcDAjxCgKMpOJYxcOuNZC&#10;LMorsJG4+M0TO1JEx7IA6REGB1nO1UlG8AbgfJj9ZK5OtMh3C/wHE4p8Id3nUJeMkrZChqXTw0k8&#10;ni2n7WBE1mTFERT1FJXVZ4v/3OojwqsNyOrD7mfbkKaPckCmzqxFKe77QyAWQOEUHTEZ28y8/hAH&#10;YExniyS1rBhK0Om964SWUTf/qkyBGyFddSNhn5ZhEY8JETqnxbs/2E8ciOU9Ef/xazoXYTF6jBlt&#10;XFNA/9s0J0qa64MkHQ6BSbr5md1FRiKQXo7Cz9ibnQvSaajNgIAdk/BmDVkquIeBZzkWjCBLnlm0&#10;T92qagfa33RM4Y5JR6OZQeDpq105Z4GKrZY9JzRRMzX/LPhV0aQtiKd9tetu7UbhcnURUYvHJOKQ&#10;rqV18PFYXlAchNpXMODwJi3rlDIeZFlYENeyDN03UPYsz1Ac0a4UWHaeHbaY8MpKCXPyH5w+qeof&#10;3LTwCSdtslRUa151kEyRWRzSldM1At0z3fRDf8r/VjqmizINAMu5y49YWT+78qfyTP6O524TE+Za&#10;rWSYgZ+Yj+WDmGzDBSIBs9F/1B338/sRYRl+oSLZTWdhhb7Surb0tLKZbAZ/anY/nVJlfORmHIHe&#10;VGCXRXI4H8ww2Wtz+5mds2OTNMFsZgU8RLNVf7+AMKgjzFMBTKfGj+DE3JwIB+e81Bzgo0yf1X0t&#10;9lkYOjwmzInLyzUPTkNVu3P7dBjXk0AvdSUJcUg2rL3jT/lff9rjiFRyEN4bn57bj8rKHTPaqpwt&#10;YcE88v1Ay1nKY8yYm0amszLU5/YzNydKvbN8WaXZNkM7ckeJrrMd5gyD9KRYMydHYyeuxgfV89f2&#10;yaEaECB3FfaEc4OrunNiMf8I79CfgZMfzm0WKn0e+sZiO35kEVi9yPw02JdPiGZN+ZUuGGpCiWsx&#10;kjEVToL7B4faqzj4lPN0MzPvLP+qWArlNZkOp8juggA44nyYu3GfiAyXzJhpGG0G1TxL/lXnVPc1&#10;O+D+pp/+pwehWtc4182JJHAeg09A3D4gVRyEoQ+dtMObXBu+QjLHzwrOCU2kARgQSL4Y6hnDm7BD&#10;6xexSDLD6FzJILLE/8V9hjlxag/hYii4aQPQyCOXM/kEM4+TjmO2uqix+uw+KsmgIz+9Ttjh6TyT&#10;4Qq+2sYp2E5i4tiAbbAxoIZIYZAL1apsWAbD/iYuyfGq0Q6mqWgNOwS6xEaW00SHDYalqjADfgaa&#10;6KKk7bNTExEYM3WX7bNTMNStDhBxTujApQ2kXj0WbU78t0aHuLHx5i7eZ2ApqurMygf+OqvyUIO1&#10;od0W/mGXvlyux3dm58z4Cf91qcjdpTT+s3f8Kf9rEhvd1HZFaaZMUODxGfyUfWD4SZtdVQ8EGAaJ&#10;/SWJA9mTHuQuKXQWnlx0bsgcF5BqxlUptR1NYVFVmaJ90+CIDbgCM/iI1jNLhwE/H3M0aZ+BdWCN&#10;4vSMQAhEipplHpNF+4xvkvM0xAs6/8RLN8YwwmDTo5bNGd6cKKqoQG7eTVWlyHkxLtEuK/ZkaOZf&#10;xuMCz4bUhn32OQGs5UK1w+6rpY6T2oL/ac6JBQcyWsSNsAV2Yfmsz4kXy10h3NlorSSXwbbvE3E4&#10;FOmHz+IoV2pSIKQ42Mz1RXPGN+W/SHgbB+VtSfsM2Kc+aC1HO59g/jWRWf1NB1+glZnBTmV9cNE+&#10;kTXOkTFThghLYLpTj1ngQ/jp1JlyKd4Gm2Pq+Q2mzNTxi1rvnFa5m80dnqGZfxmPZp+mNk0du8Ec&#10;JKNdCUUBh4KfBH7R7eg8S/5V5+w9SmUB6Uau8FnF50xOEn9QCVgYZGcus1TOR3R/DrZZCuHAtLvx&#10;0ORQcl3O+VP+t64NG91yBuafntsPnkZnYzj0SPKKSya/y2+SxKQmATQRBWFzb6WBj4zh5ZJfHjeX&#10;7vAUU6SdLLCRvfQOqlROcVqUohctIEpM3oGSt5d/VQDRNNzzcZT5MuSg4Bv3ahmmVcJkmja4mp+i&#10;21Wf8CJ6JPrv9oZSYbMnEJXeQ0j4f8eE6u7Z5T5e/HKzODO3VeSVx8iVH5g9MMHVzGXpY+44fMfB&#10;2xY02WfGPG6stDtuwQKi+W5z+lP+tx4DmOx2O6p4T4vxp+b2E3xrXJZl99U7wsgZ7HSHOy0fXPBi&#10;qSh+BU8LLISskaGnsMx5U/ZIXUftiMgSGB4qhxI95mh9bp9B7aUaU8kXgYUE3k2S2uA5CzZ4yTta&#10;zruDKUgPW8Xuw5xxEFN00Oe6DtljXBNcmdtnEH3Id7Ma/DyDbkWSnC7KCwsK9jDtKnr4NM+Sfxn5&#10;d22FTHe7s8PnJOrpHkIkkoqx45x4Y9xLwcpX0CFMxWXUNFiEzeVfxU1etURfD6al+3/EIpaf5gNY&#10;m1ku4MvQh+iBMu/MIY4anacMa6VCuVvwGZb5lzNWv5sBExDFNMuJEvwYXLq+zaB2wTp05QpgX4RB&#10;0hoNQvhTwIp0YEVrrHOCmdU92+bkeX9znZUsx5fbuhNDGGr1z04t1qBBUsqiLmBL9xkoBX1jTGvp&#10;SiL8aYh/BlcB5rWh9CLYouk7Q6Wdh6RXIAZMPoBdYAvhUj8WB6M9ql52yzlft+kpnh/uqUWvMirC&#10;eSP0DsvpXBqv8xqx3JVAFB95W8NHMaA8owAviuKDcbCt5pGigzV4N4GrS7NKIVqlEZ5a7VHxyQd5&#10;x5/yv/Z0icUKxHQ50W1A+eE5Eoy7KU1BwoLJhCEXpnyObPJ8630PuJBNa9cQTPYyNyGCzZyWBMIG&#10;1bCH/chtRL2L0OvC+lswqSZjLpqwqw3f4tyqtw85SUNSpk/SkmdQALDlLJCiSogV/nCVSVY+gefI&#10;DGqfsKtQCCjwLu6w63vkedFrx04vAzEfOF4UU9eUWPiZaFJQy1Wa1LwL/sk8kXHorqzj+6LpVlxw&#10;0IthMKw5DzZtHPb8rGWK5VnyL5cKLR2IHLPH3IgWcLIk7VQ9E7OJPh95EFXcBwnBFvAuQhLp12bQ&#10;UBDxdMjJYcgSPHWNwDAnadNWOoJrwC4IXDYnyGEmLM5Ru4/REUX3XNhWUFzHLqwEdM00oCmy7lus&#10;hJ6hmX8ZbMkItMoqaGiSUcpnK/joPD+kdRAFV/WKuAHhHoURl86Jk9DTWBG4dgu67xN1lFBU/Sw8&#10;q6pIbRCNzlIl4TcWJFsEW6SWl/vA1dRmKeCQbqEwsqFSyXhJmxOXhO+TrK8V1qkSC8wmo5sex5fm&#10;7JnLeOaxgNOg/pMBAV94pbJl+wSHTDOjySTKX/oskDXftdpIZm0GLPfL0El+s7SOZXP23G8ymvCS&#10;pDlht6aB4pYZSgzoqOb8iqD7mptaQpI6yITGkuaUxVOlJNqnZfe381Q+fYUtHqY1haBFzNhncb3n&#10;S0fJAsdLXfBWJsGgzWAVmE6n9NoVvinSX+Hp9bMgUY02+FZIcqZq0gaJLSQgkPlF4rYNwozL4OQ8&#10;nddXbsAEnnurPthU0lSa9qf8rz2tXqxVg6MHnd00wAz+1By/UWDeeBzXbVhOQdsP1pSDSatP2hJl&#10;XCBL3Q8FBCtib+Tg4bmwN6HlRBM0o6emvwwq3SDrhFw4Rc8sGySrpSzoczBU8n/FL/kLm5/AoeJ/&#10;DYbkxBuLhf2S0zFAfBaGGHLGkQpvSnwFXcN96fQ8sZo6B7BC41ZpQcAfn43NlmfJv+o61YTeFE+S&#10;CHSdfeCfnKRHrMhptIsy2pxgqQkudAyLzk1gODtnufupQh//fb4BXjnMxuiQsVbE1+ZUhrWdAV6T&#10;BtU8S/5l++w1bzDvwUqKlXbgSrbtwVz3NuI4V4r+UnlIB5zWle0pNToJP6moRBcpQIBDD1ceyA9l&#10;zmCMNJPeE9hmjEP84VKuH+RUP4OfqUaTYmnflX9zDoYE5BQylmaA14fGFhFXSFkQHZVBpTsn5MUr&#10;7kUdvEh++2IYwq3EEspnEW1Z9RRZu99FN5gn5KXdnt9WqvriRdl2qgExvqCLOJp16lDxvxWnFKZ1&#10;K/AZVYlLYAj+gAplP+TzQbURhtzhggFig+wt74daQiuBpKJvTdYnUQjvuSWxnPGQognM8Donx1Rr&#10;Ipze0LJJkayDcIeP6EgDVKhGbAEbvK2fljXyafsRKrt+CQwRyAomCCeAuq7VCjyrNPCug/gEsm72&#10;LSRiHrWiXMxiYd4NRX26vFpz0UalCVt/yP9WhOA+McWK9DAZEu3+W39ojqZQGiQR6zu6gz3uhUEy&#10;Po3fQXspXoRvATlbNRN8MMtqSzgO+onU2dQj1iDgK/S/dTv0AsAvYDJUjHp4en4/6v1RCZaN5Zwi&#10;hC5SrA4+ZbNpr4hUz9Wntnm5BCMfGRdL3RPtQBNBQcLwxHoi/lHHbSbDWrWj7SGJvKn8y8AC3CRi&#10;C04MN0DJASj7eH4MGeBqOqAxaOYphhNQFN+kIZ4ZV1P8If9r64IZto4LPXfCH8rz+CsEJlxtM6A3&#10;+FD4hNZftoKPKSPm16SvmOrlBzkRT/MTyltYP4p6P3yUkn7nHKTgJLImiZYXjU+Bi4ugV273NFck&#10;fG7EX4eMwwJ3t3uMwSPHQH9qfjufXDIUZsk3HEdi5ljdaK8VMZ+gsc3iwvyMdBIyhjnBaMQ+tFCp&#10;G4GUyAujOpTqOiblKfIvB8v0xY4ifYzT/Nh8H/Fl7w+nXVWl7jfn6+Lt1D9+PJ3Nw386/2l3uFWv&#10;2NNhf/Pmh5v9vvzYXu9ud6/3x4vfN/sXl5vtdnd3fnSpoc3+/npT/zMMuOaFgJcnf6N8OH1sf3fx&#10;Hi9qUV22m/sXl1f7zbl86+6gCatkOZ7O329O1/XL5f2619ub8+5Y97C/4+Pv70/PT/c/H7/7g/71&#10;2+HNP38+XhzP+9cHFgoj3dxtrw/HF5fb81EfKM+/P93Xx/nHxYfb/d3pOS+/uLw+n++fP3xY1r45&#10;fXF7sz0eToer8xfbw+3Dw9XVzXb38P3h+OYhKsOX5V/3x8N2dzrd3L395Xpzv2MXWsX2p99ZxM0b&#10;lLbLi7vN7e7F5V932/Pm7u1+d/G4bHX34VygvnnOvy7eHW9eXP77NYn53z/94cmDV1QjPvj6q1df&#10;PcBP9Yro0eNnr755/PLlkz9+/Z+yifJWPbU2X5v6F6DBTjVQAbN5/uHqeHtxtb+5/zvyu8zPbi4+&#10;FABJpMu3VimirmfLEJ16VQp5ebHlCZJVlZRQ4a6vlXbCnJHQ5eKef7y4PLLF8u3N7yytPqqRNRhV&#10;3/q/o8uB5bPT0/32hxtW/OPmdP55c9yU//j77nj+C//van8AbQ/2r8sLsOpfc/9dz4NKjF5evD8K&#10;v0//eLc57i4v9n++A8kwTTEULs7lByUQco0e48hvceTu3W3BZFRUVudIHfD76ni4/RWcfKlZ+VTE&#10;d/vx+gz+M3R1OG53L1+Wf4PRUP6Pd7/cbx0ldFZ/+/Dr5nhvB3oGNX86OGJD6vlc67NChLvDy3fn&#10;w9VNOXThXSXDSG3Q3dvn799CdzCHt4Dl+mb7/ea8ib/L8893jw/Xh/2b3fG7/woAAAD//wMAUEsD&#10;BBQABgAIAAAAIQClE/pK4wAAAA4BAAAPAAAAZHJzL2Rvd25yZXYueG1sTI9BS8NAEIXvgv9hGcFb&#10;u0m0qcZsihQkIIhYFeptmh2zwexuyG7b6K93etLb95jHm/fK1WR7caAxdN4pSOcJCHKN151rFby9&#10;PsxuQISITmPvHSn4pgCr6vysxEL7o3uhwya2gkNcKFCBiXEopAyNIYth7gdyfPv0o8XIcmylHvHI&#10;4baXWZLk0mLn+IPBgdaGmq/N3ir4aeL6qd4ut0Nu3j+esa+RHmulLi+m+zsQkab4Z4ZTfa4OFXfa&#10;+b3TQfQKZtk1b4kM6e2C6WTJ8kUKYse0vEoTkFUp/8+ofgEAAP//AwBQSwECLQAUAAYACAAAACEA&#10;toM4kv4AAADhAQAAEwAAAAAAAAAAAAAAAAAAAAAAW0NvbnRlbnRfVHlwZXNdLnhtbFBLAQItABQA&#10;BgAIAAAAIQA4/SH/1gAAAJQBAAALAAAAAAAAAAAAAAAAAC8BAABfcmVscy8ucmVsc1BLAQItABQA&#10;BgAIAAAAIQCk9I0SfdEGAIj3JgAOAAAAAAAAAAAAAAAAAC4CAABkcnMvZTJvRG9jLnhtbFBLAQIt&#10;ABQABgAIAAAAIQClE/pK4wAAAA4BAAAPAAAAAAAAAAAAAAAAANfTBgBkcnMvZG93bnJldi54bWxQ&#10;SwUGAAAAAAQABADzAAAA59QGAAAA&#10;">
              <v:shape id="Freeform: Shape 10" o:spid="_x0000_s1027" style="position:absolute;left:39200;width:40635;height:40101;rotation:180;flip:x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ZeIMvgAAANoAAAAPAAAAZHJzL2Rvd25yZXYueG1sRE9NawIx&#10;EL0X/A9hhN5qVimLrkYRQfAitNpDj8NmTBY3kyWJ7vrvG6HgaXi8z1ltBteKO4XYeFYwnRQgiGuv&#10;GzYKfs77jzmImJA1tp5JwYMibNajtxVW2vf8TfdTMiKHcKxQgU2pq6SMtSWHceI74sxdfHCYMgxG&#10;6oB9DnetnBVFKR02nBssdrSzVF9PN6fgtzehuCxuaLdfvTl+zktnhlKp9/GwXYJINKSX+N990Hk+&#10;PF95Xrn+AwAA//8DAFBLAQItABQABgAIAAAAIQDb4fbL7gAAAIUBAAATAAAAAAAAAAAAAAAAAAAA&#10;AABbQ29udGVudF9UeXBlc10ueG1sUEsBAi0AFAAGAAgAAAAhAFr0LFu/AAAAFQEAAAsAAAAAAAAA&#10;AAAAAAAAHwEAAF9yZWxzLy5yZWxzUEsBAi0AFAAGAAgAAAAhAJBl4gy+AAAA2gAAAA8AAAAAAAAA&#10;AAAAAAAABwIAAGRycy9kb3ducmV2LnhtbFBLBQYAAAAAAwADALcAAADyAgAAAAA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4,2520821r-2444,690l1645133,2521267r1191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3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2,2486082r-14553,2221l1345293,2493385r33139,4069c1380337,2496502,1383195,2496502,1387005,2495549v20002,-2857,39052,-4762,59055,-6667c1448203,2488406,1451716,2487751,1455778,2486992r4714,-910xm1550918,2472281r-49430,7544l1518450,2480309v10478,-476,18336,-2381,24408,-4524l1550918,2472281xm1731355,2470078r-155032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4r354,-1632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6,2535075r937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1,2265793r-4851,-3731xm2099802,2237197r-327,225l2099475,2237694r1514,216l2101380,2237422r-1578,-225xm2120380,2222979r-5624,3885l2113762,2227897r3856,-2468l2120380,2222979xm382287,2175002r35974,42356l389737,2183129r-7450,-8127xm2187820,2174974r-85,30l2187105,2179320v-7620,7620,-10478,12382,-15240,17145c2168055,2201227,2163292,2206942,2153767,2216467r1091,-251l2171865,2197417v3810,-4762,7620,-9525,15240,-17145c2188296,2177177,2188475,2175510,2187820,2174974xm475386,2153525r1886,2297l477367,2155507r-1981,-1982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78787,2272865r3343,1704c484988,2271712,488798,2268854,492608,2265997v28575,24765,59055,49530,90487,71437c577380,2339339,572618,2341244,564998,2343149v2857,1905,3810,2858,6667,4763c562140,2347912,554520,2348864,544995,2348864v-5715,-3810,-11430,-7620,-17145,-11430c522135,2333624,517373,2328862,511658,2325052v-13335,-11430,-27623,-21908,-40005,-33338c459270,2280284,446888,2268854,434505,2258377v-12382,-11430,-22860,-22860,-34290,-33338c394500,2219324,388785,2213609,384023,2208847v-4763,-5715,-10478,-11430,-15240,-17145c369735,2189797,379260,2195512,374498,2184082v6667,5715,13335,11430,19050,17145c401168,2206942,407835,2212657,414503,2217419v8572,9525,17145,18098,25717,27623l442406,2246917r-27903,-29498c407835,2211704,401168,2206942,394500,2201227v-6667,-5715,-12382,-11430,-19050,-17145c368783,2175509,361163,2166937,354495,2158364v-6667,-8572,-13335,-18097,-20002,-26670xm2432850,1980247r-483,207l2421964,2005422r10886,-25175xm2422850,1860918r-25242,36461c2392845,1904999,2389035,1912619,2385225,1920239v-4762,7620,-8572,14288,-12382,20955c2363318,1954529,2353793,1967864,2343315,1980247v-8572,13335,-16192,25717,-25717,39052c2309978,2029777,2302358,2040254,2294738,2050732r-1906,1165l2291272,2054208r2513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1,1790989,2407787,1830865,2386218,1869449r-8558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10l2141046,2177871r-15534,12663l2112810,2205037v-15240,12383,-30480,23813,-46673,35243l2058824,2244900r-19864,16193l2036092,2262956r-4245,3994c2019465,2275522,2007082,2284095,1994700,2291715v-12383,7620,-24765,15240,-37148,22860l1953300,2316730r-25152,16337l1920351,2337000r-7566,5197c1905165,2346960,1896592,2351722,1887067,2356485r-24029,9424l1809483,2392922v-40768,17834,-82698,33504,-125647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10r5353,-20076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3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1,46215l2586542,1451152r11091,-46214l2597632,1404937xm2606205,1395412v-1905,3810,-3810,6668,-5715,12383l2599181,1433750v-119,7382,-119,14526,-596,24527l2589060,1487586r,3348l2600490,1458277v953,-20003,,-28575,1905,-50483l2606836,1398173r-631,-2761xm2565247,1354454r-6241,14753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8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0r5599,-22649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0,383325r-7779,8152l454684,394338r-1285,1452c451546,398815,450698,401003,447840,403860v-19050,21907,-39052,43815,-58102,68580c384023,479107,378308,484822,373545,491490v-5715,6667,-10477,13335,-16192,20002l285752,590631r72553,-80091c364020,503872,368782,497205,374497,490537v5715,-6667,11430,-12382,16193,-19050c409740,446722,429742,425767,448792,402907r5892,-8569l464430,383325r739,-775xm489348,316869v-1585,-200,-4878,1307,-8221,2864l475013,322003r-1455,1846c469748,326707,465938,329564,463080,333374v-9525,5715,-17145,10478,-26670,17145l418313,370522r-17145,20002c397358,393382,394500,396239,389738,401002r-388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9,-3393,9287,-6370l512657,355403r28528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8,48458v6548,357,13692,1072,20359,2024c1511782,52387,1523212,56197,1526070,60007v-5715,-952,-11430,-1905,-20955,-2857c1495590,56197,1482255,53340,1461300,48577v4286,-476,10239,-476,16788,-119xm1588935,40957v13335,952,25717,1905,39052,2857c1644180,48577,1659420,56197,1675612,62864v-22860,-2857,-43815,-7620,-59055,-10477c1601317,48577,1590840,44767,1588935,40957xm1270324,40719v-36671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1l162090,776287v-3810,8573,-6668,19050,-10478,28575c148755,810577,146850,814387,143992,818197r-1905,1905l133634,848201v-1547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800,571l2002949,264417v324310,219099,537534,590139,537534,1010980l2540081,1283368r10879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9,1427648r251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v-5715,3810,-11430,6668,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6,2151085r10126,-14628c2341410,2120264,2372842,2075497,2378557,2080259v-2857,20003,-30480,45720,-39052,59055c2331885,2148363,2325456,2155031,2319383,2160389r-16153,11874l2302357,2173605r-10099,7769l2291880,2184082v-14288,15240,-28575,31433,-44768,45720c2231872,2245042,2216632,2260282,2199487,2273617r-2202,1598l2181390,2295524v-11430,10478,-24765,19050,-38100,28575l2107681,2350806r-128,155l2143290,2325052v12382,-9525,25717,-19050,38100,-28575c2173770,2309812,2163292,2318384,2149957,2327909v-10953,10002,-18811,14050,-25598,16669l2106651,2352057r-509,618c2099475,2357437,2093760,2361247,2087092,2365057r-7178,3327l2061852,2383036v-6668,5120,-12383,9168,-17622,12501c2034705,2403157,2027085,2407920,2017560,2412682v1905,-2857,-2857,-952,-8572,953l1999460,2417870r-1481,1125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80,2554816r-2720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6,4041l237654,1833303r-8845,-16053l214411,1784874r-17079,-28465c190665,1737359,183045,1718309,176377,1699259r-17953,-58585l152529,1623596v-9989,-33579,-18570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6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7,9822,804,14332l315045,461363r30877,-31786c348780,423862,354495,417195,361162,409575v6668,-6668,14288,-13335,20003,-19050l382889,392440r-771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3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white [3212]" stroked="f">
                <v:fill color2="#0072c7 [3205]" o:opacity2="19660f" focusposition="1" focussize="" focus="100%" type="gradientRadial"/>
                <v:stroke joinstyle="miter"/>
                <v:path arrowok="t" o:connecttype="custom" o:connectlocs="2209188,3988366;2190197,3998591;2191335,3999079;2367090,3884555;2305689,3899175;2213588,3910871;2209203,3899175;2273527,3893327;2367090,3884555;2526804,3869250;2523053,3870309;2524976,3869935;1381029,3847273;1446083,3864087;1473861,3865548;1551341,3903562;1586427,3910871;1588622,3911603;1596661,3903562;1627361,3912334;1658062,3919643;1718553,3933712;1719462,3932802;1789634,3944498;1823257,3950346;1856882,3953270;1925591,3956194;2019153,3954731;2023214,3954731;2032311,3949614;2052778,3943035;2073610,3942670;2087864,3944496;2091701,3954731;2124411,3954731;2114178,3969351;2108330,3976662;2089325,3985434;2054239,3985434;2008920,3982510;1910972,3979586;1837876,3973738;1773552,3964966;1709228,3954731;1611280,3940111;1535261,3915258;1536140,3914619;1491404,3900638;1451931,3883094;1406613,3868473;1359831,3852391;1381029,3847273;2241586,3815929;2219250,3819338;2064777,3827138;2115639,3833384;2128797,3830460;2219436,3820226;2234351,3817325;2380373,3794745;2304508,3806325;2330541,3807068;2368003,3800124;2657311,3791364;2419365,3854734;2539778,3827903;1131773,3761746;1299892,3833384;1359831,3852391;1405150,3868472;1450470,3883092;1489941,3900636;1481169,3907947;1457779,3903560;1374451,3872859;1333517,3856776;1292583,3839232;1238492,3820226;1191711,3799758;1155164,3780751;1131773,3761746;1200484,3725197;1280888,3766133;1270656,3771981;1177093,3726658;1200484,3725197;903715,3625780;1003125,3681336;1023592,3704729;976810,3679874;941725,3657944;903715,3625780;1078035,3588265;1078048,3588681;1082986,3594658;1083529,3592153;3212997,3492295;3207688,3492737;3119974,3555604;3033720,3602388;2972320,3638937;2938696,3653557;2903611,3668178;2861214,3690108;2829052,3709114;2782271,3728121;2734029,3745665;2720871,3758822;2700404,3766133;2649238,3774905;2583451,3795373;2523513,3814378;2457727,3833385;2375860,3853853;2260369,3872859;2257445,3877245;2201917,3891129;2203355,3891866;2265021,3876447;2266217,3872859;2381709,3853853;2463576,3833385;2529361,3814378;2589300,3795373;2655086,3774905;2706253,3766133;2671615,3786917;2672628,3786601;2709177,3764670;2729644,3757361;2731007,3756983;2739876,3747126;2788120,3729582;2834901,3710577;2867064,3691570;2909458,3669640;2944544,3655020;2968604,3644560;2981093,3636013;3042493,3599464;3128745,3552680;706107,3472077;711657,3476838;713553,3477803;3222809,3433911;3222307,3434256;3222307,3434674;3224631,3435005;3225231,3434256;3254393,3412087;3245761,3418051;3244235,3419636;3250154,3415848;586740,3338447;641954,3403460;598175,3350921;3357901,3338404;3357770,3338450;3356803,3345075;3333413,3371391;3305636,3402092;3307310,3401707;3333413,3372852;3356803,3346536;3357901,3338404;729630,3305481;732525,3309007;732670,3308524;513385,3271973;551395,3296827;553261,3299025;570582,3302858;609870,3339225;663961,3383085;687352,3415249;700508,3431332;756061,3478116;739981,3491274;688245,3433785;685891,3434256;734850,3488658;739981,3491274;756063,3478116;894943,3587766;867168,3596538;877400,3603849;836467,3605310;810153,3587766;785301,3568761;723900,3517590;666885,3466420;614256,3415249;589405,3390396;566014,3364080;574785,3352384;604024,3378700;636186,3403553;675657,3445952;679012,3448830;636186,3403553;605485,3378700;576247,3352384;544085,3312909;513385,3271973;3733977,3039514;3733235,3039832;3717269,3078156;3718628,2856354;3679887,2912319;3660881,2947407;3641877,2979571;3596557,3039514;3557086,3099456;3522000,3147703;3519075,3149491;3516680,3153038;3520537,3150627;3555623,3102381;3595096,3042438;3640414,2982497;3659420,2950332;3678424,2915244;3717896,2858225;3869935,2836296;3850930,2893313;3817306,2954718;3783682,3017585;3752982,3057058;3773449,3016122;3790992,2975186;3804148,2953256;3821691,2924016;3837773,2894776;3869935,2836296;3775309,2710973;3739824,2773429;3739172,2774930;3774910,2712024;3794771,2569516;3752121,2686050;3662405,2869448;3649270,2890217;3649186,2890389;3618485,2943022;3587785,3000041;3552700,3043901;3523461,3093609;3350956,3288055;3293940,3336302;3288470,3340462;3286111,3342850;3262269,3362287;3242774,3384548;3171140,3438643;3159916,3445734;3129428,3470589;3125026,3473449;3118511,3479579;3061497,3517591;3004482,3552680;2997956,3555987;2959352,3581063;2947385,3587100;2935773,3595077;2896300,3617008;2859420,3631473;2777223,3672936;2584378,3744865;2449996,3779421;2558599,3758822;2579066,3754435;2644851,3731043;2685785,3717886;2751572,3684259;2826128,3657943;2873897,3639209;2894839,3627241;2913842,3621395;2940158,3606773;2947072,3601967;2965011,3584844;3004482,3561452;3049387,3539438;3065882,3529286;3122897,3491274;3147749,3467882;3175526,3450338;3247159,3396244;3298327,3347997;3355341,3299752;3527846,3105304;3551587,3064943;3552700,3061443;3590709,3002963;3602405,2985419;3617955,2963849;3622871,2954718;3653571,2902085;3713510,2777814;3771986,2644772;3789164,2590677;3954725,2440091;3950340,2443015;3950340,2443015;3968533,2353443;3968008,2356030;3972268,2361142;3985425,2375762;3994197,2369914;3994418,2368792;3988349,2372838;3973730,2359680;3955503,2187364;3954482,2187420;3952633,2187523;3953263,2194473;3951802,2231024;3945955,2252954;3910869,2308510;3902097,2356757;3893326,2372838;3878707,2443015;3862625,2498571;3845082,2552666;3834849,2595064;3823154,2638924;3832481,2624416;3840697,2593601;3848006,2549741;3865549,2495647;3881631,2440091;3896250,2369914;3905021,2353832;3913793,2305586;3948878,2250030;3925488,2362604;3907945,2456172;3868473,2576057;3860665,2588204;3857327,2606394;3846545,2637463;3805611,2726644;3786605,2773429;3774910,2798283;3760291,2824600;3720820,2894776;3678424,2963490;3624334,3055597;3564395,3146241;3524924,3197411;3482528,3247119;3467909,3267587;3451828,3288055;3426975,3308524;3386329,3353530;3387503,3358232;3345108,3402092;3299788,3434256;3263241,3463496;3228619,3488800;3234003,3488351;3272012,3460572;3308561,3431332;3353879,3399168;3396276,3355308;3394813,3349460;3435747,3304138;3460600,3283670;3476680,3263202;3491299,3242734;3533695,3193026;3573166,3141855;3633105,3051210;3687195,2959104;3729592,2890389;3769063,2820213;3783682,2793897;3795377,2769043;3814383,2722259;3855316,2633076;3871396,2573134;3910869,2453250;3928412,2359681;3951802,2247106;3957076,2227331;3953263,2226638;3954725,2190088;3986887,2156461;3969864,2227397;3969866,2227397;3986888,2156463;4000045,2141841;3991273,2160848;3989264,2200687;3988349,2238334;3973730,2283321;3973730,2288459;3991273,2238334;3994197,2160846;4001013,2146079;3937182,2078974;3927603,2101619;3924025,2134532;3919413,2119157;3917726,2121327;3922564,2137456;3919640,2160848;3925488,2179853;3930020,2179602;3926949,2169618;3929873,2146226;3937182,2078974;4059984,2039501;4062908,2040962;4061445,2102366;4062908,2144765;4058521,2222251;4054136,2266111;4040978,2330439;4036593,2384534;4014664,2483951;3994197,2570209;3957650,2586292;3960574,2577520;3966421,2516115;3988349,2451787;4005892,2441554;4005892,2441552;4024898,2330439;4035131,2277807;4043902,2223714;4051212,2172542;4054136,2124297;4055597,2083361;4058521,2061430;4059984,2039501;205897,1361617;206625,1361981;206694,1361777;294098,1152062;261936,1212004;235622,1233935;235559,1235335;233014,1291304;233088,1291170;235622,1235396;261936,1213465;294098,1153524;295194,1154254;295742,1153158;311640,1024867;291173,1039487;260474,1103815;267497,1109435;267726,1108448;261936,1103815;292636,1039487;310759,1026542;424208,941533;422361,943011;414523,973149;409589,988317;275093,1233935;256087,1293876;238544,1355281;200534,1483937;175683,1571658;163987,1637449;158140,1671074;153753,1704701;140597,1795346;136210,1850902;143521,1909383;146946,1877518;146444,1866984;152292,1805579;165449,1714935;175884,1702411;191037,1600996;190302,1583354;204744,1541947;213338,1507182;210769,1513178;201997,1510254;180068,1573121;181530,1608209;171296,1675461;169835,1687157;155216,1704701;159601,1671074;165449,1637449;177144,1571658;201997,1483937;240007,1355281;257550,1293876;276554,1233935;411050,988317;424208,941533;450524,795332;450522,795332;457831,801180;457831,801179;713949,587182;713668,587406;712815,588372;700875,600885;697856,605276;695884,607505;687352,619891;598176,725156;573323,754396;548471,785098;438577,906569;549932,783636;574784,752933;599637,723693;688813,618429;697856,605276;712815,588372;751059,486368;738441,490764;729057,494248;726824,497081;710743,511701;669809,538017;642033,568720;615719,599422;598176,615505;597581,614759;580998,634694;552856,669600;507537,719308;514846,728078;514986,727956;508999,720769;554317,671061;599637,615505;617180,599423;643495,568720;671270,538019;712204,511703;728285,497083;745828,490504;751366,488785;2868525,222225;2943081,255851;2975244,282167;2903611,247079;2868525,222225;2625847,115498;2684324,128655;2766191,169591;2625847,115498;1745778,105813;1715077,109650;1649290,118422;1584966,133042;1557190,141814;1525028,150586;1454651,164413;1441699,169593;1352523,200294;1264808,235383;1203408,263161;1162474,279243;1061601,326027;1013359,356730;966578,387431;892020,442988;821848,498544;754689,557135;760448,564335;774701,554558;786834,545514;830619,507316;900791,451760;975348,396203;1022129,365500;1070373,334799;1171244,288015;1210716,267547;1272117,239768;1359831,204680;1449007,173978;1486468,166620;1504563,160436;1750864,107297;2268593,74379;2299840,77486;2342236,92106;2310074,87720;2242826,74562;2268593,74379;2438723,62866;2498660,67251;2571756,96491;2481117,80410;2438723,62866;1949713,62500;1780862,71638;1663909,87719;1608357,102339;1560113,119883;1492865,128655;1238492,226610;1146392,267547;1118615,277780;1093763,290939;1046982,315792;973887,353804;918334,397665;757524,523397;723917,552622;691040,582644;691737,583340;438827,880127;387659,950304;364269,992703;340878,1032176;297021,1114049;249314,1189230;248778,1191536;232696,1235396;221001,1255864;218077,1258788;205104,1301918;201997,1327503;199073,1364053;178607,1423996;159601,1483937;139134,1571658;127439,1652069;120130,1732479;130363,1676923;131311,1672338;133286,1650606;144982,1570197;148644,1571418;148962,1570060;144983,1568734;165450,1481013;184454,1421070;204827,1361404;203460,1361129;206384,1324579;222464,1255864;234159,1235396;234552,1234328;250241,1191536;298483,1115511;342341,1033639;365731,994166;389122,951767;440290,881590;693200,584803;760448,523399;921258,397666;976810,353806;1049906,315794;1096687,290939;1121541,277782;1149316,267547;1241417,226610;1495790,128657;1563038,119885;1611280,102341;1666833,87720;1783786,71638;1952637,63048;2088355,67602;2155112,0;2223821,4385;2293992,11696;2340774,23392;2371475,38012;2409484,30701;2466498,43860;2501584,54094;2500123,55556;2498660,65790;2438723,61404;2418256,55556;2397789,51170;2358317,42397;2318846,33625;2277912,27777;2232594,27777;2196045,27777;2139031,27777;2136353,26922;2111254,39473;2120026,54094;2207740,71638;2168707,72319;2169365,72370;2210664,71638;2245750,76024;2312998,89182;2345160,93569;2399252,105265;2454804,116961;2508894,130118;2562986,146201;2589300,153510;2615615,162282;2615954,162592;2634824,165846;2680554,182841;2686942,192520;2688710,192985;2729644,209066;2764730,223686;2799816,239769;2826130,254389;2843673,263161;2862677,273395;2927001,309946;3008868,362578;3051264,391818;3052492,392695;3074158,405858;3899173,1957628;3898556,1969863;3915254,1972248;3931334,1983944;3938644,2023418;3966420,2070202;3978117,2071266;3978117,2059969;3990001,2026954;3989810,2020495;4001506,1981020;4017588,1981020;4042439,1964939;4045363,2029267;4038054,2059969;4029283,2089209;4024896,2137456;4023435,2162309;4020511,2187164;4014279,2191321;4014664,2193011;4020636,2189029;4023435,2165233;4024896,2140380;4029283,2092133;4038054,2062893;4045363,2032191;4057058,2040963;4055597,2062893;4052673,2084824;4051211,2125760;4048287,2174005;4040978,2225176;4032207,2279270;4021973,2331902;4002968,2443015;3985425,2453250;3963496,2517578;3957648,2578982;3954725,2587754;3929873,2655007;3922563,2660855;3891863,2732492;3924025,2660855;3931334,2655007;3884553,2788049;3859701,2801208;3854547,2811518;3855316,2812902;3861164,2801206;3886015,2788049;3868473,2837757;3836310,2896237;3820230,2925477;3802687,2954718;3789529,2976647;3770525,3019046;3750058,3059982;3717896,3103842;3685734,3144779;3687074,3142019;3650647,3191563;3571704,3277822;3556162,3301736;3571704,3279283;3650647,3193024;3590709,3283669;3559826,3316017;3535034,3334243;3533694,3336302;3518194,3348227;3517614,3352384;3448903,3422560;3375807,3489813;3372428,3492265;3348032,3523438;3289555,3567298;3234902,3608291;3234706,3608529;3289555,3568761;3348032,3524901;3299788,3573146;3260500,3598732;3233321,3610211;3232540,3611160;3203302,3630165;3192285,3635272;3164563,3657762;3137517,3676950;3096583,3703266;3083427,3704729;3068803,3711229;3066530,3712956;3084888,3706190;3098046,3704729;3045417,3744202;3011792,3761748;2978169,3777829;2954419,3781391;2950392,3783677;2839286,3831922;2833621,3833210;2799816,3855315;2818820,3861163;2748648,3891866;2754496,3871397;2731105,3880169;2709177,3887479;2663857,3902099;2657802,3894831;2636080,3899175;2609765,3905023;2555676,3918182;2553892,3919011;2605381,3906484;2631695,3900636;2653623,3896251;2662394,3903560;2707714,3888940;2729642,3881631;2753033,3872859;2747185,3893327;2685785,3922567;2682775,3921724;2640466,3938648;2605381,3948883;2552752,3962040;2531006,3960214;2485524,3969064;2484041,3972275;2362703,3995667;2334926,3988357;2311535,3988357;2270602,4001515;2234055,4004439;2197506,4005901;2193536,4004200;2160229,4010105;2120026,4002977;2121488,4001515;2128797,3991281;2095174,3986895;2111254,3978123;2159498,3976660;2206279,3975199;2273526,3976660;2320307,3972275;2408022,3953268;2466498,3940111;2510355,3938648;2513407,3937232;2470885,3938650;2412408,3951807;2324693,3970814;2277912,3975199;2210664,3973738;2163883,3975199;2115639,3976662;2117102,3970814;2127335,3956194;2577603,3881631;2883144,3766133;2963548,3723734;3008868,3700342;3055649,3675488;3143364,3622856;3213536,3568761;3345108,3466420;3381655,3437180;3416741,3406479;3469370,3358232;3491299,3321682;3522798,3292806;3523051,3290992;3492762,3318758;3470832,3355308;3418204,3403555;3383118,3434256;3346571,3463496;3214999,3565837;3144827,3619932;3057112,3672564;3010331,3697418;2965011,3720810;2884606,3763209;2579066,3878707;2128797,3953270;2095174,3953270;2090787,3941574;2055702,3940111;2023540,3953270;1929977,3954731;1861268,3951807;1827643,3948883;1794020,3943035;1814275,3921430;1810100,3922567;1734637,3908592;1731157,3909410;1586429,3883094;1529413,3871397;1479708,3862625;1419771,3834846;1345212,3807069;1267732,3776366;1280888,3766133;1334980,3776366;1358370,3796834;1438775,3820226;1598124,3861163;1637595,3868473;1679991,3875783;1726772,3886018;1778325,3897166;1782323,3896251;1830567,3903562;1832028,3900638;1902200,3903562;1913895,3905023;2022077,3905023;2101020,3907947;2194582,3900638;2206278,3900638;2210664,3912334;2302764,3900638;2364164,3886018;2399250,3880169;2421180,3877245;2469422,3865549;2508894,3856777;2548365,3846543;2620767,3834011;2630234,3830461;2554214,3843619;2514742,3853853;2475271,3862625;2427027,3874321;2405099,3877245;2370013,3883094;2274988,3891866;2210664,3897714;2198969,3897714;2105407,3905023;2026463,3902099;1918282,3902099;1906587,3900638;1861268,3881631;1836415,3897714;1836352,3897839;1856882,3884555;1902202,3903560;1832030,3900636;1832582,3900278;1786710,3893327;1732620,3881631;1685839,3871397;1643442,3864087;1603972,3856777;1444622,3815841;1364218,3792449;1340827,3771981;1286736,3761746;1206331,3720810;1182941,3722273;1099611,3679874;1084992,3653557;1087916,3652096;1139084,3679874;1190250,3707653;1204869,3698880;1144931,3659406;1095226,3637476;1026516,3598001;968039,3559989;875939,3520516;840853,3491275;848162,3488351;883248,3498585;810153,3422560;769219,3388935;731209,3355308;682967,3315834;612795,3238347;607980,3223299;593790,3209107;545547,3156475;539700,3130159;520694,3103842;518430,3100292;495841,3084836;451983,3021970;427132,2963490;424208,2963490;390585,2899161;358422,2834833;324798,2760271;294098,2684247;324798,2735416;355499,2799745;365731,2834833;369961,2841036;364755,2813967;351180,2789327;329081,2739633;302868,2695941;270706,2608221;243152,2518298;234104,2492085;194696,2334774;177268,2220575;177144,2223714;178607,2247106;185915,2301201;194687,2356757;180068,2308510;169835,2247106;158140,2247106;150829,2191549;140597,2156461;131825,2122836;106972,2096520;99663,2096520;92353,2059969;89429,2013184;95277,1947395;98201,1924003;103180,1907958;100759,1871370;104048,1817275;109896,1806311;109896,1799731;98201,1821662;87968,1807042;68962,1780726;65491,1759892;64577,1761719;58730,1820199;54343,1878680;49958,1924003;49958,2017570;51419,2065817;54343,2114062;41187,2159385;38263,2159385;29491,2071665;29491,1981020;36800,1910844;49952,1923995;38263,1909383;35339,1856750;38263,1776339;39724,1754410;44111,1717859;61654,1652069;70394,1608364;67501,1597974;57267,1656454;39724,1722246;35339,1758795;33876,1780726;30953,1861136;33876,1913768;26568,1983944;26568,2074589;35339,2162309;38263,2162309;57267,2245644;67501,2314358;89429,2384534;123967,2535441;126981,2564362;133288,2564362;165450,2641848;177145,2681323;155216,2647696;131825,2595064;130364,2609684;117645,2570255;108435,2571671;98201,2538046;63115,2457635;41187,2385997;39724,2326054;29491,2255878;22181,2185701;6101,2134532;16334,1862598;26568,1792422;17796,1754410;35339,1649145;39724,1624290;51419,1539494;82120,1478089;74810,1561425;82117,1547141;86505,1512995;87968,1475165;101124,1426918;121591,1353818;146444,1279256;148306,1277161;159602,1217852;175683,1175453;194688,1140365;232698,1067264;263397,1001475;307255,916678;339417,880127;365731,828958;387661,796794;411051,785098;416899,776326;440290,729541;485608,676909;486842,698907;483536,708154;530927,659365;554317,628663;585018,599423;587664,602363;586481,600885;624490,562872;662500,527784;703434,483924;760448,441525;821848,396203;858559,370590;883248,347956;927105,321640;973887,296787;980080,293602;995999,277964;1022131,258775;1050821,244155;1071117,239482;1074758,236844;1472398,76023;1487152,72815;1527951,58479;1556093,52813;1570767,52689;1576194,51170;1909510,7309;2004169,6944;2105407,8771;2107291,10184;2156574,4385;2201893,11695;2247213,20467;2270594,25782;2245750,19005;2200430,10233;2155112,2924;2155112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</v:shape>
              <v:shape id="Freeform: Shape 18" o:spid="_x0000_s1028" style="position:absolute;left:42280;top:4402;width:32260;height:31838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4n/bUwQAAANsAAAAPAAAAZHJzL2Rvd25yZXYueG1sRE9La8JA&#10;EL4X+h+WKXirm0awNXWVElS8SaMHvU2z0yQ0Oxuym4f/3hWE3ubje85yPZpa9NS6yrKCt2kEgji3&#10;uuJCwem4ff0A4TyyxtoyKbiSg/Xq+WmJibYDf1Of+UKEEHYJKii9bxIpXV6SQTe1DXHgfm1r0AfY&#10;FlK3OIRwU8s4iubSYMWhocSG0pLyv6wzCvgniy+783tadXJWHw+bzjZFp9TkZfz6BOFp9P/ih3uv&#10;w/wF3H8JB8jVDQAA//8DAFBLAQItABQABgAIAAAAIQDb4fbL7gAAAIUBAAATAAAAAAAAAAAAAAAA&#10;AAAAAABbQ29udGVudF9UeXBlc10ueG1sUEsBAi0AFAAGAAgAAAAhAFr0LFu/AAAAFQEAAAsAAAAA&#10;AAAAAAAAAAAAHwEAAF9yZWxzLy5yZWxzUEsBAi0AFAAGAAgAAAAhALif9tTBAAAA2wAAAA8AAAAA&#10;AAAAAAAAAAAABwIAAGRycy9kb3ducmV2LnhtbFBLBQYAAAAAAwADALcAAAD1AgAAAAA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3,2520821r-2442,690l1645133,2521267r1190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2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1,2486082r-14552,2221l1345293,2493385r33139,4069c1380337,2496502,1383195,2496502,1387005,2495549v20002,-2857,39052,-4762,59055,-6667c1448203,2488406,1451715,2487751,1455778,2486992r4713,-910xm1550918,2472281r-49430,7544l1518450,2480309v10478,-476,18336,-2381,24408,-4524l1550918,2472281xm1731355,2470078r-155033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3r354,-1631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5,2535075r938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0,2265793r-4850,-3731xm2099801,2237197r-326,225l2099475,2237694r1514,216l2101380,2237422r-1579,-225xm2120379,2222979r-5623,3885l2113762,2227897r3856,-2468l2120379,2222979xm382287,2175002r35972,42353l389737,2183129r-7450,-8127xm2187820,2174974r-85,30l2187105,2179320v-7620,7620,-10478,12382,-15240,17145c2168055,2201227,2163292,2206942,2153767,2216467r1091,-252l2171865,2197417v3810,-4762,7620,-9525,15240,-17145c2188296,2177177,2188474,2175510,2187820,2174974xm475386,2153526r1886,2295l477367,2155507r-1981,-1981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46888,2237422r31899,35443l482130,2274569v2858,-2857,6668,-5715,10478,-8572c521183,2290762,551663,2315527,583095,2337434v-5715,1905,-10477,3810,-18097,5715c567855,2345054,568808,2346007,571665,2347912v-9525,,-17145,952,-26670,952c539280,2345054,533565,2341244,527850,2337434v-5715,-3810,-10477,-8572,-16192,-12382c498323,2313622,484035,2303144,471653,2291714v-12383,-11430,-24765,-22860,-37148,-33337c422123,2246947,411645,2235517,400215,2225039v-5715,-5715,-11430,-11430,-16192,-16192c379260,2203132,373545,2197417,368783,2191702v952,-1905,10477,3810,5715,-7620c381165,2189797,387833,2195512,393548,2201227v7620,5715,14287,11430,20955,16192c423075,2226944,431648,2235517,440220,2245042r2186,1875l414503,2217419v-6668,-5715,-13335,-10477,-20003,-16192c387833,2195512,382118,2189797,375450,2184082v-6667,-8573,-14287,-17145,-20955,-25718c347828,2149792,341160,2140267,334493,2131694xm2432850,1980247r-483,207l2421963,2005422r10887,-25175xm2422850,1860918r-25242,36461c2392845,1904999,2389035,1912619,2385225,1920239v-4762,7620,-8572,14288,-12382,20955c2363318,1954529,2353793,1967864,2343315,1980247v-8572,13335,-16192,25717,-25717,39052c2309978,2029777,2302358,2040254,2294738,2050732r-1907,1165l2291271,2054208r2514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498930,1857612v-4405,8097,-7977,15003,-7977,17860c2486190,1885949,2480475,1898332,2473808,1909762v6667,-12383,12382,-23813,17145,-34290c2490953,1872615,2494525,1865709,2498930,1857612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0,1790989,2407787,1830865,2386218,1869449r-8559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09l2141045,2177871r-15533,12663l2112810,2205037v-15240,12383,-30480,23813,-46673,35243l2058824,2244899r-19864,16194l2036091,2262956r-4244,3994c2019465,2275522,2007082,2284095,1994700,2291715v-12383,7620,-24765,15240,-37148,22860l1953301,2316730r-25153,16337l1920350,2337000r-7565,5197c1905165,2346960,1896592,2351722,1887067,2356485r-24028,9423l1809482,2392922v-40767,17835,-82698,33504,-125646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09r5353,-20075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2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2,46215l2586541,1451152r11092,-46214l2597632,1404937xm2606205,1395412v-1905,3810,-3810,6668,-5715,12383l2600490,1407795r-1310,25955c2599062,1441132,2599062,1448276,2598585,1458277r-9525,29309l2589060,1490934r11430,-32657c2601443,1438274,2600490,1429702,2602395,1407794r4441,-9621l2606205,1395412xm2565247,1354454r-6242,14754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7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1r5599,-22650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1,383323r-7781,8154l454683,394339r-1284,1451c451546,398815,450698,401003,447840,403860v-19050,21907,-39052,43815,-58102,68580c384023,479107,378308,484822,373545,491490v-5715,6667,-10477,13335,-16192,20002l285782,590597r72523,-80057c364020,503872,368782,497205,374497,490537v5715,-6667,11430,-12382,16193,-19050c409740,446722,429742,425767,448792,402907r5891,-8568l464431,383323r738,-773xm489348,316869v-1585,-200,-4878,1306,-8221,2864l475013,322003r-1455,1846c469748,326707,465938,329564,463080,333374v-9525,5715,-17145,10478,-26670,17145l418313,370522r-17145,20002c397358,393382,394500,396239,389738,401002r-389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8,-3393,9287,-6370l512656,355403r28529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7,48458v6549,357,13693,1072,20360,2024c1511782,52387,1523212,56197,1526070,60007v-5715,-952,-11430,-1905,-20955,-2857c1495590,56197,1482255,53340,1461300,48577v4286,-476,10239,-476,16787,-119xm1588935,40957v13335,952,25717,1905,39052,2857c1644180,48577,1659420,56197,1675612,62864v-22860,-2857,-43815,-7620,-59055,-10477c1601317,48577,1590840,44767,1588935,40957xm1270324,40719v-36672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0l162090,776287v-3810,8573,-6668,19050,-10478,28575c148755,810577,146850,814387,143992,818197r-1905,1905l133634,848201v-1548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799,571l2002949,264417v324309,219099,537534,590139,537534,1010980l2540080,1283368r10880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8,1427648r252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r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5,2151085r10127,-14628c2341410,2120264,2372842,2075497,2378557,2080259v-2857,20003,-30480,45720,-39052,59055c2331885,2148363,2325455,2155031,2319383,2160388r-16154,11875l2302357,2173605r-10099,7769l2291880,2184082v-14288,15240,-28575,31433,-44768,45720c2231872,2245042,2216632,2260282,2199487,2273617r-2203,1598l2181390,2295524v-11430,10478,-24765,19050,-38100,28575l2107680,2350806r-127,155l2143290,2325052v12382,-9525,25717,-19050,38100,-28575c2173770,2309812,2163292,2318384,2149957,2327909v-10953,10002,-18811,14050,-25598,16669l2106651,2352057r-509,618c2099475,2357437,2093760,2361247,2087092,2365057r-7179,3327l2061852,2383036v-6668,5120,-12383,9168,-17622,12501c2034705,2403157,2027085,2407920,2017560,2412682v1905,-2857,-2857,-952,-8572,953l1999459,2417870r-1481,1124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79,2554816r-2719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5,4041l237654,1833304r-8846,-16053l214410,1784873r-17078,-28464c190665,1737359,183045,1718309,176377,1699259r-17951,-58580l152529,1623596v-9989,-33579,-18571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7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6,9822,804,14332l315045,461363r30877,-31786c348780,423862,354495,417195,361162,409575v6668,-6668,14288,-13335,20003,-19050l382888,392440r-770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2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2c567a [3204]" stroked="f">
                <v:stroke joinstyle="miter"/>
                <v:path arrowok="t" o:connecttype="custom" o:connectlocs="1753918,3166477;1738841,3174596;1739744,3174983;1879280,3084059;1830533,3095666;1757412,3104952;1753930,3095666;1804999,3091023;1879280,3084059;2006079,3071908;2003103,3072749;2004629,3072452;1096426,3054460;1148074,3067809;1170127,3068969;1231641,3099149;1259496,3104952;1261238,3105533;1267621,3099149;1291994,3106113;1316368,3111916;1364392,3123086;1365115,3122364;1420826,3131649;1447520,3136292;1474215,3138614;1528765,3140935;1603046,3139774;1606270,3139774;1613492,3135711;1629741,3130488;1646280,3130198;1657597,3131648;1660643,3139774;1686612,3139774;1678488,3151381;1673845,3157186;1658757,3164150;1630901,3164150;1594922,3161828;1517158,3159507;1459126,3154864;1408058,3147900;1356990,3139774;1279228,3128167;1218874,3108435;1219572,3107928;1184055,3096828;1152717,3082899;1116738,3071292;1079597,3058523;1096426,3054460;1779639,3029575;1761907,3032281;1639268,3038474;1679648,3043433;1690094,3041111;1762054,3032987;1773896,3030684;1889826,3012757;1829594,3021950;1850263,3022540;1880005,3017027;2109692,3010072;1920781,3060384;2016380,3039081;898537,2986558;1032010,3043433;1079597,3058523;1115577,3071290;1151557,3082898;1182894,3096826;1175930,3102631;1157360,3099148;1091204,3074773;1058706,3062004;1026208,3048076;983263,3032987;946123,3016737;917108,3001646;898537,2986558;953088,2957540;1016923,2990040;1008799,2994683;934518,2958700;953088,2957540;717477,2878610;796401,2922718;812650,2941290;775509,2921557;747654,2904146;717477,2878610;855873,2848826;855884,2849156;859804,2853900;860235,2851913;2550862,2772632;2546648,2772983;2477009,2822895;2408531,2860039;2359784,2889056;2333090,2900664;2305234,2912271;2271575,2929682;2246041,2944771;2208900,2959861;2170600,2973790;2160153,2984236;2143905,2990040;2103283,2997005;2051053,3013255;2003468,3028344;1951238,3043434;1886242,3059684;1794552,3074773;1792231,3078256;1748145,3089278;1749288,3089863;1798245,3077622;1799195,3074773;1890886,3059684;1955882,3043434;2008110,3028344;2055697,3013255;2107925,2997005;2148548,2990040;2121049,3006542;2121853,3006291;2150870,2988879;2167119,2983076;2168201,2982776;2175242,2974950;2213544,2961022;2250685,2945933;2276219,2930843;2309877,2913432;2337732,2901825;2356834,2893520;2366749,2886735;2415496,2857717;2483973,2820574;560593,2756581;564999,2760361;566503,2761127;2558651,2726280;2558254,2726554;2558254,2726886;2560099,2727149;2560575,2726554;2583726,2708954;2576874,2713688;2575663,2714947;2580362,2711939;465825,2650488;509657,2702100;474903,2660392;2665904,2650454;2665801,2650491;2665033,2655750;2646463,2676643;2624410,2701018;2625739,2700711;2646463,2677803;2665033,2656910;2665904,2650454;579268,2624317;581566,2627114;581682,2626731;407587,2597712;437763,2617445;439245,2619191;452996,2622233;484188,2651106;527132,2685928;545702,2711464;556148,2724233;600252,2761376;587485,2771822;546412,2726180;544542,2726554;544542,2726554;583412,2769745;587485,2771822;600253,2761376;710513,2848430;688462,2855395;696586,2861199;664088,2862359;643196,2848430;623466,2833341;574719,2792715;529453,2752090;487670,2711464;467940,2691732;449370,2670839;456334,2661553;479546,2682446;505081,2702178;536417,2735840;539081,2738125;505081,2702178;480706,2682446;457494,2661553;431960,2630213;407587,2597712;2964478,2413157;2963890,2413409;2951212,2443836;2952293,2267741;2921535,2312173;2906446,2340030;2891359,2365566;2855378,2413157;2824041,2460746;2796186,2499051;2793862,2500471;2791961,2503287;2795025,2501372;2822880,2463069;2854218,2415478;2890197,2367889;2905286,2342353;2920374,2314496;2951712,2269226;3044998,2263712;3035278,2285477;3014387,2327263;3035278,2285477;3044998,2263712;3072419,2251816;3057330,2297084;3030636,2345835;3003940,2395747;2979567,2427086;2995816,2394585;3009744,2362085;3020189,2344675;3034117,2321460;3046884,2298245;3072419,2251816;2997293,2152319;2969121,2201904;2968603,2203096;2996976,2153153;3012744,2040012;2978884,2132532;2907656,2278137;2897227,2294626;2897161,2294763;2872787,2336549;2848414,2381818;2820559,2416640;2797346,2456105;2660390,2610481;2615125,2648786;2610782,2652087;2608908,2653984;2589981,2669416;2574503,2687089;2517631,2730037;2508720,2735666;2484515,2755400;2481019,2757670;2475848,2762537;2430583,2792716;2385318,2820574;2380138,2823200;2349488,2843108;2339986,2847901;2330768,2854234;2299430,2871646;2270152,2883129;2204891,2916049;2051789,2973155;1945100,3000590;2031323,2984236;2047572,2980753;2099800,2962182;2132298,2951736;2184528,2925038;2243720,2904145;2281644,2889272;2298270,2879770;2313357,2875129;2334250,2863520;2339739,2859705;2353981,2846110;2385318,2827538;2420969,2810061;2434065,2802001;2479330,2771822;2499061,2753250;2521113,2739322;2577984,2696375;2618607,2658070;2663872,2619767;2800827,2465389;2819675,2433346;2820559,2430567;2850736,2384138;2860021,2370209;2872367,2353084;2876270,2345835;2900642,2304048;2948229,2205386;2994655,2099760;3008293,2056812;3139735,1937258;3136253,1939579;3136253,1939579;3150698,1868466;3150281,1870519;3153662,1874578;3164109,1886186;3171072,1881543;3171248,1880652;3166430,1883864;3154823,1873417;3140352,1736610;3139542,1736656;3138074,1736737;3138575,1742255;3137414,1771274;3132772,1788684;3104917,1832792;3097953,1871097;3090989,1883864;3079382,1939579;3066615,1983687;3052687,2026635;3044563,2060295;3035278,2095117;3042683,2083597;3049206,2059134;3055008,2024312;3068936,1981365;3081704,1937258;3093310,1881543;3100274,1868774;3107238,1830471;3135093,1786363;3116523,1875738;3102595,1950025;3071257,2045205;3065058,2054849;3062407,2069291;3053848,2093957;3021350,2164761;3006261,2201904;2996976,2221637;2985370,2242530;2954033,2298245;2920374,2352799;2877431,2425926;2829844,2497891;2798507,2538516;2764848,2577981;2753242,2594231;2740475,2610481;2720744,2626731;2688474,2662464;2689406,2666196;2655748,2701018;2619767,2726554;2590752,2749769;2563265,2769858;2567539,2769502;2597716,2747447;2626732,2724233;2662712,2698697;2696371,2663875;2695210,2659232;2727708,2623250;2747439,2607000;2760206,2590749;2771812,2574499;2805471,2535034;2836808,2494408;2884395,2422443;2927338,2349317;2960997,2294763;2992334,2239048;3003940,2218154;3013225,2198423;3028314,2161279;3060812,2090474;3073579,2042885;3104917,1947705;3118844,1873418;3137414,1784041;3141601,1768342;3138575,1767791;3139735,1738773;3165269,1712076;3151753,1768394;3151754,1768394;3165270,1712077;3175715,1700469;3168751,1715559;3168751,1715559;3167155,1747188;3166430,1777077;3154823,1812793;3154823,1816873;3168751,1777077;3171072,1715558;3176484,1703833;3125807,1650557;3118201,1668536;3115362,1694666;3111700,1682459;3110361,1684182;3114202,1696987;3111880,1715559;3116523,1730648;3120121,1730448;3117683,1722522;3120004,1703950;3125807,1650557;3223302,1619218;3225623,1620378;3224462,1669128;3225623,1702790;3222141,1764308;3218659,1799130;3208213,1850202;3204732,1893150;3187321,1972080;3171072,2040562;3142057,2053331;3144378,2046366;3149021,1997616;3166430,1946544;3180358,1938419;3180358,1938418;3195447,1850202;3203570,1808416;3210534,1765470;3216338,1724844;3218659,1686540;3219819,1654040;3222141,1636628;3223302,1619218;163466,1081027;164043,1081315;164098,1081153;233491,914655;207956,962245;187065,979656;187015,980767;184995,1025203;185052,1025097;187065,980816;207956,963405;233491,915815;234361,916395;234796,915525;247417,813671;231168,825278;206795,876351;212371,880812;212553,880028;207956,876351;232329,825278;246718,815001;336787,747510;335321,748684;329098,772611;325181,784653;218402,979656;203313,1027245;189385,1075996;159208,1178140;139478,1247784;130193,1300018;125550,1326714;122068,1353411;111623,1425376;108140,1469484;113944,1515913;116664,1490615;116265,1482252;120908,1433501;131353,1361536;139638,1351593;151668,1271077;151084,1257070;162551,1224197;169373,1196595;167333,1201355;160370,1199033;142959,1248945;144121,1276803;135995,1330197;134835,1339482;123229,1353411;126710,1326714;131353,1300018;140638,1247784;160370,1178140;190546,1075996;204474,1027245;219562,979656;326341,784653;336787,747510;357680,631437;357679,631437;363481,636080;363481,636079;566818,466181;566595,466359;565919,467123;556438,477059;554041,480547;552476,482315;545702,492150;474904,575722;455172,598937;435442,623311;348231,719710;436602,622151;456332,597775;476064,574561;546862,490988;554041,480547;565919,467123;596281,386141;586263,389631;578813,392397;577040,394647;564273,406254;531775,427147;509723,451523;488832,475898;474904,488667;474430,488074;461266,503902;438923,531614;402944,571079;408747,578042;408858,577945;404104,572239;440083,532774;476064,488667;489992,475899;510883,451523;532935,427149;565433,406255;578200,394648;592128,389425;596524,388060;2277379,176431;2336571,203127;2362105,224020;2305234,196163;2277379,176431;2084712,91697;2131138,102143;2196134,134643;2084712,91697;1386008,84008;1361634,87054;1309404,94019;1258336,105626;1236284,112590;1210750,119555;1154876,130532;1144593,134645;1073795,159019;1004156,186877;955409,208931;922911,221699;842826,258842;804526,283218;767385,307593;708192,351701;652481,395808;599163,442325;603734,448042;615051,440279;624682,433099;659445,402773;715156,358665;774348,314557;811489,290181;849790,265807;929874,228663;961212,212413;1009959,190358;1079597,162501;1150396,138126;1180136,132284;1194503,127374;1390046,85186;1801080,59052;1825889,61518;1859548,73125;1834014,69644;1780624,59197;1801080,59052;1936150,49911;1983736,53392;2041768,76607;1969808,63840;1936150,49911;1547916,49621;1413862,56875;1321011,69643;1276906,81250;1238604,95179;1185215,102143;983263,179913;910144,212413;888091,220537;868361,230985;831220,250716;773188,280895;729084,315717;601413,415540;574732,438743;548630,462577;549184,463131;348393,698758;307770,754473;289200,788135;270630,819474;235811,884475;197935,944163;197510,945994;184742,980816;175457,997066;173136,999388;162836,1033630;160370,1053943;158048,1082960;141799,1130551;126710,1178140;110461,1247784;101176,1311625;95374,1375464;103498,1331357;104251,1327717;105819,1310464;115104,1246624;118011,1247594;118264,1246516;115105,1245463;131354,1175819;146442,1128228;162616,1080857;161531,1080639;163852,1051621;176618,997066;185904,980816;186216,979968;198671,945994;236972,885636;271791,820635;290361,789296;308932,755635;349555,699920;550345,464292;603734,415541;731405,315719;775509,280897;833541,250718;870682,230985;890413,220539;912465,212413;985586,179913;1187537,102144;1240927,95180;1279228,81251;1323332,69644;1416183,56875;1550238,50056;1657986,53671;1710986,0;1765536,3482;1821246,9286;1858387,18572;1882761,30179;1912938,24375;1958202,34822;1986057,42946;1984897,44108;1983736,52232;1936150,48751;1919901,44108;1903652,40625;1872314,33661;1840978,26696;1808480,22053;1772501,22053;1743484,22053;1698220,22053;1696093,21374;1676167,31339;1683131,42946;1752769,56875;1721780,57416;1722302,57456;1755090,56875;1782946,60358;1836335,70804;1861869,74287;1904814,83573;1948918,92858;1991861,103304;2034805,116073;2055697,121876;2076589,128840;2076858,129087;2091840,131670;2128145,145163;2133217,152847;2134621,153216;2167119,165984;2194974,177591;2222829,190360;2243721,201967;2257649,208931;2272736,217056;2323804,246075;2388800,287861;2422460,311076;2423433,311771;2440635,322222;3095631,1554217;3095140,1563930;3108398,1565824;3121164,1575110;3126968,1606449;3149020,1643592;3158306,1644437;3158306,1635468;3167741,1609257;3167590,1604129;3176875,1572789;3189643,1572789;3209373,1560021;3211694,1611093;3205892,1635468;3198928,1658683;3195445,1696987;3194285,1716719;3191964,1736452;3187014,1739752;3187321,1741094;3192063,1737933;3194285,1719040;3195445,1699309;3198928,1661004;3205892,1637789;3211694,1613415;3220979,1620379;3219819,1637789;3217498,1655201;3216337,1687701;3214016,1726005;3208213,1766631;3201249,1809577;3193124,1851364;3178036,1939579;3164109,1947705;3146698,1998777;3142056,2047528;3139735,2054492;3120004,2107886;3114200,2112529;3089828,2169404;3115362,2112529;3121164,2107886;3084024,2213511;3064293,2223959;3060202,2232144;3060812,2233243;3065455,2223957;3085185,2213511;3071257,2252976;3045723,2299405;3032957,2322620;3019029,2345835;3008583,2363245;2993495,2396907;2977246,2429407;2951712,2464229;2926178,2496730;2927242,2494538;2898321,2533873;2835647,2602357;2823307,2621343;2835647,2603517;2898321,2535033;2850736,2606998;2826216,2632679;2806532,2647150;2805470,2648786;2793164,2658253;2792703,2661553;2738153,2717268;2680121,2770662;2677436,2772609;2658069,2797358;2611643,2832180;2568252,2864725;2568097,2864914;2611643,2833341;2658069,2798519;2619767,2836823;2588576,2857136;2566998,2866250;2566378,2867003;2543165,2882092;2534417,2886146;2512410,2904001;2490937,2919235;2458439,2940128;2447994,2941290;2436382,2946451;2434578,2947820;2449154,2942450;2459600,2941290;2417817,2972629;2391122,2986559;2364428,2999326;2345572,3002155;2342375,3003969;2254166,3042273;2249668,3043295;2222829,3060844;2237917,3065487;2182206,3089863;2186849,3073613;2168279,3080577;2150870,3086380;2114889,3097988;2110082,3092218;2092836,3095666;2071945,3100309;2029002,3110756;2027586,3111414;2068463,3101469;2089355,3096826;2106764,3093345;2113728,3099148;2149708,3087541;2167117,3081737;2185688,3074773;2181045,3091023;2132298,3114238;2129909,3113569;2096319,3127005;2068463,3135131;2026680,3145577;2009416,3144127;1973307,3151153;1972130,3153703;1875797,3172274;1853744,3166470;1835174,3166470;1802676,3176917;1773661,3179239;1744644,3180399;1741492,3179049;1715049,3183737;1683131,3178077;1684292,3176917;1690094,3168792;1663400,3165310;1676167,3158346;1714469,3157184;1751609,3156024;1804997,3157184;1842138,3153703;1911776,3138613;1958202,3128167;1993021,3127005;1995444,3125881;1961684,3127007;1915259,3137453;1845620,3152543;1808480,3156024;1755090,3154864;1717950,3156024;1679648,3157186;1680809,3152543;1688933,3140935;2046411,3081737;2288985,2990040;2352820,2956379;2388800,2937807;2425941,2918075;2495579,2876289;2551290,2833341;2655748,2752090;2684763,2728876;2712619,2704501;2754402,2666196;2771812,2637178;2796820,2614253;2797021,2612812;2772973,2634857;2755563,2663875;2713780,2702179;2685924,2726554;2656909,2749769;2552451,2831020;2496741,2873967;2427102,2915754;2389962,2935485;2353981,2954057;2290147,2987719;2047572,3079416;1690094,3138614;1663400,3138614;1659918,3129328;1632062,3128167;1606528,3138614;1532247,3139774;1477698,3137453;1451002,3135131;1424308,3130488;1440388,3113335;1437075,3114238;1377162,3103142;1374400,3103792;1259497,3082899;1214232,3073613;1174770,3066649;1127184,3044594;1067991,3022541;1006477,2998165;1016923,2990040;1059867,2998165;1078437,3014415;1142272,3032987;1268782,3065487;1300119,3071292;1333778,3077095;1370919,3085220;1411848,3094071;1415022,3093345;1453324,3099149;1454484,3096828;1510194,3099149;1519480,3100309;1605367,3100309;1668042,3102631;1742323,3096828;1751608,3096828;1755090,3106113;1828210,3096828;1876957,3085220;1904812,3080577;1922223,3078256;1960523,3068970;1991861,3062006;2023198,3053880;2080679,3043931;2088195,3041113;2027842,3051558;1996504,3059684;1965167,3066649;1926865,3075934;1909456,3078256;1881601,3082899;1806159,3089863;1755090,3094506;1745805,3094506;1671524,3100309;1608850,3097988;1522962,3097988;1513677,3096828;1477698,3081737;1457966,3094506;1457916,3094606;1474215,3084059;1510196,3099148;1454485,3096826;1454924,3096542;1418504,3091023;1375561,3081737;1338421,3073613;1304762,3067809;1273425,3062006;1146914,3029505;1083080,3010934;1064510,2994683;1021565,2986558;957731,2954057;939160,2955219;873003,2921557;861397,2900664;863718,2899503;904341,2921557;944963,2943611;956569,2936647;908984,2905307;869522,2887896;814971,2856556;768545,2826377;695426,2795038;667570,2771823;673373,2769502;701228,2777626;643196,2717268;610698,2690572;580522,2663875;542221,2632536;486510,2571016;482688,2559069;471421,2547802;433121,2506015;428478,2485122;413389,2464229;411592,2461410;393658,2449139;358839,2399228;339108,2352799;336787,2352799;310093,2301727;284559,2250655;257863,2191458;233491,2131100;257863,2171725;282237,2222797;290361,2250655;293718,2255579;289586,2234090;278807,2214528;261263,2175071;240453,2140385;214919,2070741;193045,1999355;185860,1978537;154573,1853644;140737,1762978;140638,1765470;141799,1784041;147602,1826989;154566,1871097;142959,1832792;134835,1784041;125550,1784041;119746,1739934;111623,1712076;104659,1685380;84927,1664487;79125,1664487;73321,1635468;71000,1598325;75642,1546092;77963,1527521;81916,1514782;79995,1485734;82606,1442787;87249,1434082;87249,1428858;77963,1446270;69840,1434662;54751,1413769;51994,1397229;51269,1398679;46627,1445108;43144,1491537;39663,1527521;39663,1601806;40823,1640111;43144,1678414;32699,1714398;30378,1714398;23414,1644754;23414,1572789;29216,1517073;39658,1527515;30378,1515913;28056,1474127;30378,1410286;31538,1392876;35020,1363857;48948,1311625;55887,1276926;53591,1268677;45465,1315106;31538,1367340;28056,1396358;26895,1413769;24574,1477609;26895,1519395;21093,1575110;21093,1647075;28056,1716719;30378,1716719;45465,1782881;53591,1837435;71000,1893150;98420,2012959;100813,2035920;105820,2035920;131354,2097438;140639,2128779;123229,2102081;104659,2060295;103499,2071902;93401,2040599;86088,2041723;77963,2015027;50108,1951186;32699,1894311;31538,1846721;23414,1791006;17610,1735291;4844,1694666;12967,1478770;21093,1423055;14129,1392876;28056,1309303;31538,1289570;40823,1222248;65197,1173497;59393,1239660;65195,1228319;68678,1201210;69840,1171176;80285,1132871;96534,1074835;116265,1015638;117743,1013975;126712,966887;139478,933226;154567,905368;184744,847332;209116,795099;243936,727777;269470,698758;290361,658133;307772,632597;326342,623311;330984,616347;349555,579204;385534,537417;386514,554883;383889,562223;421513,523489;440083,499114;464457,475899;466557,478233;465619,477059;495795,446880;525972,419023;558470,384201;603734,350539;652481,314557;681627,294222;701228,276253;736047,255359;773188,235628;778105,233099;790743,220684;811490,205449;834268,193841;850381,190132;853272,188037;1168966,60357;1180678,57810;1213070,46428;1235413,41930;1247063,41831;1251372,40625;1515998,5803;1591149,5513;1671524,6963;1673021,8086;1712147,3482;1748127,9285;1784107,16249;1802670,20469;1782946,15089;1746965,8125;1710986,2321;1710986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  <o:lock v:ext="edit" aspectratio="t"/>
              </v:shape>
              <v:shape id="Freeform: Shape 10" o:spid="_x0000_s1029" style="position:absolute;left:44365;top:29718;width:6875;height:6787;rotation:180;flip:x y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GOE/xAAAANsAAAAPAAAAZHJzL2Rvd25yZXYueG1sRI9Pa8JA&#10;EMXvgt9hGaE33Sg0SHSVVhFyK1EPHofs5I9mZ2N2Namfvlso9DbDe/N+b9bbwTTiSZ2rLSuYzyIQ&#10;xLnVNZcKzqfDdAnCeWSNjWVS8E0OtpvxaI2Jtj1n9Dz6UoQQdgkqqLxvEyldXpFBN7MtcdAK2xn0&#10;Ye1KqTvsQ7hp5CKKYmmw5kCosKVdRfnt+DCBm90vX48i3ufXwnIavfb6c/5S6m0yfKxAeBr8v/nv&#10;OtWh/jv8/hIGkJsfAAAA//8DAFBLAQItABQABgAIAAAAIQDb4fbL7gAAAIUBAAATAAAAAAAAAAAA&#10;AAAAAAAAAABbQ29udGVudF9UeXBlc10ueG1sUEsBAi0AFAAGAAgAAAAhAFr0LFu/AAAAFQEAAAsA&#10;AAAAAAAAAAAAAAAAHwEAAF9yZWxzLy5yZWxzUEsBAi0AFAAGAAgAAAAhAOIY4T/EAAAA2wAAAA8A&#10;AAAAAAAAAAAAAAAABwIAAGRycy9kb3ducmV2LnhtbFBLBQYAAAAAAwADALcAAAD4AgAAAAA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4,2520821r-2444,690l1645133,2521267r1191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3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2,2486082r-14553,2221l1345293,2493385r33139,4069c1380337,2496502,1383195,2496502,1387005,2495549v20002,-2857,39052,-4762,59055,-6667c1448203,2488406,1451716,2487751,1455778,2486992r4714,-910xm1550918,2472281r-49430,7544l1518450,2480309v10478,-476,18336,-2381,24408,-4524l1550918,2472281xm1731355,2470078r-155032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4r354,-1632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6,2535075r937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1,2265793r-4851,-3731xm2099802,2237197r-327,225l2099475,2237694r1514,216l2101380,2237422r-1578,-225xm2120380,2222979r-5624,3885l2113762,2227897r3856,-2468l2120380,2222979xm382287,2175002r35974,42356l389737,2183129r-7450,-8127xm2187820,2174974r-85,30l2187105,2179320v-7620,7620,-10478,12382,-15240,17145c2168055,2201227,2163292,2206942,2153767,2216467r1091,-251l2171865,2197417v3810,-4762,7620,-9525,15240,-17145c2188296,2177177,2188475,2175510,2187820,2174974xm475386,2153525r1886,2297l477367,2155507r-1981,-1982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78787,2272865r3343,1704c484988,2271712,488798,2268854,492608,2265997v28575,24765,59055,49530,90487,71437c577380,2339339,572618,2341244,564998,2343149v2857,1905,3810,2858,6667,4763c562140,2347912,554520,2348864,544995,2348864v-5715,-3810,-11430,-7620,-17145,-11430c522135,2333624,517373,2328862,511658,2325052v-13335,-11430,-27623,-21908,-40005,-33338c459270,2280284,446888,2268854,434505,2258377v-12382,-11430,-22860,-22860,-34290,-33338c394500,2219324,388785,2213609,384023,2208847v-4763,-5715,-10478,-11430,-15240,-17145c369735,2189797,379260,2195512,374498,2184082v6667,5715,13335,11430,19050,17145c401168,2206942,407835,2212657,414503,2217419v8572,9525,17145,18098,25717,27623l442406,2246917r-27903,-29498c407835,2211704,401168,2206942,394500,2201227v-6667,-5715,-12382,-11430,-19050,-17145c368783,2175509,361163,2166937,354495,2158364v-6667,-8572,-13335,-18097,-20002,-26670xm2432850,1980247r-483,207l2421964,2005422r10886,-25175xm2422850,1860918r-25242,36461c2392845,1904999,2389035,1912619,2385225,1920239v-4762,7620,-8572,14288,-12382,20955c2363318,1954529,2353793,1967864,2343315,1980247v-8572,13335,-16192,25717,-25717,39052c2309978,2029777,2302358,2040254,2294738,2050732r-1906,1165l2291272,2054208r2513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1,1790989,2407787,1830865,2386218,1869449r-8558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10l2141046,2177871r-15534,12663l2112810,2205037v-15240,12383,-30480,23813,-46673,35243l2058824,2244900r-19864,16193l2036092,2262956r-4245,3994c2019465,2275522,2007082,2284095,1994700,2291715v-12383,7620,-24765,15240,-37148,22860l1953300,2316730r-25152,16337l1920351,2337000r-7566,5197c1905165,2346960,1896592,2351722,1887067,2356485r-24029,9424l1809483,2392922v-40768,17834,-82698,33504,-125647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10r5353,-20076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3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1,46215l2586542,1451152r11091,-46214l2597632,1404937xm2606205,1395412v-1905,3810,-3810,6668,-5715,12383l2599181,1433750v-119,7382,-119,14526,-596,24527l2589060,1487586r,3348l2600490,1458277v953,-20003,,-28575,1905,-50483l2606836,1398173r-631,-2761xm2565247,1354454r-6241,14753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8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0r5599,-22649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0,383325r-7779,8152l454684,394338r-1285,1452c451546,398815,450698,401003,447840,403860v-19050,21907,-39052,43815,-58102,68580c384023,479107,378308,484822,373545,491490v-5715,6667,-10477,13335,-16192,20002l285752,590631r72553,-80091c364020,503872,368782,497205,374497,490537v5715,-6667,11430,-12382,16193,-19050c409740,446722,429742,425767,448792,402907r5892,-8569l464430,383325r739,-775xm489348,316869v-1585,-200,-4878,1307,-8221,2864l475013,322003r-1455,1846c469748,326707,465938,329564,463080,333374v-9525,5715,-17145,10478,-26670,17145l418313,370522r-17145,20002c397358,393382,394500,396239,389738,401002r-388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9,-3393,9287,-6370l512657,355403r28528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8,48458v6548,357,13692,1072,20359,2024c1511782,52387,1523212,56197,1526070,60007v-5715,-952,-11430,-1905,-20955,-2857c1495590,56197,1482255,53340,1461300,48577v4286,-476,10239,-476,16788,-119xm1588935,40957v13335,952,25717,1905,39052,2857c1644180,48577,1659420,56197,1675612,62864v-22860,-2857,-43815,-7620,-59055,-10477c1601317,48577,1590840,44767,1588935,40957xm1270324,40719v-36671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1l162090,776287v-3810,8573,-6668,19050,-10478,28575c148755,810577,146850,814387,143992,818197r-1905,1905l133634,848201v-1547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800,571l2002949,264417v324310,219099,537534,590139,537534,1010980l2540081,1283368r10879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9,1427648r251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v-5715,3810,-11430,6668,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6,2151085r10126,-14628c2341410,2120264,2372842,2075497,2378557,2080259v-2857,20003,-30480,45720,-39052,59055c2331885,2148363,2325456,2155031,2319383,2160389r-16153,11874l2302357,2173605r-10099,7769l2291880,2184082v-14288,15240,-28575,31433,-44768,45720c2231872,2245042,2216632,2260282,2199487,2273617r-2202,1598l2181390,2295524v-11430,10478,-24765,19050,-38100,28575l2107681,2350806r-128,155l2143290,2325052v12382,-9525,25717,-19050,38100,-28575c2173770,2309812,2163292,2318384,2149957,2327909v-10953,10002,-18811,14050,-25598,16669l2106651,2352057r-509,618c2099475,2357437,2093760,2361247,2087092,2365057r-7178,3327l2061852,2383036v-6668,5120,-12383,9168,-17622,12501c2034705,2403157,2027085,2407920,2017560,2412682v1905,-2857,-2857,-952,-8572,953l1999460,2417870r-1481,1125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80,2554816r-2720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6,4041l237654,1833303r-8845,-16053l214411,1784874r-17079,-28465c190665,1737359,183045,1718309,176377,1699259r-17953,-58585l152529,1623596v-9989,-33579,-18570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6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7,9822,804,14332l315045,461363r30877,-31786c348780,423862,354495,417195,361162,409575v6668,-6668,14288,-13335,20003,-19050l382889,392440r-771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3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0072c7 [3205]" stroked="f">
                <v:fill opacity="23644f"/>
                <v:stroke joinstyle="miter"/>
                <v:path arrowok="t" o:connecttype="custom" o:connectlocs="373793,675064;370580,676795;370772,676877;400510,657493;390121,659968;374537,661947;373795,659968;384679,658978;400510,657493;427533,654903;426898,655082;427224,655018;233669,651183;244676,654029;249376,654276;262486,660710;268422,661947;268793,662071;270154,660710;275348,662195;280543,663432;290778,665813;290931,665659;302804,667639;308494,668629;314183,669124;325808,669619;341639,669371;342326,669371;343865,668505;347328,667391;350853,667330;353265,667639;353914,669371;359449,669371;357717,671846;356728,673083;353512,674568;347575,674568;339908,674073;323335,673578;310967,672588;300083,671103;289200,669371;272627,666896;259765,662690;259914,662582;252344,660215;245666,657246;237998,654771;230082,652049;233669,651183;379275,645878;375495,646455;349359,647775;357964,648832;360191,648337;375527,646605;378050,646114;402757,642292;389921,644252;394326,644378;400664,643202;449615,641720;409355,652446;429728,647904;191495,636707;219941,648832;230082,652049;237750,654771;245418,657245;252097,660215;250613,661452;246655,660710;232556,655513;225630,652791;218704,649822;209552,646605;201636,643141;195453,639923;191495,636707;203121,630520;216725,637449;214994,638439;199163,630768;203121,630520;152908,613693;169728,623097;173191,627056;165276,622849;159339,619137;152908,613693;182403,607344;182405,607414;183240,608426;183332,608002;543636,591100;542738,591175;527897,601815;513303,609734;502914,615920;497225,618395;491288,620869;484115,624581;478673,627798;470758,631015;462595,633985;460369,636212;456906,637449;448249,638934;437118,642398;426976,645615;415845,648832;401993,652297;382453,655513;381958,656256;372563,658606;372806,658730;383240,656121;383442,655513;402983,652297;416835,648832;427966,645615;438107,642398;449238,638934;457896,637449;452035,640967;452206,640914;458390,637202;461853,635964;462084,635901;463585,634232;471748,631263;479663,628046;485105,624829;492278,621117;498214,618642;502285,616872;504398,615425;514787,609239;529381,601320;119473,587678;120412,588484;120733,588647;545297,581218;545212,581276;545212,581347;545605,581403;545706,581276;550641,577524;549180,578533;548922,578802;549923,578161;99276,565060;108618,576064;101211,567171;568154,565052;568132,565060;567968,566182;564011,570636;559311,575832;559594,575767;564011,570883;567968,566429;568154,565052;123453,559480;123943,560077;123967,559995;86864,553808;93296,558015;93611,558387;96542,559036;103189,565191;112342,572615;116299,578059;118525,580781;127925,588700;125204,590927;116451,581197;116052,581276;124336,590484;125204,590927;127925,588700;151424,607259;146724,608744;148455,609981;141530,610229;137077,607259;132872,604042;122483,595381;112836,586720;103932,578059;99727,573853;95769,569398;97253,567419;102200,571873;107642,576080;114321,583256;114888,583743;107642,576080;102448,571873;97500,567419;92059,560737;86864,553808;631786,514463;631660,514517;628959,521003;629189,483462;622634,492934;619418,498873;616203,504317;608534,514463;601856,524609;595919,532775;595424,533077;595019,533678;595672,533270;601608,525104;608287,514958;615955,504812;619171,499368;622386,493429;629065,483778;654790,480067;651574,489717;645885,500110;640196,510751;635001,517432;638464,510504;641433,503575;643659,499863;646627,494914;649348,489965;654790,480067;638779,458855;632775,469426;632665,469680;638712,459033;642072,434912;634856,454636;619676,485678;617453,489193;617439,489222;612245,498131;607050,507782;601114,515205;596167,523619;566979,556531;557332,564697;556406,565401;556007,565805;551973,569095;548675,572863;536554,582019;534655,583219;529497,587426;528752,587910;527649,588948;518003,595381;508356,601320;507252,601880;500720,606125;498695,607146;496730,608497;490052,612209;483811,614657;469904,621675;437275,633849;414537,639698;432913,636212;436376,635469;447507,631510;454433,629283;465564,623591;478179,619137;486261,615966;489804,613941;493020,612951;497472,610476;498642,609663;501677,606765;508356,602805;515954,599079;518745,597361;528392,590927;532597,586968;537296,583998;549417,574842;558074,566676;567721,558510;596909,525598;600925,518767;601114,518175;607545,508276;609524,505307;612155,501656;612987,500110;618181,491202;628323,470168;638217,447650;641123,438494;669136,413006;668394,413500;668394,413500;671473,398340;671384,398778;672104,399643;674331,402117;675815,401128;675852,400938;674825,401623;672352,399395;669268,370229;669095,370239;668782,370256;668889,371433;668642,377619;667652,381331;661716,390734;660232,398901;658747,401623;656274,413500;653553,422904;650585,432060;648853,439236;646874,446660;648453,444204;649843,438988;651079,431565;654048,422409;656769,413006;659242,401128;660726,398405;662210,390240;668147,380836;664189,399890;661221,415727;654542,436019;653221,438075;652656,441154;650832,446412;643906,461507;640690,469426;638712,473633;636238,478087;629560,489965;622386,501595;613234,517185;603093,532527;596414,541188;589241,549602;586767,553066;584046,556531;579841,559995;572964,567613;573163,568409;565989,575832;558321,581276;552138,586225;546280,590508;547191,590432;553622,585731;559806,580781;567474,575337;574647,567914;574400,566924;581325,559253;585531,555788;588251,552324;590725,548860;597898,540446;604577,531785;614718,516443;623870,500853;631044,489222;637722,477344;640196,472890;642175,468684;645390,460765;652316,445670;655037,435524;661716,415233;664684,399396;668642,380341;669534,376994;668889,376877;669136,370691;674578,364999;671698,377005;671698,377005;674578,364999;676804,362524;675320,365741;674980,372484;674825,378857;672352,386471;672352,387341;675320,378857;675815,365741;676968,363242;666168,351884;664547,355716;663942,361287;663161,358685;662876,359052;663695,361782;663200,365741;664189,368958;664956,368916;664436,367226;664931,363267;666168,351884;686946,345202;687441,345450;687193,355843;687441,363019;686698,376134;685956,383558;683730,394446;682988,403602;679278,420429;675815,435029;669631,437751;670126,436267;671115,425873;674825,414985;677794,413253;677794,413253;681009,394446;682741,385538;684225,376382;685462,367721;685956,359555;686204,352626;686698,348914;686946,345202;34838,230465;34961,230527;34972,230492;49761,194996;44319,205142;39867,208854;39856,209091;39426,218564;39438,218541;39867,209101;44319,205389;49761,195243;49947,195367;50039,195182;52729,173467;49266,175942;44072,186830;45260,187781;45299,187614;44319,186830;49514,175942;52580,173751;71776,159362;71463,159612;70137,164714;69302,167281;46545,208854;43330,218999;40361,229392;33930,251169;29725,266016;27747,277152;26757,282843;26015,288535;23789,303877;23047,313281;24284,323179;24863,317785;24778,316002;25768,305609;27994,290267;29759,288147;32323,270982;32199,267996;34643,260987;36097,255103;35662,256118;34178,255623;30467,266264;30715,272203;28983,283586;28736,285565;26262,288535;27004,282843;27994,277152;29973,266016;34178,251169;40609,229392;43577,218999;46793,208854;69549,167281;71776,159362;76228,134617;76228,134617;77465,135606;77465,135606;120800,99385;120752,99423;120608,99587;118587,101705;118077,102448;117743,102825;116299,104922;101211,122739;97006,127688;92801,132884;74207,153444;93048,132637;97253,127440;101458,122491;116547,104674;118077,102448;120608,99587;127079,82322;124944,83066;123356,83656;122978,84135;120257,86610;113331,91064;108632,96261;104179,101457;101211,104179;101110,104053;98304,107427;93543,113335;85875,121749;87112,123233;87135,123213;86122,121996;93790,113583;101458,104179;104426,101457;108879,96261;113578,91064;120504,86610;123225,84135;126194,83022;127130,82731;485352,37613;497967,43305;503409,47759;491288,41820;485352,37613;444291,19549;454185,21776;468037,28705;444291,19549;295384,17910;290190,18559;279058,20044;268175,22518;263475,24003;258034,25488;246126,27828;243934,28705;228846,33901;214004,39840;203616,44542;196690,47264;179622,55183;171460,60380;163544,65576;150929,74979;139056,84383;127693,94300;128667,95518;131079,93863;133132,92333;140540,85867;152413,76464;165028,67061;172943,61864;181106,56668;198174,48749;204852,45284;215241,40583;230082,34644;245171,29447;251509,28202;254571,27155;296245,18161;383844,12589;389131,13115;396304,15590;390863,14847;379484,12620;383844,12589;412630,10641;422771,11383;435139,16332;419803,13610;412630,10641;329890,10579;301320,12125;281532,14847;272133,17322;263970,20291;252591,21776;209552,38356;193969,45284;189269,47017;185064,49244;177149,53450;164781,59884;155381,67308;128172,88589;122486,93536;116923,98617;117041,98735;74249,148969;65592,160847;61634,168023;57676,174704;50256,188562;42184,201287;42093,201677;39372,209101;37393,212565;36899,213060;34703,220360;34178,224691;33683,230877;30220,241023;27004,251169;23541,266016;21563,279626;20326,293236;22057,283833;22218,283057;22552,279379;24531,265769;25150,265976;25204,265746;24531,265521;27994,250674;31209,240528;34657,230429;34425,230382;34920,224196;37641,212565;39620,209101;39686,208920;42341,201677;50503,188810;57924,174952;61881,168271;65839,161094;74497,149216;117289,98983;128667,88590;155876,67308;165276,59885;177643,53451;185559,49244;189764,47017;194463,45284;210047,38356;253086,21776;264465,20291;272627,17322;282027,14847;301815,12125;330385,10671;353348,11442;364643,0;376269,742;388142,1980;396057,3959;401252,6434;407683,5196;417329,7424;423266,9156;423019,9403;422771,11135;412630,10393;409167,9403;405704,8661;399025,7176;392347,5691;385421,4702;377753,4702;371569,4702;361922,4702;361469,4557;357222,6681;358707,9156;373548,12125;366943,12241;367055,12249;374043,12125;379979,12868;391357,15095;396799,15837;405951,17817;415351,19797;424503,22024;433655,24746;438107,25983;442560,27468;442617,27520;445810,28071;453548,30947;454628,32586;454928,32664;461853,35386;467790,37861;473726,40583;478179,43058;481147,44542;484363,46274;495246,52461;509098,61369;516271,66318;516479,66467;520145,68695;659737,331345;659632,333416;662458,333819;665178,335799;666415,342480;671115,350399;673094,350579;673094,348667;675105,343079;675073,341986;677051,335304;679772,335304;683977,332582;684472,343470;683235,348667;681751,353616;681009,361782;680762,365989;680267,370196;679213,370899;679278,371185;680288,370511;680762,366484;681009,362277;681751,354111;683235,349162;684472,343965;686451,345450;686204,349162;685709,352874;685461,359802;684967,367968;683730,376630;682246,385785;680514,394694;677299,413500;674331,415233;670620,426121;669631,436514;669136,437999;664931,449382;663694,450372;658500,462497;663942,450372;665178,449382;657263,471900;653058,474128;652186,475873;652316,476107;653306,474127;657511,471900;654542,480314;649101,490212;646380,495161;643411,500110;641185,503822;637970,510999;634507,517927;629065,525351;623623,532280;623850,531813;617686,540198;604329,554799;601700,558846;604329,555046;617686,540446;607545,555788;602320,561263;598125,564348;597898,564697;595275,566715;595177,567419;583551,579297;571184,590680;570612,591095;566484,596371;556590,603795;547343,610733;547309,610773;556590,604042;566484,596619;558321,604785;551674,609115;547075,611058;546943,611219;541996,614436;540132,615300;535441,619106;530865,622354;523939,626808;521713,627056;519239,628156;518854,628448;521960,627303;524187,627056;515282,633737;509593,636707;503904,639429;499885,640032;499204,640419;480405,648585;479446,648803;473726,652544;476942,653534;465069,658730;466058,655266;462101,656751;458390,657988;450722,660463;449698,659232;446023,659968;441570,660957;432418,663185;432116,663325;440828,661205;445281,660215;448991,659473;450475,660710;458143,658235;461853,656998;465811,655513;464821,658978;454433,663927;453923,663784;446765,666649;440828,668381;431923,670608;428244,670299;420549,671797;420298,672340;399767,676300;395068,675062;391110,675062;384184,677290;378000,677785;371816,678032;371144,677744;365509,678743;358707,677537;358954,677290;360191,675557;354502,674815;357222,673330;365385,673083;373301,672835;384679,673083;392594,672340;407435,669123;417329,666896;424750,666649;425266,666409;418072,666649;408177,668876;393336,672093;385421,672835;374043,672588;366127,672835;357964,673083;358212,672093;359943,669619;436128,656998;487826,637449;501430,630273;509098,626313;517013,622107;531855,613198;543728,604042;565989,586720;572173,581771;578110,576575;587014,568409;590725,562222;596055,557335;596097,557028;590972,561727;587262,567914;578357,576080;572421,581276;566237,586225;543975,603547;532102,612703;517261,621612;509345,625819;501677,629778;488073,636954;436376,656503;360191,669124;354502,669124;353759,667144;347823,666896;342381,669124;326551,669371;314925,668876;309236,668381;303547,667391;306974,663734;306267,663927;293499,661561;292910,661700;268422,657246;258775,655266;250365,653781;240224,649080;227609,644378;214499,639181;216725,637449;225877,639181;229835,642646;243439,646605;270401,653534;277080,654771;284253,656008;292168,657741;300891,659628;301568,659473;309730,660710;309978,660215;321851,660710;323829,660957;342134,660957;355491,661452;371322,660215;373300,660215;374043,662195;389626,660215;400015,657741;405951,656751;409662,656256;417824,654276;424503,652792;431181,651059;443432,648938;445033,648337;432171,650564;425492,652297;418814,653781;410651,655761;406941,656256;401004,657246;384926,658730;374043,659720;372064,659720;356233,660957;342876,660463;324572,660463;322593,660215;314925,656998;310720,659720;310709,659742;314183,657493;321851,660710;309978,660215;310071,660154;302310,658978;293158,656998;285242,655266;278069,654029;271391,652792;244429,645863;230825,641903;226867,638439;217715,636707;204110,629778;200153,630025;186053,622849;183580,618395;184074,618148;192732,622849;201389,627551;203863,626066;193721,619385;185311,615673;173686,608991;163791,602558;148208,595876;142272,590927;143508,590432;149445,592164;137077,579297;130151,573605;123720,567914;115557,561232;103684,548117;102870,545570;100469,543168;92306,534259;91317,529805;88101,525351;87718,524750;83896,522134;76475,511493;72270,501595;71776,501595;66087,490707;60645,479819;54956,467199;49761,454331;54956,462992;60150,473880;61881,479819;62597,480869;61716,476287;59419,472117;55680,463706;51245,456310;45803,441463;41141,426243;39610,421806;32942,395180;29994,375851;29973,376382;30220,380341;31457,389497;32941,398901;30467,390734;28736,380341;26757,380341;25520,370938;23789,364999;22305,359308;18100,354853;16863,354853;15626,348667;15131,340748;16121,329613;16615,325653;17458,322938;17048,316745;17605,307589;18594,305733;18594,304619;16615,308331;14884,305857;11668,301403;11081,297876;10926,298186;9937,308084;9195,317982;8453,325653;8453,341490;8700,349657;9195,357823;6969,365494;6474,365494;4990,350646;4990,335304;6227,323426;8452,325652;6474,323179;5979,314270;6474,300660;6721,296948;7463,290762;10432,279626;11911,272229;11421,270470;9690,280369;6721,291504;5979,297691;5732,301403;5237,315013;5732,323921;4495,335799;4495,351141;5979,365989;6474,365989;9690,380094;11421,391724;15131,403602;20975,429144;21485,434040;22552,434040;27994,447155;29973,453836;26262,448144;22305,439236;22058,441711;19905,435037;18347,435277;16615,429585;10679,415975;6969,403850;6721,393704;4990,381826;3753,369948;1032,361287;2764,315260;4495,303382;3011,296948;5979,279131;6721,274925;8700,260572;13895,250179;12658,264284;13894,261866;14637,256087;14884,249684;17110,241518;20573,229145;24778,216525;25093,216170;27005,206132;29725,198955;32941,193016;39372,180643;44567,169508;51987,155155;57429,148969;61881,140308;65592,134864;69550,132884;70539,131400;74497,123481;82164,114572;82373,118296;81814,119861;89832,111603;93790,106406;98985,101457;99432,101955;99232,101705;105663,95271;112094,89332;119020,81908;128667,74732;139056,67061;145267,62725;149445,58895;156865,54440;164781,50234;165829,49695;168522,47048;172944,43800;177798,41325;181232,40534;181848,40088;249128,12868;251625,12325;258528,9898;263290,8939;265773,8918;266691,8661;323088,1237;339104,1175;356233,1484;356552,1724;364891,742;372558,1979;380227,3464;384183,4364;379979,3217;372311,1732;364643,495;364643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</v:shape>
              <v:shape id="Freeform: Shape 10" o:spid="_x0000_s1030" style="position:absolute;left:65024;top:28109;width:11353;height:11208;rotation:180;flip:x y;visibility:visible;mso-wrap-style:square;v-text-anchor:middle" coordsize="2647519,2612594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7adcwQAAANsAAAAPAAAAZHJzL2Rvd25yZXYueG1sRE/fa8Iw&#10;EH4f+D+EG/g2k/mwSTUtY6CMURCr+Hw0Z9OtuZQms/W/N4PB3u7j+3mbYnKduNIQWs8anhcKBHHt&#10;TcuNhtNx+7QCESKywc4zabhRgCKfPWwwM37kA12r2IgUwiFDDTbGPpMy1JYchoXviRN38YPDmODQ&#10;SDPgmMJdJ5dKvUiHLacGiz29W6q/qx+nYXtenUrbXQ6fpVPlfvxaqr7aaT1/nN7WICJN8V/85/4w&#10;af4r/P6SDpD5HQAA//8DAFBLAQItABQABgAIAAAAIQDb4fbL7gAAAIUBAAATAAAAAAAAAAAAAAAA&#10;AAAAAABbQ29udGVudF9UeXBlc10ueG1sUEsBAi0AFAAGAAgAAAAhAFr0LFu/AAAAFQEAAAsAAAAA&#10;AAAAAAAAAAAAHwEAAF9yZWxzLy5yZWxzUEsBAi0AFAAGAAgAAAAhABrtp1zBAAAA2wAAAA8AAAAA&#10;AAAAAAAAAAAABwIAAGRycy9kb3ducmV2LnhtbFBLBQYAAAAAAwADALcAAAD1AgAAAAA=&#10;" adj="-11796480,,5400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4,2520821r-2444,690l1645133,2521267r1191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3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2,2486082r-14553,2221l1345293,2493385r33139,4069c1380337,2496502,1383195,2496502,1387005,2495549v20002,-2857,39052,-4762,59055,-6667c1448203,2488406,1451716,2487751,1455778,2486992r4714,-910xm1550918,2472281r-49430,7544l1518450,2480309v10478,-476,18336,-2381,24408,-4524l1550918,2472281xm1731355,2470078r-155032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4r354,-1632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6,2535075r937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1,2265793r-4851,-3731xm2099802,2237197r-327,225l2099475,2237694r1514,216l2101380,2237422r-1578,-225xm2120380,2222979r-5624,3885l2113762,2227897r3856,-2468l2120380,2222979xm382287,2175002r35974,42356l389737,2183129r-7450,-8127xm2187820,2174974r-85,30l2187105,2179320v-7620,7620,-10478,12382,-15240,17145c2168055,2201227,2163292,2206942,2153767,2216467r1091,-251l2171865,2197417v3810,-4762,7620,-9525,15240,-17145c2188296,2177177,2188475,2175510,2187820,2174974xm475386,2153525r1886,2297l477367,2155507r-1981,-1982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78787,2272865r3343,1704c484988,2271712,488798,2268854,492608,2265997v28575,24765,59055,49530,90487,71437c577380,2339339,572618,2341244,564998,2343149v2857,1905,3810,2858,6667,4763c562140,2347912,554520,2348864,544995,2348864v-5715,-3810,-11430,-7620,-17145,-11430c522135,2333624,517373,2328862,511658,2325052v-13335,-11430,-27623,-21908,-40005,-33338c459270,2280284,446888,2268854,434505,2258377v-12382,-11430,-22860,-22860,-34290,-33338c394500,2219324,388785,2213609,384023,2208847v-4763,-5715,-10478,-11430,-15240,-17145c369735,2189797,379260,2195512,374498,2184082v6667,5715,13335,11430,19050,17145c401168,2206942,407835,2212657,414503,2217419v8572,9525,17145,18098,25717,27623l442406,2246917r-27903,-29498c407835,2211704,401168,2206942,394500,2201227v-6667,-5715,-12382,-11430,-19050,-17145c368783,2175509,361163,2166937,354495,2158364v-6667,-8572,-13335,-18097,-20002,-26670xm2432850,1980247r-483,207l2421964,2005422r10886,-25175xm2422850,1860918r-25242,36461c2392845,1904999,2389035,1912619,2385225,1920239v-4762,7620,-8572,14288,-12382,20955c2363318,1954529,2353793,1967864,2343315,1980247v-8572,13335,-16192,25717,-25717,39052c2309978,2029777,2302358,2040254,2294738,2050732r-1906,1165l2291272,2054208r2513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1,1790989,2407787,1830865,2386218,1869449r-8558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10l2141046,2177871r-15534,12663l2112810,2205037v-15240,12383,-30480,23813,-46673,35243l2058824,2244900r-19864,16193l2036092,2262956r-4245,3994c2019465,2275522,2007082,2284095,1994700,2291715v-12383,7620,-24765,15240,-37148,22860l1953300,2316730r-25152,16337l1920351,2337000r-7566,5197c1905165,2346960,1896592,2351722,1887067,2356485r-24029,9424l1809483,2392922v-40768,17834,-82698,33504,-125647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10r5353,-20076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3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1,46215l2586542,1451152r11091,-46214l2597632,1404937xm2606205,1395412v-1905,3810,-3810,6668,-5715,12383l2599181,1433750v-119,7382,-119,14526,-596,24527l2589060,1487586r,3348l2600490,1458277v953,-20003,,-28575,1905,-50483l2606836,1398173r-631,-2761xm2565247,1354454r-6241,14753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8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0r5599,-22649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0,383325r-7779,8152l454684,394338r-1285,1452c451546,398815,450698,401003,447840,403860v-19050,21907,-39052,43815,-58102,68580c384023,479107,378308,484822,373545,491490v-5715,6667,-10477,13335,-16192,20002l285752,590631r72553,-80091c364020,503872,368782,497205,374497,490537v5715,-6667,11430,-12382,16193,-19050c409740,446722,429742,425767,448792,402907r5892,-8569l464430,383325r739,-775xm489348,316869v-1585,-200,-4878,1307,-8221,2864l475013,322003r-1455,1846c469748,326707,465938,329564,463080,333374v-9525,5715,-17145,10478,-26670,17145l418313,370522r-17145,20002c397358,393382,394500,396239,389738,401002r-388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9,-3393,9287,-6370l512657,355403r28528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8,48458v6548,357,13692,1072,20359,2024c1511782,52387,1523212,56197,1526070,60007v-5715,-952,-11430,-1905,-20955,-2857c1495590,56197,1482255,53340,1461300,48577v4286,-476,10239,-476,16788,-119xm1588935,40957v13335,952,25717,1905,39052,2857c1644180,48577,1659420,56197,1675612,62864v-22860,-2857,-43815,-7620,-59055,-10477c1601317,48577,1590840,44767,1588935,40957xm1270324,40719v-36671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1l162090,776287v-3810,8573,-6668,19050,-10478,28575c148755,810577,146850,814387,143992,818197r-1905,1905l133634,848201v-1547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800,571l2002949,264417v324310,219099,537534,590139,537534,1010980l2540081,1283368r10879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9,1427648r251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v-5715,3810,-11430,6668,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6,2151085r10126,-14628c2341410,2120264,2372842,2075497,2378557,2080259v-2857,20003,-30480,45720,-39052,59055c2331885,2148363,2325456,2155031,2319383,2160389r-16153,11874l2302357,2173605r-10099,7769l2291880,2184082v-14288,15240,-28575,31433,-44768,45720c2231872,2245042,2216632,2260282,2199487,2273617r-2202,1598l2181390,2295524v-11430,10478,-24765,19050,-38100,28575l2107681,2350806r-128,155l2143290,2325052v12382,-9525,25717,-19050,38100,-28575c2173770,2309812,2163292,2318384,2149957,2327909v-10953,10002,-18811,14050,-25598,16669l2106651,2352057r-509,618c2099475,2357437,2093760,2361247,2087092,2365057r-7178,3327l2061852,2383036v-6668,5120,-12383,9168,-17622,12501c2034705,2403157,2027085,2407920,2017560,2412682v1905,-2857,-2857,-952,-8572,953l1999460,2417870r-1481,1125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80,2554816r-2720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6,4041l237654,1833303r-8845,-16053l214411,1784874r-17079,-28465c190665,1737359,183045,1718309,176377,1699259r-17953,-58585l152529,1623596v-9989,-33579,-18570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6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7,9822,804,14332l315045,461363r30877,-31786c348780,423862,354495,417195,361162,409575v6668,-6668,14288,-13335,20003,-19050l382889,392440r-771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3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0072c7 [3205]" stroked="f">
                <v:fill opacity="16448f"/>
                <v:stroke joinstyle="miter"/>
                <v:formulas/>
                <v:path arrowok="t" o:connecttype="custom" o:connectlocs="617254,1114786;611948,1117644;612266,1117781;661372,1085770;644217,1089856;618484,1093126;617258,1089856;635231,1088222;661372,1085770;705997,1081492;704949,1081788;705486,1081684;385864,1075349;404040,1080049;411801,1080457;433450,1091083;443253,1093126;443866,1093330;446112,1091083;454690,1093534;463268,1095577;480169,1099510;480423,1099256;500029,1102525;509424,1104159;518819,1104977;538016,1105794;564158,1105385;565292,1105385;567834,1103955;573553,1102116;579373,1102014;583356,1102524;584428,1105385;593567,1105385;590708,1109471;589074,1111515;583764,1113967;573961,1113967;561299,1113149;533932,1112332;513508,1110698;495536,1108246;477564,1105385;450197,1101299;428957,1094352;429203,1094173;416703,1090265;405674,1085362;393012,1081275;379941,1076780;385864,1075349;626306,1066588;620066,1067541;576905,1069722;591116,1071467;594793,1070650;620117,1067790;624285,1066979;665084,1060667;643887,1063904;651161,1064112;661628,1062171;742461,1059722;675978,1077435;709622,1069935;316221,1051444;363194,1071467;379941,1076780;392603,1081275;405266,1085361;416294,1090265;413843,1092308;407308,1091082;384026,1082501;372589,1078006;361152,1073102;346039,1067790;332968,1062069;322756,1056756;316221,1051444;335419,1041228;357884,1052670;355025,1054305;328884,1041636;335419,1041228;252501,1013440;280276,1028969;285995,1035507;272924,1028560;263121,1022430;252501,1013440;301206,1002954;301210,1003071;302590,1004741;302742,1004041;897722,976130;896238,976253;871731,993825;847631,1006902;830476,1017118;821081,1021204;811278,1025291;799432,1031420;790446,1036733;777375,1042045;763896,1046949;760220,1050627;754501,1052670;740206,1055122;721824,1060843;705078,1066155;686697,1071468;663823,1077189;631554,1082501;630737,1083727;615223,1087608;615625,1087813;632854,1083504;633188,1082501;665457,1077189;688331,1071468;706712,1066155;723459,1060843;741839,1055122;756136,1052670;746458,1058479;746741,1058391;756953,1052261;762671,1050218;763052,1050113;765530,1047357;779010,1042454;792081,1037141;801067,1031829;812912,1025699;822715,1021613;829437,1018689;832927,1016300;850082,1006084;874181,993008;197289,970478;198839,971809;199369,972079;900463,959811;900323,959907;900323,960024;900972,960117;901140,959907;909288,953711;906876,955378;906450,955821;908103,954762;163937,933128;179364,951299;167132,936614;938208,933116;938172,933128;937902,934980;931366,942336;923605,950917;924073,950809;931366,942744;937902,935389;938208,933116;203861,923913;204670,924899;204710,924764;143441,914547;154061,921495;154583,922109;159422,923180;170400,933345;185513,945604;192048,954595;195724,959090;211246,972167;206753,975844;192298,959776;191640,959907;205319,975113;206753,975844;211246,972167;250050,1002815;242289,1005267;245148,1007310;233712,1007719;226359,1002815;219416,997503;202260,983200;186330,968897;171625,954595;164682,947648;158146,940292;160597,937023;168766,944379;177752,951326;188781,963176;189718,963981;177752,951326;169174,944379;161005,937023;152019,925990;143441,914547;1043285,849573;1043078,849662;1038617,860374;1038997,798378;1028172,814021;1022862,823828;1017552,832818;1004889,849573;993861,866327;984058,879813;983241,880313;982572,881304;983649,880630;993452,867145;1004481,850390;1017143,833636;1022454,824646;1027763,814838;1038792,798901;1081272,792772;1075962,808709;1066568,825872;1057173,843444;1048595,854477;1054314,843035;1059215,831593;1062891,825463;1067793,817290;1072286,809117;1081272,792772;1054833,757743;1044919,775200;1044737,775619;1054722,758037;1060271,718204;1048355,750777;1023288,802038;1019618,807843;1019594,807891;1011016,822603;1002439,838540;992636,850799;984466,864693;936268,919043;920337,932528;918809,933691;918150,934358;911488,939791;906041,946013;886027,961133;882890,963116;874372,970063;873142,970862;871322,972575;855392,983200;839462,993008;837638,993932;826852,1000941;823509,1002629;820264,1004858;809236,1010988;798931,1015031;775965,1026620;722083,1046725;684537,1056384;714881,1050627;720599,1049400;738980,1042862;750417,1039184;768798,1029785;789629,1022430;802976,1017194;808827,1013848;814137,1012214;821489,1008127;823421,1006784;828433,1001998;839462,995460;852009,989307;856617,986469;872547,975844;879491,969306;887252,964402;907267,949283;921563,935797;937493,922312;985691,867962;992325,856681;992636,855703;1003256,839357;1006523,834453;1010868,828424;1012242,825872;1020819,811160;1037566,776425;1053905,739239;1058704,724119;1104963,682029;1103737,682846;1103737,682846;1108821,657810;1108674,658533;1109864,659962;1113541,664048;1115991,662414;1116053,662100;1114358,663231;1110273,659553;1105180,611389;1104895,611405;1104378,611434;1104554,613376;1104146,623593;1102512,629722;1092709,645251;1090258,658736;1087808,663231;1083723,682846;1079230,698374;1074328,713494;1071469,725345;1068201,737604;1070807,733549;1073103,724936;1075145,712677;1080047,697557;1084540,682029;1088625,662414;1091075,657918;1093526,644433;1103329,628905;1096794,660370;1091892,686523;1080864,720032;1078682,723428;1077749,728512;1074737,737196;1063300,762123;1057990,775200;1054722,782147;1050637,789502;1039609,809117;1027763,828324;1012650,854068;995903,879404;984875,893707;973029,907601;968945,913322;964452,919043;957508,924764;946151,937344;946479,938658;934634,950917;921971,959907;911760,968080;902086,975153;903591,975027;914211,967263;924422,959090;937085,950100;948930,937840;948522,936206;959959,923538;966903,917817;971396,912096;975480,906375;987326,892481;998354,878178;1015101,852842;1030214,827098;1042060,807891;1053088,788276;1057173,780921;1060440,773974;1065751,760897;1077188,735970;1081680,719215;1092709,685707;1097611,659553;1104146,628087;1105620,622560;1104554,622366;1104963,612150;1113949,602751;1109193,622579;1109193,622579;1113949,602752;1117625,598665;1115174,603978;1114613,615113;1114358,625636;1110273,638210;1110273,639646;1115174,625636;1115991,603977;1117896,599849;1100061,581093;1097385,587422;1096385,596622;1095097,592324;1094625,592931;1095977,597439;1095160,603978;1096794,609290;1098060,609219;1097202,606429;1098019,599891;1100061,581093;1134372,570060;1135189,570468;1134781,587631;1135189,599482;1133964,621140;1132739,633400;1129062,651380;1127837,666500;1121710,694288;1115991,718398;1105780,722893;1106597,720441;1108231,703278;1114358,685298;1119259,682437;1119259,682437;1124569,651380;1127428,636669;1129879,621549;1131922,607246;1132739,593761;1133147,582319;1133964,576189;1134372,570060;57528,380585;57732,380687;57751,380629;82172,322012;73186,338767;65833,344897;65816,345288;65105,360932;65125,360894;65833,345305;73186,339175;82172,322421;82478,322625;82631,322319;87073,286460;81355,290546;72777,308527;74739,310098;74803,309822;73186,308527;81763,290546;86827,286928;118525,263167;118009,263581;115819,272005;114440,276244;76862,344897;71552,361651;66650,378814;56030,414775;49086,439293;45819,457683;44185,467081;42959,476480;39283,501816;38058,517345;40100,533691;41057,524784;40917,521840;42551,504677;46227,479341;49142,475840;53376,447494;53171,442563;57206,430989;59607,421272;58889,422948;56439,422130;50311,439702;50720,449510;47861,468307;47452,471577;43368,476480;44593,467081;46227,457683;49495,439293;56439,414775;67059,378814;71960,361651;77270,344897;114849,276244;118525,263167;125878,222303;125877,222303;127919,223938;127919,223937;199480,164123;199401,164186;199163,164456;195827,167953;194983,169180;194432,169803;192048,173266;167132,202688;160188,210861;153245,219442;122540,253395;153653,219034;160596,210452;167541,202279;192457,172857;194983,169180;199163,164456;209848,135944;206323,137173;203701,138147;203077,138939;198584,143025;187147,150381;179386,158963;172034,167544;167132,172039;166966,171831;162333,177403;154470,187159;141808,201053;143850,203505;143889,203471;142216,201462;154878,187568;167541,172039;172442,167545;179794,158963;187555,150381;198992,143026;203485,138939;208387,137101;209934,136620;801475,62114;822306,71513;831293,78868;811278,69061;801475,62114;733670,32283;750009,35960;772883,47402;733670,32283;487776,29576;479198,30648;460817,33100;442845,37186;435084,39638;426098,42090;406434,45955;402815,47403;377899,55984;353391,65792;336236,73556;324799,78051;296615,91128;283136,99709;270065,108291;249233,123819;229627,139348;210862,155724;212471,157737;216454,155004;219844,152476;232078,141800;251684,126271;272515,110743;285586,102161;299066,93580;327249,80503;338278,74782;355433,67017;379941,57210;404857,48629;415324,46572;420380,44843;489197,29990;633852,20790;642583,21658;654428,25744;645442,24519;626653,20841;633852,20790;681387,17572;698134,18797;718557,26970;693232,22475;681387,17572;544756,17469;497579,20023;464902,24518;449380,28605;435900,33508;417111,35960;346039,63340;320306,74782;312545,77642;305601,81320;292530,88267;272107,98892;256585,111151;211655,146295;202265,154463;193079,162854;193273,163049;122610,246004;108313,265619;101778,277470;95242,288503;82989,311387;69659,332401;69509,333046;65016,345305;61748,351026;60932,351843;57307,363898;56439,371050;55622,381266;49903,398020;44593,414775;38875,439293;35607,461769;33565,484244;36424,468716;36689,467434;37241,461360;40508,438885;41532,439226;41620,438847;40509,438476;46227,413957;51537,397203;57229,380525;56847,380448;57664,370233;62157,351026;65425,345305;65535,345006;69918,333046;83397,311796;95651,288912;102186,277879;108722,266028;123018,246413;193682,163458;212471,146295;257402,111151;272924,98892;293347,88267;306418,81320;313362,77643;321123,74782;346856,63340;417929,35961;436718,33509;450197,28605;465718,24519;498395,20023;545573,17623;583493,18895;602145,0;621343,1226;640949,3269;654020,6538;662598,10625;673218,8581;689147,12259;698951,15120;698542,15529;698134,18389;681387,17163;675668,15529;669950,14302;658921,11850;647893,9399;636456,7764;623794,7764;613582,7764;597652,7764;596904,7525;589891,11033;592342,15120;616850,20023;605944,20214;606128,20228;617667,20023;627470,21250;646259,24927;655245,26153;670359,29422;685880,32692;700993,36369;716106,40865;723459,42908;730811,45359;730906,45446;736178,46356;748955,51106;750740,53811;751234,53941;762671,58436;772474,62522;782277,67018;789630,71104;794531,73556;799841,76416;817813,86633;840687,101344;852533,109517;852876,109762;858929,113441;1089441,547176;1089269,550595;1093934,551262;1098427,554531;1100470,565564;1108230,578641;1111498,578938;1111498,575781;1114819,566553;1114766,564748;1118033,553714;1122527,553714;1129470,549219;1130287,567199;1128245,575781;1125794,583954;1124569,597439;1124161,604386;1123344,611333;1121602,612495;1121710,612967;1123378,611854;1124161,605203;1124569,598257;1125794,584771;1128245,576598;1130287,568017;1133555,570469;1133147,576598;1132330,582728;1131921,594170;1131104,607655;1129062,621958;1126611,637078;1123752,651789;1118442,682846;1113541,685707;1107413,703687;1105780,720850;1104963,723302;1098019,742100;1095976,743734;1087399,763758;1096385,743734;1098427,742100;1085356,779286;1078413,782964;1076973,785846;1077188,786233;1078821,782964;1085765,779286;1080864,793180;1071877,809526;1067384,817699;1062483,825872;1058807,832001;1053497,843852;1047778,855294;1038792,867553;1029806,878996;1030180,878224;1020002,892072;997945,916182;993603,922867;997945,916591;1020002,892481;1003256,917817;994627,926858;987700,931953;987325,932528;982995,935861;982832,937023;963634,956638;943211,975436;942267,976121;935451,984834;919112,997094;903842,1008552;903787,1008618;919112,997503;935451,985243;921971,998728;910994,1005880;903400,1009088;903182,1009354;895013,1014666;891935,1016093;884189,1022379;876632,1027742;865195,1035098;861519,1035507;857433,1037324;856798,1037806;861927,1035915;865604,1035507;850899,1046540;841504,1051444;832110,1055939;825474,1056935;824349,1057574;793306,1071059;791723,1071419;782277,1077597;787587,1079232;767981,1087813;769615,1082092;763079,1084544;756953,1086587;744290,1090674;742598,1088642;736529,1089856;729177,1091491;714064,1095169;713566,1095401;727952,1091899;735304,1090265;741431,1089039;743881,1091082;756544,1086996;762671,1084953;769206,1082501;767572,1088222;750417,1096395;749576,1096159;737755,1100890;727952,1103750;713247,1107428;707171,1106917;694463,1109391;694049,1110289;660147,1116827;652386,1114784;645850,1114784;634413,1118462;624202,1119279;613990,1119687;612881,1119212;603575,1120862;592342,1118870;592751,1118462;594793,1115601;585398,1114375;589891,1111923;603371,1111514;616441,1111106;635230,1111514;648301,1110289;672809,1104976;689147,1101299;701401,1100890;702254,1100494;690373,1100890;674035,1104568;649527,1109880;636456,1111106;617667,1110698;604596,1111106;591116,1111515;591525,1109880;594384,1105794;720191,1084953;805560,1052670;828025,1040819;840687,1034281;853758,1027334;878266,1012623;897872,997503;934634,968897;944845,960725;954648,952143;969353,938658;975480,928442;984281,920371;984352,919863;975889,927625;969762,937840;955057,951326;945254,959907;935043,968080;898281,996685;878675,1011805;854167,1026517;841096,1033463;828433,1040002;805968,1051853;720599,1084135;594793,1104977;585398,1104977;584173,1101707;574370,1101299;565383,1104977;539242,1105385;520044,1104568;510649,1103750;501255,1102116;506914,1096077;505748,1096395;484663,1092489;483691,1092717;443253,1085362;427323,1082092;413435,1079641;396688,1071876;375857,1064112;354208,1055530;357884,1052670;372998,1055530;379533,1061251;401998,1067790;446521,1079232;457549,1081275;469395,1083318;482466,1086179;496870,1089295;497987,1089039;511466,1091083;511875,1090265;531481,1091083;534748,1091491;564975,1091491;587032,1092308;613173,1090265;616441,1090265;617667,1093534;643400,1090265;660555,1086179;670358,1084544;676485,1083727;689964,1080458;700993,1078006;712021,1075145;732251,1071643;734896,1070650;713656,1074328;702627,1077189;691599,1079641;678119,1082910;671992,1083727;662189,1085362;635639,1087813;617667,1089448;614399,1089448;588257,1091491;566200,1090674;535974,1090674;532706,1090265;520044,1084953;513100,1089448;513083,1089483;518819,1085770;531481,1091082;511875,1090265;512029,1090165;499212,1088222;484099,1084953;471029,1082092;459183,1080049;448155,1078006;403632,1066564;381167,1060026;374631,1054305;359518,1051444;337053,1040002;330517,1040411;307235,1028560;303150,1021204;303967,1020796;318264,1028560;332560,1036324;336644,1033872;319897,1022839;306010,1016709;286812,1005676;270473,995051;244740,984018;234937,975845;236979,975027;246782,977888;226359,956638;214922,947239;204302,937840;190823,926807;171217,905149;169872,900943;165907,896976;152428,882265;150794,874909;145484,867553;144851,866561;138539,862241;126286,844669;119342,828324;118525,828324;109131,810343;100144,792363;90750,771522;82172,750273;90750,764575;99327,782555;102186,792363;103368,794096;101914,786531;98121,779643;91946,765753;84622,753541;75636,729023;67937,703888;65409,696561;54399,652592;49529,620672;49495,621549;49903,628087;51945,643207;54396,658736;50311,645251;47452,628087;44185,628087;42142,612559;39283,602751;36832,593353;29888,585997;27846,585997;25804,575781;24987,562704;26621,544315;27438,537777;28829,533292;28152,523066;29071,507946;30705,504881;30705,503042;27438,509172;24579,505085;19268,497730;18298,491907;18043,492417;16409,508763;15184,525109;13958,537777;13958,563930;14367,577415;15184,590900;11508,603569;10691,603569;8240,579050;8240,553714;10282,534099;13957,537775;10691,533691;9874,518979;10691,496504;11099,490374;12325,480158;17226,461769;19668,449553;18860,446649;16001,462995;11099,481384;9874,491600;9465,497730;8648,520205;9465,534916;7423,554531;7423,579867;9874,604386;10691,604386;16001,627679;18860,646885;24987,666500;34637,708680;35479,716764;37241,716764;46227,738422;49495,749455;43368,740056;36832,725345;36424,729431;32870,718411;30297,718807;27438,709408;17634,686932;11508,666909;11099,650154;8240,630539;6197,610924;1705,596622;4564,520614;7423,500999;4972,490374;9874,460952;11099,454005;14367,430303;22945,413140;20902,436433;22944,432441;24170,422896;24579,412323;28254,398837;33973,378405;40917,357564;41437,356979;44593,340401;49086,328550;54397,318743;65017,298311;73594,279922;85848,256220;94834,246004;102186,231702;108314,222711;114849,219442;116483,216990;123018,203914;135680,189202;136025,195351;135102,197936;148343,184299;154878,175717;163456,167545;164195,168366;163865,167953;174485,157328;185105,147521;196542,135261;212471,123410;229627,110743;239884,103584;246782,97257;259036,89902;272107,82955;273837,82065;278285,77694;285587,72330;293603,68244;299274,66938;300291,66200;411393,21249;415515,20352;426914,16345;434777,14762;438877,14727;440394,14302;533523,2043;559971,1941;588257,2451;588784,2847;602554,1226;615216,3269;627878,5721;634411,7206;627470,5312;614807,2860;602145,817;602145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 textboxrect="0,0,2647519,2612594"/>
                <v:textbox>
                  <w:txbxContent>
                    <w:p w:rsidR="00E24FD6" w:rsidRDefault="00E24FD6" w:rsidP="00E24FD6">
                      <w:pPr>
                        <w:jc w:val="center"/>
                      </w:pPr>
                    </w:p>
                  </w:txbxContent>
                </v:textbox>
              </v:shape>
              <v:shape id="Freeform: Shape 10" o:spid="_x0000_s1031" style="position:absolute;left:54017;top:94826;width:27838;height:27475;rotation:180;flip:x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EZ/5WxgAAANsAAAAPAAAAZHJzL2Rvd25yZXYueG1sRI9Pa8JA&#10;FMTvgt9heUIvUjcGEZu6SrQUBC+tfw7eHtlnEpp9G7NbE/30rlDocZiZ3zDzZWcqcaXGlZYVjEcR&#10;COLM6pJzBYf95+sMhPPIGivLpOBGDpaLfm+OibYtf9N153MRIOwSVFB4XydSuqwgg25ka+LgnW1j&#10;0AfZ5FI32Aa4qWQcRVNpsOSwUGBN64Kyn92vUXC+m+H20LpTdpxOVpf7W2rSjy+lXgZd+g7CU+f/&#10;w3/tjVYQx/D8En6AXDwAAAD//wMAUEsBAi0AFAAGAAgAAAAhANvh9svuAAAAhQEAABMAAAAAAAAA&#10;AAAAAAAAAAAAAFtDb250ZW50X1R5cGVzXS54bWxQSwECLQAUAAYACAAAACEAWvQsW78AAAAVAQAA&#10;CwAAAAAAAAAAAAAAAAAfAQAAX3JlbHMvLnJlbHNQSwECLQAUAAYACAAAACEAxGf+VsYAAADbAAAA&#10;DwAAAAAAAAAAAAAAAAAHAgAAZHJzL2Rvd25yZXYueG1sUEsFBgAAAAADAAMAtwAAAPoCAAAAAA=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4,2520821r-2444,690l1645133,2521267r1191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3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2,2486082r-14553,2221l1345293,2493385r33139,4069c1380337,2496502,1383195,2496502,1387005,2495549v20002,-2857,39052,-4762,59055,-6667c1448203,2488406,1451716,2487751,1455778,2486992r4714,-910xm1550918,2472281r-49430,7544l1518450,2480309v10478,-476,18336,-2381,24408,-4524l1550918,2472281xm1731355,2470078r-155032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4r354,-1632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6,2535075r937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1,2265793r-4851,-3731xm2099802,2237197r-327,225l2099475,2237694r1514,216l2101380,2237422r-1578,-225xm2120380,2222979r-5624,3885l2113762,2227897r3856,-2468l2120380,2222979xm382287,2175002r35974,42356l389737,2183129r-7450,-8127xm2187820,2174974r-85,30l2187105,2179320v-7620,7620,-10478,12382,-15240,17145c2168055,2201227,2163292,2206942,2153767,2216467r1091,-251l2171865,2197417v3810,-4762,7620,-9525,15240,-17145c2188296,2177177,2188475,2175510,2187820,2174974xm475386,2153525r1886,2297l477367,2155507r-1981,-1982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78787,2272865r3343,1704c484988,2271712,488798,2268854,492608,2265997v28575,24765,59055,49530,90487,71437c577380,2339339,572618,2341244,564998,2343149v2857,1905,3810,2858,6667,4763c562140,2347912,554520,2348864,544995,2348864v-5715,-3810,-11430,-7620,-17145,-11430c522135,2333624,517373,2328862,511658,2325052v-13335,-11430,-27623,-21908,-40005,-33338c459270,2280284,446888,2268854,434505,2258377v-12382,-11430,-22860,-22860,-34290,-33338c394500,2219324,388785,2213609,384023,2208847v-4763,-5715,-10478,-11430,-15240,-17145c369735,2189797,379260,2195512,374498,2184082v6667,5715,13335,11430,19050,17145c401168,2206942,407835,2212657,414503,2217419v8572,9525,17145,18098,25717,27623l442406,2246917r-27903,-29498c407835,2211704,401168,2206942,394500,2201227v-6667,-5715,-12382,-11430,-19050,-17145c368783,2175509,361163,2166937,354495,2158364v-6667,-8572,-13335,-18097,-20002,-26670xm2432850,1980247r-483,207l2421964,2005422r10886,-25175xm2422850,1860918r-25242,36461c2392845,1904999,2389035,1912619,2385225,1920239v-4762,7620,-8572,14288,-12382,20955c2363318,1954529,2353793,1967864,2343315,1980247v-8572,13335,-16192,25717,-25717,39052c2309978,2029777,2302358,2040254,2294738,2050732r-1906,1165l2291272,2054208r2513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1,1790989,2407787,1830865,2386218,1869449r-8558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10l2141046,2177871r-15534,12663l2112810,2205037v-15240,12383,-30480,23813,-46673,35243l2058824,2244900r-19864,16193l2036092,2262956r-4245,3994c2019465,2275522,2007082,2284095,1994700,2291715v-12383,7620,-24765,15240,-37148,22860l1953300,2316730r-25152,16337l1920351,2337000r-7566,5197c1905165,2346960,1896592,2351722,1887067,2356485r-24029,9424l1809483,2392922v-40768,17834,-82698,33504,-125647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10r5353,-20076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3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1,46215l2586542,1451152r11091,-46214l2597632,1404937xm2606205,1395412v-1905,3810,-3810,6668,-5715,12383l2599181,1433750v-119,7382,-119,14526,-596,24527l2589060,1487586r,3348l2600490,1458277v953,-20003,,-28575,1905,-50483l2606836,1398173r-631,-2761xm2565247,1354454r-6241,14753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8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0r5599,-22649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0,383325r-7779,8152l454684,394338r-1285,1452c451546,398815,450698,401003,447840,403860v-19050,21907,-39052,43815,-58102,68580c384023,479107,378308,484822,373545,491490v-5715,6667,-10477,13335,-16192,20002l285752,590631r72553,-80091c364020,503872,368782,497205,374497,490537v5715,-6667,11430,-12382,16193,-19050c409740,446722,429742,425767,448792,402907r5892,-8569l464430,383325r739,-775xm489348,316869v-1585,-200,-4878,1307,-8221,2864l475013,322003r-1455,1846c469748,326707,465938,329564,463080,333374v-9525,5715,-17145,10478,-26670,17145l418313,370522r-17145,20002c397358,393382,394500,396239,389738,401002r-388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9,-3393,9287,-6370l512657,355403r28528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8,48458v6548,357,13692,1072,20359,2024c1511782,52387,1523212,56197,1526070,60007v-5715,-952,-11430,-1905,-20955,-2857c1495590,56197,1482255,53340,1461300,48577v4286,-476,10239,-476,16788,-119xm1588935,40957v13335,952,25717,1905,39052,2857c1644180,48577,1659420,56197,1675612,62864v-22860,-2857,-43815,-7620,-59055,-10477c1601317,48577,1590840,44767,1588935,40957xm1270324,40719v-36671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1l162090,776287v-3810,8573,-6668,19050,-10478,28575c148755,810577,146850,814387,143992,818197r-1905,1905l133634,848201v-1547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800,571l2002949,264417v324310,219099,537534,590139,537534,1010980l2540081,1283368r10879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9,1427648r251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v-5715,3810,-11430,6668,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6,2151085r10126,-14628c2341410,2120264,2372842,2075497,2378557,2080259v-2857,20003,-30480,45720,-39052,59055c2331885,2148363,2325456,2155031,2319383,2160389r-16153,11874l2302357,2173605r-10099,7769l2291880,2184082v-14288,15240,-28575,31433,-44768,45720c2231872,2245042,2216632,2260282,2199487,2273617r-2202,1598l2181390,2295524v-11430,10478,-24765,19050,-38100,28575l2107681,2350806r-128,155l2143290,2325052v12382,-9525,25717,-19050,38100,-28575c2173770,2309812,2163292,2318384,2149957,2327909v-10953,10002,-18811,14050,-25598,16669l2106651,2352057r-509,618c2099475,2357437,2093760,2361247,2087092,2365057r-7178,3327l2061852,2383036v-6668,5120,-12383,9168,-17622,12501c2034705,2403157,2027085,2407920,2017560,2412682v1905,-2857,-2857,-952,-8572,953l1999460,2417870r-1481,1125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80,2554816r-2720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6,4041l237654,1833303r-8845,-16053l214411,1784874r-17079,-28465c190665,1737359,183045,1718309,176377,1699259r-17953,-58585l152529,1623596v-9989,-33579,-18570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6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7,9822,804,14332l315045,461363r30877,-31786c348780,423862,354495,417195,361162,409575v6668,-6668,14288,-13335,20003,-19050l382889,392440r-771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3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white [3212]" stroked="f">
                <v:fill color2="#0072c7 [3205]" o:opacity2="9830f" focusposition="1" focussize="" focus="100%" type="gradientRadial"/>
                <v:stroke joinstyle="miter"/>
                <v:path arrowok="t" o:connecttype="custom" o:connectlocs="1513495,2732553;1500485,2739558;1501264,2739893;1621672,2661428;1579607,2671445;1516509,2679458;1513505,2671445;1557573,2667438;1621672,2661428;1731091,2650943;1728521,2651668;1729839,2651412;946130,2635886;990699,2647405;1009729,2648406;1062810,2674451;1086847,2679458;1088351,2679960;1093858,2674451;1114890,2680461;1135923,2685468;1177365,2695108;1177988,2694484;1226062,2702497;1249097,2706504;1272133,2708507;1319205,2710511;1383304,2709508;1386086,2709508;1392318,2706002;1406340,2701495;1420612,2701245;1430377,2702496;1433005,2709508;1455415,2709508;1448404,2719525;1444398,2724534;1431378,2730544;1407341,2730544;1376293,2728541;1309190,2726537;1259112,2722531;1215044,2716521;1170977,2709508;1103874,2699492;1051794,2682464;1052396,2682027;1021747,2672447;994705,2660427;963658,2650411;931608,2639392;946130,2635886;1535691,2614411;1520388,2616746;1414560,2622091;1449406,2626370;1458420,2624366;1520516,2617355;1530734,2615368;1630773,2599897;1578797,2607831;1596633,2608340;1622298,2603582;1820500,2597580;1657486,2640998;1739979,2622614;775368,2577288;890545,2626370;931608,2639392;962656,2650410;993704,2660426;1020745,2672446;1014736,2677455;998711,2674450;941624,2653415;913581,2642396;885537,2630376;848480,2617355;816430,2603332;791392,2590310;775368,2577288;822441,2552247;877525,2580294;870515,2584301;806416,2553248;822441,2552247;619127,2484134;687232,2522197;701254,2538224;669204,2521195;645167,2506171;619127,2484134;738552,2458431;738561,2458716;741944,2462811;742316,2461095;2201196,2392679;2197559,2392982;2137466,2436054;2078374,2468107;2036310,2493148;2013275,2503165;1989238,2513182;1960192,2528207;1938158,2541228;1906109,2554251;1873059,2566271;1864044,2575285;1850023,2580294;1814969,2586304;1769899,2600327;1728836,2613348;1683767,2626371;1627680,2640394;1548559,2653415;1546556,2656421;1508514,2665933;1509499,2666437;1551746,2655874;1552565,2653415;1631687,2640394;1687774,2626371;1732843,2613348;1773906,2600327;1818975,2586304;1854030,2580294;1830300,2594534;1830994,2594317;1856033,2579292;1870055,2574284;1870988,2574025;1877065,2567272;1910116,2555252;1942166,2542231;1964200,2529208;1993244,2514184;2017281,2504167;2033764,2497001;2042320,2491145;2084385,2466104;2143475,2434051;483748,2378827;487550,2382089;488849,2382751;2207918,2352678;2207574,2352915;2207574,2353201;2209166,2353428;2209577,2352915;2229555,2337727;2223642,2341812;2222597,2342898;2226651,2340303;401970,2287273;439797,2331815;409804,2295820;2300468,2287244;2300378,2287275;2299716,2291814;2283691,2309844;2264661,2330878;2265809,2330614;2283691,2310845;2299716,2292815;2300468,2287244;499863,2264687;501846,2267103;501946,2266772;351716,2241730;377756,2258758;379034,2260264;390900,2262890;417816,2287806;454874,2317856;470899,2339893;479912,2350912;517971,2382965;506954,2391980;471511,2352592;469898,2352915;503439,2390188;506954,2391980;517972,2382965;613118,2458090;594089,2464100;601099,2469108;573056,2470110;555028,2458090;538003,2445068;495938,2410010;456877,2374952;420822,2339893;403796,2322865;387771,2304835;393780,2296822;413811,2314852;435845,2331880;462886,2360928;465185,2362900;435845,2331880;414812,2314852;394781,2296822;372747,2269776;351716,2241730;2558114,2082465;2557606,2082683;2546667,2108940;2547599,1956976;2521057,1995319;2508037,2019359;2495017,2041396;2463969,2082465;2436928,2123533;2412891,2156588;2410887,2157813;2409246,2160244;2411889,2158592;2435926,2125537;2462968,2084468;2494015,2043401;2507036,2021364;2520055,1997324;2547098,1958258;2651258,1943234;2638237,1982298;2615202,2024368;2592166,2067441;2571135,2094485;2585156,2066438;2597175,2038392;2606188,2023367;2618207,2003334;2629224,1983300;2651258,1943234;2586431,1857371;2562120,1900162;2561673,1901190;2586157,1858092;2599763,1760455;2570545,1840296;2509081,1965948;2500082,1980177;2500025,1980295;2478992,2016355;2457960,2055421;2433923,2085471;2413892,2119527;2295710,2252748;2256649,2285804;2252902,2288654;2251285,2290290;2234952,2303607;2221596,2318858;2172519,2355921;2164830,2360779;2143943,2377808;2140927,2379767;2136464,2383967;2097404,2410011;2058344,2434051;2053873,2436317;2027426,2453497;2019227,2457633;2011272,2463098;1984229,2478124;1958963,2488034;1902651,2516442;1770534,2565723;1678470,2589398;1752874,2575285;1766895,2572280;1811964,2556253;1840007,2547238;1885077,2524200;1936155,2506170;1968881,2493335;1983228,2485135;1996247,2481129;2014276,2471112;2019013,2467819;2031302,2456087;2058344,2440061;2089108,2424978;2100408,2418023;2139469,2391980;2156495,2375953;2175525,2363933;2224600,2326872;2259654,2293816;2298714,2260762;2416896,2127539;2433160,2099887;2433923,2097489;2459963,2057423;2467975,2045403;2478629,2030624;2481997,2024368;2503029,1988308;2544092,1903166;2584154,1812015;2595922,1774953;2709346,1671782;2706342,1673785;2706342,1673785;2718807,1612417;2718447,1614189;2721365,1617692;2730379,1627708;2736389,1623702;2736540,1622933;2732382,1625705;2722367,1616689;2709880,1498630;2709180,1498669;2707913,1498740;2708345,1503502;2707344,1528544;2703338,1543568;2679301,1581632;2673292,1614687;2667283,1625705;2657267,1673785;2646250,1711848;2634231,1748910;2627221,1777958;2619209,1808008;2625599,1798068;2631227,1776956;2636234,1746906;2648253,1709845;2659270,1671782;2669286,1623702;2675295,1612683;2681304,1579628;2705341,1541565;2689317,1618693;2677298,1682799;2650256,1764936;2644907,1773259;2642620,1785721;2635233,1807007;2607190,1868108;2594170,1900162;2586157,1917190;2576142,1935220;2549101,1983300;2520055,2030378;2482999,2093484;2441935,2155587;2414894,2190645;2385849,2224702;2375833,2238725;2364817,2252748;2347790,2266772;2319943,2297607;2320748,2300828;2291704,2330878;2260655,2352915;2235617,2372948;2211898,2390284;2215586,2389977;2241626,2370945;2266666,2350912;2297713,2328875;2326758,2298825;2325756,2294818;2353799,2263767;2370826,2249744;2381842,2235721;2391858,2221697;2420903,2187641;2447944,2152582;2489008,2090478;2526065,2027374;2555110,1980295;2582151,1932215;2592166,1914185;2600179,1897157;2613199,1865104;2641243,1804002;2652259,1762934;2679301,1680797;2691320,1616690;2707344,1539562;2710957,1526014;2708345,1525538;2709346,1500497;2731380,1477458;2719718,1526059;2719719,1526059;2731381,1477459;2740395,1467442;2734386,1480464;2733009,1507758;2732382,1533552;2722367,1564373;2722367,1567894;2734386,1533552;2736389,1480463;2741058,1470345;2697328,1424369;2690766,1439884;2688315,1462434;2685155,1451900;2683999,1453387;2687314,1464437;2685310,1480464;2689317,1493485;2692422,1493312;2690318,1486473;2692321,1470446;2697328,1424369;2781459,1397325;2783462,1398326;2782460,1440396;2783462,1469445;2780457,1522533;2777452,1552583;2768438,1596656;2765434,1633718;2750410,1701832;2736389,1760929;2711351,1771948;2713354,1765938;2717360,1723868;2732382,1679795;2744401,1672784;2744401,1672783;2757422,1596656;2764432,1560596;2770441,1523535;2775449,1488476;2777452,1455422;2778453,1427375;2780457,1412349;2781459,1397325;141058,932886;141557,933135;141604,932995;201484,789314;179450,830381;161422,845407;161379,846366;159636,884712;159686,884621;161422,846408;179450,831382;201484,790315;202235,790815;202610,790064;213502,702168;199480,712185;178448,756258;183260,760108;183416,759432;179450,756258;200482,712185;212898,703315;290621,645073;289356,646086;283986,666735;280606,677127;188464,845407;175443,886475;163424,928545;137384,1016691;120359,1076791;112346,1121867;108340,1144905;105335,1167944;96322,1230047;93316,1268110;98325,1308177;100672,1286345;100328,1279128;104334,1237058;113347,1174955;120496,1166375;130878,1096892;130374,1084805;140269,1056435;146156,1032617;144396,1036725;138386,1034721;123363,1077794;124365,1101834;117353,1147910;116352,1155924;106337,1167944;109341,1144905;113347,1121867;121360,1076791;138386,1016691;164427,928545;176445,886475;189465,845407;281607,677127;290621,645073;308650,544907;308649,544907;313656,548913;313656,548912;489120,402297;488927,402450;488343,403112;480163,411685;478095,414693;476744,416220;470899,424707;409805,496827;392778,516860;375753,537895;300465,621119;376754,536893;393779,515858;410806,495825;471900,423705;478095,414693;488343,403112;514544,333225;505900,336237;499471,338624;497941,340566;486923,350582;458880,368612;439851,389648;421824,410682;409805,421701;409397,421190;398037,434849;378757,458763;347709,492820;352717,498829;352812,498745;348710,493821;379758,459765;410806,421701;422825,410683;440852,389648;459881,368613;487924,350583;498942,340567;510960,336060;514754,334882;1965201,152253;2016279,175291;2038313,193321;1989238,169281;1965201,152253;1798944,79131;1839006,88146;1895093,116192;1798944,79131;1196017,72495;1174984,75124;1129914,81134;1085846,91151;1066817,97161;1044783,103171;996568,112644;987695,116193;926601,137228;866509,161268;824444,180300;796401,191318;727294,223371;694243,244407;662194,265441;611115,303505;563041,341568;517031,381710;520976,386643;530741,379945;539053,373748;569050,347578;617124,309515;668202,271451;700251,250416;733303,229381;802409,197328;829451,183305;871516,164272;931608,140232;992702,119198;1018366,114156;1030763,109919;1199501,73512;1554193,50959;1575600,53088;1604645,63104;1582611,60100;1536540,51084;1554193,50959;1670747,43071;1711810,46076;1761887,66109;1699791,55091;1670747,43071;1335731,42821;1220053,49081;1139929,60099;1101871,70116;1068819,82136;1022748,88146;848480,155258;785383,183305;766353,190316;749328,199331;717278,216359;667201,242402;629142,272452;518973,358596;495949,378619;473425,399187;473903,399665;300636,603002;265582,651082;249557,680131;233532,707176;203486,763269;170803,814778;170436,816358;159418,846408;151406,860431;149403,862435;140515,891984;138386,909514;136383,934555;122362,975624;109341,1016691;95320,1076791;87307,1131884;82300,1186975;89310,1148911;89960,1145770;91313,1130881;99326,1075790;101835,1076627;102052,1075697;99327,1074788;113348,1014688;126368,973619;140325,932740;139388,932551;141392,907510;152408,860431;160420,846408;160690,845676;171438,816358;204488,764271;234535,708178;250559,681134;266584,652085;301638,604005;474905,400667;520976,358597;631146,272453;669204,242403;719281,216360;751331,199331;768357,190317;787386,183305;850484,155258;1024752,88147;1070823,82137;1103874,70117;1141932,60100;1222056,49081;1337734,43196;1430713,46316;1476448,0;1523520,3004;1571594,8013;1603643,16027;1624676,26043;1650716,21034;1689776,30050;1713813,37061;1712812,38063;1711810,45074;1670747,42070;1656725,38063;1642704,35058;1615662,29048;1588620,23038;1560577,19031;1529530,19031;1504491,19031;1465431,19031;1463596,18445;1446401,27044;1452411,37061;1512503,49081;1485762,49548;1486213,49583;1514506,49081;1538543,52087;1584614,61101;1606648,64107;1643706,72120;1681765,80133;1718821,89148;1755879,100167;1773906,105175;1791934,111185;1792167,111397;1805095,113626;1836424,125270;1840800,131901;1842011,132220;1870055,143238;1894092,153255;1918129,164273;1936156,174290;1948175,180300;1961194,187311;2005262,212353;2061349,248413;2090394,268447;2091235,269047;2106078,278066;2671289,1341231;2670866,1349614;2682305,1351248;2693322,1359261;2698330,1386306;2717359,1418359;2725372,1419088;2725372,1411348;2733514,1388729;2733383,1384304;2741396,1357258;2752413,1357258;2769439,1346240;2771442,1390314;2766435,1411348;2760426,1431382;2757421,1464437;2756419,1481465;2754416,1498494;2750146,1501341;2750410,1502499;2754502,1499771;2756419,1483468;2757421,1466440;2760426,1433385;2766435,1413351;2771442,1392317;2779454,1398327;2778453,1413351;2776450,1428377;2775448,1456424;2773445,1489478;2768438,1524537;2762429,1561598;2755417,1597658;2742398,1673785;2730379,1680797;2715356,1724870;2711350,1766940;2709346,1772950;2692321,1819027;2687313,1823034;2666281,1872115;2688315,1823034;2693322,1819027;2661272,1910178;2644247,1919194;2640716,1926258;2641243,1927206;2645249,1919193;2662274,1910178;2650256,1944235;2628222,1984302;2617206,2004335;2605187,2024368;2596173,2039393;2583153,2068442;2569131,2096488;2547098,2126538;2525064,2154585;2525982,2152694;2501026,2186638;2446942,2245737;2436295,2262121;2446942,2246738;2501026,2187639;2459963,2249743;2438805,2271906;2421820,2284393;2420902,2285804;2410283,2293974;2409886,2296822;2362813,2344902;2312735,2390978;2310420,2392659;2293707,2414016;2253645,2444066;2216203,2472152;2216068,2472315;2253645,2445068;2293707,2415018;2260655,2448073;2233739,2465602;2215119,2473467;2214584,2474117;2194553,2487138;2187006,2490637;2168014,2506045;2149485,2519192;2121441,2537222;2112428,2538224;2102409,2542678;2100852,2543861;2113429,2539225;2122443,2538224;2086388,2565268;2063352,2577290;2040317,2588307;2024046,2590748;2021287,2592314;1945170,2625368;1941289,2626251;1918129,2641395;1931148,2645402;1883074,2666437;1887080,2652414;1871056,2658424;1856033,2663432;1824985,2673448;1820836,2668469;1805955,2671445;1787927,2675452;1750870,2684467;1749649,2685035;1784923,2676453;1802951,2672446;1817973,2669442;1823983,2674450;1855031,2664433;1870054,2659425;1886078,2653415;1882072,2667438;1840007,2687472;1837945,2686894;1808960,2698490;1784923,2705502;1748867,2714516;1733970,2713265;1702810,2719329;1701794,2721528;1618667,2737555;1599637,2732546;1583612,2732546;1555569,2741562;1530531,2743565;1505492,2744566;1502772,2743401;1479953,2747447;1452411,2742563;1453413,2741562;1458420,2734550;1435385,2731545;1446401,2725535;1479453,2724533;1511502,2723532;1557572,2724533;1589622,2721528;1649714,2708506;1689776,2699492;1719822,2698490;1721912,2697519;1692781,2698491;1652719,2707505;1592627,2720527;1560577,2723532;1514506,2722531;1482457,2723532;1449406,2724534;1450408,2720527;1457418,2710511;1765893,2659425;1975216,2580294;2030300,2551245;2061349,2535218;2093398,2518191;2153491,2482131;2201565,2445068;2291704,2374952;2316742,2354918;2340779,2333884;2376834,2300828;2391858,2275787;2413438,2256003;2413611,2254760;2392860,2273784;2377836,2298825;2341781,2331881;2317744,2352915;2292706,2372948;2202567,2443065;2154493,2480127;2094400,2516187;2062351,2533215;2031302,2549242;1976218,2578291;1766895,2657422;1458420,2708507;1435385,2708507;1432380,2700494;1408343,2699492;1386309,2708507;1322210,2709508;1275138,2707505;1252102,2705502;1229067,2701495;1242944,2686693;1240084,2687472;1188384,2677897;1186000,2678457;1086848,2660427;1047787,2652414;1013735,2646404;972672,2627372;921593,2608341;868512,2587305;877525,2580294;914583,2587305;930607,2601328;985692,2617355;1094860,2645402;1121902,2650411;1150947,2655418;1182996,2662431;1218315,2670069;1221054,2669442;1254105,2674451;1255106,2672447;1303180,2674451;1311193,2675452;1385307,2675452;1439390,2677455;1503489,2672447;1511501,2672447;1514506,2680461;1577603,2672447;1619668,2662431;1643705,2658424;1658728,2656421;1691779,2648407;1718821,2642397;1745862,2635385;1795464,2626800;1801950,2624367;1749869,2633382;1722827,2640394;1695786,2646404;1662735,2654417;1647712,2656421;1623675,2660427;1558574,2666437;1514506,2670444;1506494,2670444;1442395,2675452;1388312,2673448;1314198,2673448;1306185,2672447;1275138,2659425;1258111,2670444;1258068,2670530;1272133,2661428;1303181,2674450;1255107,2672446;1255486,2672201;1224059,2667438;1187002,2659425;1154953,2652414;1125908,2647405;1098867,2642397;989698,2614351;934614,2598324;918589,2584301;881531,2577288;826447,2549242;810422,2550244;753334,2521195;743318,2503165;745321,2502164;780376,2521195;815429,2540227;825445,2534217;784382,2507172;750330,2492147;703257,2465102;663195,2439058;600098,2412014;576061,2391981;581068,2389977;605105,2396988;555028,2344902;526985,2321864;500945,2298825;467895,2271781;419820,2218692;416522,2208382;406800,2198658;373750,2162598;369743,2144568;356723,2126538;355172,2124106;339696,2113516;309650,2070445;292624,2030378;290621,2030378;267586,1986305;245552,1942232;222516,1891147;201484,1839060;222516,1874118;243549,1918192;250559,1942232;253457,1946481;249890,1927936;240590,1911054;225451,1877007;207492,1847073;185458,1786973;166581,1725364;160383,1707404;133384,1599626;121445,1521384;121360,1523535;122362,1539562;127369,1576624;133378,1614687;123363,1581632;116352,1539562;108340,1539562;103332,1501498;96322,1477458;90312,1454420;73286,1436390;68278,1436390;63270,1411348;61267,1379295;65273,1334220;67276,1318194;70687,1307201;69029,1282134;71283,1245071;75289,1237560;75289,1233051;67276,1248077;60266,1238060;47245,1220030;44867,1205757;44241,1207008;40235,1247075;37230,1287141;34226,1318194;34226,1382299;35227,1415355;37230,1448409;28217,1479462;26214,1479462;20204,1419361;20204,1357258;25212,1309178;34222,1318188;26214,1308177;24211,1272117;26214,1217025;27215,1202000;30220,1176958;42238,1131884;48227,1101940;46244,1094821;39233,1134888;27215,1179964;24211,1205005;23208,1220030;21205,1275121;23208,1311181;18201,1359261;18201,1421365;24211,1481465;26214,1481465;39233,1538560;46244,1585638;61267,1633718;84929,1737109;86994,1756924;91314,1756924;113348,1810012;121361,1837057;106337,1814018;90312,1777958;89311,1787975;80598,1760961;74288,1761932;67276,1738894;43239,1683802;28217,1634720;27215,1593652;20204,1545572;15196,1497492;4180,1462434;11190,1276124;18201,1228044;12192,1202000;24211,1129880;27215,1112851;35227,1054755;56260,1012685;51252,1069780;56258,1059994;59264,1036600;60266,1010681;69279,977626;83301,927543;100328,876458;101603,875023;109342,834388;120359,805339;133379,781299;159419,731216;180451,686141;210497,628045;232531,603002;250559,567945;265583,545908;281608,537895;285614,531885;301638,499831;332686,463771;333531,478843;331266,485178;363733,451751;379758,430717;400791,410683;402603,412697;401793,411685;427833,385641;453873,361601;481916,331551;520976,302502;563041,271451;588191,253903;605105,238396;635152,220366;667201,203338;671444,201156;682350,190442;700252,177295;719908,167278;733813,164077;736307,162269;1008727,52086;1018835,49888;1046785,40066;1066065,36184;1076119,36099;1079837,35058;1308188,5008;1373038,4758;1442395,6009;1443686,6977;1477450,3004;1508497,8012;1539545,14022;1555564,17664;1538543,13021;1507495,7011;1476448,2003;1476448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</v:shape>
              <v:shape id="Freeform: Shape 18" o:spid="_x0000_s1032" style="position:absolute;left:59774;top:100414;width:18227;height:17988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/TtXkwQAAANsAAAAPAAAAZHJzL2Rvd25yZXYueG1sRI/BagIx&#10;EIbvBd8hTMFbzdZCKatRSsFWL4WuPsCQjLurm0lIUl3f3jkUehz++b/5Zrke/aAulHIf2MDzrAJF&#10;bIPruTVw2G+e3kDlguxwCEwGbpRhvZo8LLF24co/dGlKqwTCuUYDXSmx1jrbjjzmWYjEkh1D8lhk&#10;TK12Ca8C94OeV9Wr9tizXOgw0kdH9tz8etH4pD5b/d2eXraNLfsUc/zaGTN9HN8XoAqN5X/5r711&#10;BuZiL78IAPTqDgAA//8DAFBLAQItABQABgAIAAAAIQDb4fbL7gAAAIUBAAATAAAAAAAAAAAAAAAA&#10;AAAAAABbQ29udGVudF9UeXBlc10ueG1sUEsBAi0AFAAGAAgAAAAhAFr0LFu/AAAAFQEAAAsAAAAA&#10;AAAAAAAAAAAAHwEAAF9yZWxzLy5yZWxzUEsBAi0AFAAGAAgAAAAhAH9O1eTBAAAA2wAAAA8AAAAA&#10;AAAAAAAAAAAABwIAAGRycy9kb3ducmV2LnhtbFBLBQYAAAAAAwADALcAAAD1AgAAAAA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3,2520821r-2442,690l1645133,2521267r1190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2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1,2486082r-14552,2221l1345293,2493385r33139,4069c1380337,2496502,1383195,2496502,1387005,2495549v20002,-2857,39052,-4762,59055,-6667c1448203,2488406,1451715,2487751,1455778,2486992r4713,-910xm1550918,2472281r-49430,7544l1518450,2480309v10478,-476,18336,-2381,24408,-4524l1550918,2472281xm1731355,2470078r-155033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3r354,-1631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5,2535075r938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0,2265793r-4850,-3731xm2099801,2237197r-326,225l2099475,2237694r1514,216l2101380,2237422r-1579,-225xm2120379,2222979r-5623,3885l2113762,2227897r3856,-2468l2120379,2222979xm382287,2175002r35972,42353l389737,2183129r-7450,-8127xm2187820,2174974r-85,30l2187105,2179320v-7620,7620,-10478,12382,-15240,17145c2168055,2201227,2163292,2206942,2153767,2216467r1091,-252l2171865,2197417v3810,-4762,7620,-9525,15240,-17145c2188296,2177177,2188474,2175510,2187820,2174974xm475386,2153526r1886,2295l477367,2155507r-1981,-1981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46888,2237422r31899,35443l482130,2274569v2858,-2857,6668,-5715,10478,-8572c521183,2290762,551663,2315527,583095,2337434v-5715,1905,-10477,3810,-18097,5715c567855,2345054,568808,2346007,571665,2347912v-9525,,-17145,952,-26670,952c539280,2345054,533565,2341244,527850,2337434v-5715,-3810,-10477,-8572,-16192,-12382c498323,2313622,484035,2303144,471653,2291714v-12383,-11430,-24765,-22860,-37148,-33337c422123,2246947,411645,2235517,400215,2225039v-5715,-5715,-11430,-11430,-16192,-16192c379260,2203132,373545,2197417,368783,2191702v952,-1905,10477,3810,5715,-7620c381165,2189797,387833,2195512,393548,2201227v7620,5715,14287,11430,20955,16192c423075,2226944,431648,2235517,440220,2245042r2186,1875l414503,2217419v-6668,-5715,-13335,-10477,-20003,-16192c387833,2195512,382118,2189797,375450,2184082v-6667,-8573,-14287,-17145,-20955,-25718c347828,2149792,341160,2140267,334493,2131694xm2432850,1980247r-483,207l2421963,2005422r10887,-25175xm2422850,1860918r-25242,36461c2392845,1904999,2389035,1912619,2385225,1920239v-4762,7620,-8572,14288,-12382,20955c2363318,1954529,2353793,1967864,2343315,1980247v-8572,13335,-16192,25717,-25717,39052c2309978,2029777,2302358,2040254,2294738,2050732r-1907,1165l2291271,2054208r2514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498930,1857612v-4405,8097,-7977,15003,-7977,17860c2486190,1885949,2480475,1898332,2473808,1909762v6667,-12383,12382,-23813,17145,-34290c2490953,1872615,2494525,1865709,2498930,1857612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0,1790989,2407787,1830865,2386218,1869449r-8559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09l2141045,2177871r-15533,12663l2112810,2205037v-15240,12383,-30480,23813,-46673,35243l2058824,2244899r-19864,16194l2036091,2262956r-4244,3994c2019465,2275522,2007082,2284095,1994700,2291715v-12383,7620,-24765,15240,-37148,22860l1953301,2316730r-25153,16337l1920350,2337000r-7565,5197c1905165,2346960,1896592,2351722,1887067,2356485r-24028,9423l1809482,2392922v-40767,17835,-82698,33504,-125646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09r5353,-20075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2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2,46215l2586541,1451152r11092,-46214l2597632,1404937xm2606205,1395412v-1905,3810,-3810,6668,-5715,12383l2600490,1407795r-1310,25955c2599062,1441132,2599062,1448276,2598585,1458277r-9525,29309l2589060,1490934r11430,-32657c2601443,1438274,2600490,1429702,2602395,1407794r4441,-9621l2606205,1395412xm2565247,1354454r-6242,14754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7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1r5599,-22650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1,383323r-7781,8154l454683,394339r-1284,1451c451546,398815,450698,401003,447840,403860v-19050,21907,-39052,43815,-58102,68580c384023,479107,378308,484822,373545,491490v-5715,6667,-10477,13335,-16192,20002l285782,590597r72523,-80057c364020,503872,368782,497205,374497,490537v5715,-6667,11430,-12382,16193,-19050c409740,446722,429742,425767,448792,402907r5891,-8568l464431,383323r738,-773xm489348,316869v-1585,-200,-4878,1306,-8221,2864l475013,322003r-1455,1846c469748,326707,465938,329564,463080,333374v-9525,5715,-17145,10478,-26670,17145l418313,370522r-17145,20002c397358,393382,394500,396239,389738,401002r-389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8,-3393,9287,-6370l512656,355403r28529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7,48458v6549,357,13693,1072,20360,2024c1511782,52387,1523212,56197,1526070,60007v-5715,-952,-11430,-1905,-20955,-2857c1495590,56197,1482255,53340,1461300,48577v4286,-476,10239,-476,16787,-119xm1588935,40957v13335,952,25717,1905,39052,2857c1644180,48577,1659420,56197,1675612,62864v-22860,-2857,-43815,-7620,-59055,-10477c1601317,48577,1590840,44767,1588935,40957xm1270324,40719v-36672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0l162090,776287v-3810,8573,-6668,19050,-10478,28575c148755,810577,146850,814387,143992,818197r-1905,1905l133634,848201v-1548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799,571l2002949,264417v324309,219099,537534,590139,537534,1010980l2540080,1283368r10880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8,1427648r252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r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5,2151085r10127,-14628c2341410,2120264,2372842,2075497,2378557,2080259v-2857,20003,-30480,45720,-39052,59055c2331885,2148363,2325455,2155031,2319383,2160388r-16154,11875l2302357,2173605r-10099,7769l2291880,2184082v-14288,15240,-28575,31433,-44768,45720c2231872,2245042,2216632,2260282,2199487,2273617r-2203,1598l2181390,2295524v-11430,10478,-24765,19050,-38100,28575l2107680,2350806r-127,155l2143290,2325052v12382,-9525,25717,-19050,38100,-28575c2173770,2309812,2163292,2318384,2149957,2327909v-10953,10002,-18811,14050,-25598,16669l2106651,2352057r-509,618c2099475,2357437,2093760,2361247,2087092,2365057r-7179,3327l2061852,2383036v-6668,5120,-12383,9168,-17622,12501c2034705,2403157,2027085,2407920,2017560,2412682v1905,-2857,-2857,-952,-8572,953l1999459,2417870r-1481,1124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79,2554816r-2719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5,4041l237654,1833304r-8846,-16053l214410,1784873r-17078,-28464c190665,1737359,183045,1718309,176377,1699259r-17951,-58580l152529,1623596v-9989,-33579,-18571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7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6,9822,804,14332l315045,461363r30877,-31786c348780,423862,354495,417195,361162,409575v6668,-6668,14288,-13335,20003,-19050l382888,392440r-770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2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0072c7 [3205]" stroked="f">
                <v:fill opacity="20303f"/>
                <v:stroke joinstyle="miter"/>
                <v:path arrowok="t" o:connecttype="custom" o:connectlocs="990930,1789000;982412,1793586;982923,1793805;1061757,1742435;1034216,1748993;992904,1754239;990937,1748993;1019790,1746370;1061757,1742435;1133396,1735570;1131715,1736045;1132577,1735877;619460,1725712;648640,1733254;661100,1733909;695854,1750960;711591,1754239;712576,1754567;716182,1750960;729952,1754895;743723,1758174;770856,1764485;771264,1764076;802740,1769323;817821,1771946;832904,1773257;863723,1774569;905690,1773913;907512,1773913;911592,1771617;920773,1768666;930117,1768503;936511,1769322;938232,1773913;952904,1773913;948314,1780471;945691,1783750;937166,1787685;921428,1787685;901101,1786373;857166,1785062;824379,1782438;795526,1778504;766674,1773913;722739,1767355;688641,1756207;689035,1755920;668969,1749649;651263,1741779;630936,1735221;609952,1728007;619460,1725712;1005462,1711652;995444,1713181;926155,1716680;948969,1719482;954871,1718170;995527,1713580;1002217,1712279;1067716,1702150;1033686,1707344;1045363,1707678;1062167,1704563;1191936,1700634;1085205,1729059;1139217,1717023;507656,1687348;583066,1719482;609952,1728007;630280,1735221;650608,1741779;668312,1749648;664378,1752927;653886,1750960;616509,1737188;598149,1729974;579788,1722105;555525,1713580;534542,1704399;518148,1695873;507656,1687348;538477,1670954;574542,1689316;569952,1691939;527985,1671609;538477,1670954;405361,1626360;449951,1651280;459132,1661773;438148,1650624;422410,1640788;405361,1626360;483552,1609533;483558,1609719;485773,1612400;486017,1611277;1441189,1566485;1438808,1566683;1399463,1594882;1360774,1615868;1333233,1632262;1318151,1638820;1302414,1645378;1283397,1655215;1268971,1663740;1247987,1672266;1226348,1680135;1220446,1686037;1211265,1689316;1188315,1693251;1158806,1702432;1131921,1710957;1102413,1719483;1065691,1728664;1013888,1737188;1012576,1739156;987669,1745384;988314,1745714;1015975,1738798;1016511,1737188;1068315,1728664;1105036,1719483;1134544,1710957;1161430,1702432;1190938,1693251;1213889,1689316;1198352,1698639;1198807,1698497;1215201,1688660;1224381,1685381;1224992,1685212;1228971,1680791;1250610,1672921;1271594,1664396;1286020,1655870;1305037,1646034;1320774,1639476;1331566,1634784;1337168,1630950;1364709,1614556;1403398,1593571;316724,1557416;319214,1559552;320063,1559985;1445589,1540296;1445365,1540451;1445365,1540639;1446407,1540787;1446676,1540451;1459756,1530507;1455885,1533182;1455201,1533893;1457855,1532194;263182,1497476;287947,1526635;268311,1503071;1506185,1497456;1506127,1497477;1505693,1500448;1495201,1512253;1482742,1526024;1483493,1525850;1495201,1512908;1505693,1501104;1506185,1497456;327275,1482689;328574,1484270;328639,1484053;230279,1467658;247328,1478807;248165,1479793;255934,1481512;273557,1497825;297820,1517498;308311,1531926;314213,1539140;339131,1560125;331918,1566027;308712,1540240;307656,1540451;307656,1540451;329617,1564854;331918,1566027;339132,1560125;401427,1609309;388968,1613244;393558,1616523;375197,1617179;363394,1609309;352246,1600784;324705,1577831;299131,1554879;275524,1531926;264377,1520778;253885,1508973;257820,1503727;270935,1515531;285361,1526679;303066,1545698;304570,1546989;285361,1526679;271590,1515531;258475,1503727;244049,1486020;230279,1467658;1674874,1363388;1674542,1363530;1667379,1380721;1667990,1281231;1650612,1306334;1642087,1322073;1633563,1336500;1613234,1363388;1595530,1390275;1579792,1411916;1578479,1412719;1577405,1414310;1579136,1413228;1594874,1391587;1612579,1364700;1632907,1337812;1641432,1323385;1649956,1307646;1667661,1282070;1720366,1278955;1714875,1291251;1703071,1314859;1714875,1291251;1720366,1278955;1735858,1272233;1727333,1297809;1712252,1325352;1697169,1353551;1683399,1371257;1692579,1352895;1700448,1334533;1706350,1324697;1714218,1311581;1721432,1298465;1735858,1272233;1693414,1216019;1677497,1244034;1677204,1244707;1693235,1216491;1702143,1152568;1683013,1204840;1642771,1287104;1636878,1296420;1636841,1296497;1623070,1320106;1609300,1345682;1593562,1365356;1580447,1387653;1503070,1474872;1477496,1496514;1475042,1498379;1473983,1499451;1463290,1508169;1454545,1518154;1422414,1542419;1417379,1545599;1403704,1556749;1401729,1558031;1398807,1560781;1373234,1577832;1347659,1593571;1344733,1595054;1327416,1606302;1322048,1609010;1316840,1612588;1299135,1622426;1282593,1628913;1245722,1647512;1159222,1679776;1098945,1695276;1147659,1686037;1156839,1684069;1186347,1673576;1204708,1667675;1234217,1652591;1267659,1640787;1289085,1632384;1298479,1627016;1307003,1624393;1318807,1617835;1321908,1615679;1329955,1607998;1347659,1597505;1367802,1587631;1375200,1583077;1400775,1566027;1411922,1555534;1424381,1547665;1456512,1523401;1479463,1501759;1505037,1480119;1582414,1392898;1593063,1374794;1593562,1373224;1610611,1346993;1615857,1339123;1622833,1329448;1625038,1325352;1638808,1301744;1665694,1246001;1691923,1186325;1699628,1162060;1773890,1094514;1771924,1095825;1771924,1095825;1780084,1055648;1779849,1056808;1781759,1059101;1787661,1065659;1791596,1063036;1791695,1062533;1788973,1064348;1782415,1058445;1774239,981152;1773782,981177;1772952,981224;1773235,984341;1772580,1000736;1769957,1010573;1754219,1035493;1750284,1057134;1746350,1064348;1739793,1095825;1732579,1120745;1724710,1145010;1720120,1164028;1714875,1183701;1719058,1177193;1722743,1163372;1726022,1143698;1733891,1119434;1741104,1094514;1747662,1063036;1751596,1055822;1755530,1034181;1771268,1009261;1760776,1059757;1752907,1101727;1735202,1155502;1731699,1160951;1730202,1169110;1725366,1183046;1707006,1223049;1698481,1244034;1693235,1255183;1686677,1266987;1668973,1298465;1649956,1329287;1625694,1370602;1598808,1411261;1581104,1434213;1562087,1456510;1555529,1465691;1548317,1474872;1537169,1484053;1518937,1504241;1519463,1506350;1500447,1526024;1480119,1540451;1463726,1553567;1448196,1564917;1450611,1564716;1467660,1552256;1484054,1539140;1504382,1524712;1523398,1505039;1522742,1502416;1541103,1482086;1552251,1472905;1559464,1463724;1566021,1454543;1585038,1432246;1602743,1409293;1629628,1368634;1653890,1327320;1672907,1296497;1690612,1265019;1697169,1253215;1702415,1242067;1710940,1221082;1729301,1181078;1736514,1154191;1754219,1100416;1762088,1058446;1772580,1007950;1774945,999080;1773235,998768;1773890,982374;1788317,967291;1780681,999109;1780681,999109;1788317,967291;1794219,960733;1790284,969258;1790284,969258;1789382,987128;1788973,1004015;1782415,1024194;1782415,1026499;1790284,1004015;1791596,969258;1794653,962634;1766022,932533;1761724,942691;1760120,957454;1758051,950557;1757295,951531;1759465,958766;1758153,969258;1760776,977783;1762809,977670;1761432,973192;1762743,962700;1766022,932533;1821104,914827;1822416,915483;1821760,943026;1822416,962044;1820448,996801;1818481,1016474;1812579,1045329;1810613,1069594;1800776,1114188;1791596,1152879;1775203,1160093;1776514,1156158;1779137,1128615;1788973,1099760;1796842,1095170;1796842,1095169;1805367,1045329;1809957,1021721;1813891,997457;1817170,974504;1818481,952863;1819137,934501;1820448,924664;1821104,914827;92355,610759;92681,610923;92712,610831;131918,516763;117491,543650;105688,553487;105660,554115;104518,579220;104551,579160;105688,554143;117491,544305;131918,517418;132409,517746;132655,517254;139786,459709;130606,466267;116835,495121;119986,497642;120088,497199;117491,495121;131262,466267;139391,460460;190278,422329;189450,422992;185934,436511;183721,443314;123393,553487;114868,580374;106999,607917;89950,665627;78802,704974;73556,734485;70934,749568;68966,764652;63065,805311;61097,830231;64376,856462;65913,842169;65688,837444;68311,809901;74212,769242;78893,763624;85690,718134;85360,710221;91838,691648;95693,676053;94540,678743;90606,677431;80769,705631;81425,721369;76835,751536;76179,756782;69622,764652;71589,749568;74212,734485;79458,704974;90606,665627;107655,607917;115524,580374;124048,553487;184376,443314;190278,422329;202082,356750;202082,356750;205360,359373;205360,359372;320241,263383;320115,263484;319733,263916;314377,269530;313022,271500;312139,272499;308311,278055;268312,325272;257164,338388;246017,352159;196744,406622;246672,351504;257819,337732;268967,324616;308967,277399;313022,271500;319733,263916;336887,218162;331228,220134;327018,221697;326017,222968;318803,229526;300443,241330;287984,255102;276181,268873;268312,276087;268044,275753;260607,284695;247983,300352;227656,322649;230934,326583;230997,326528;228311,323304;248639,301007;268967,276087;276836,268874;288639,255102;301098,241331;319459,229527;326672,222969;334541,220018;337025,219247;1286676,99680;1320118,114763;1334545,126567;1302414,110828;1286676,99680;1177823,51807;1204053,57709;1240774,76071;1177823,51807;783068,47463;769297,49184;739789,53119;710936,59677;698477,63611;684051,67546;652483,73748;646673,76072;606674,89843;567329,105582;539788,118042;521427,125256;476181,146241;454542,160013;433558,173784;400115,198704;368640,223624;338515,249905;341098,253135;347492,248749;352933,244693;372574,227559;404050,202639;437492,177719;458476,163947;480115,150176;525361,129190;543066,120009;570608,107549;609952,91810;649952,78039;666755,74738;674871,71964;785350,48128;1017576,33363;1031593,34757;1050609,41314;1036183,39347;1006019,33445;1017576,33363;1093888,28199;1120773,30166;1153560,43281;1112904,36068;1093888,28199;874543,28035;798805,32133;746346,39347;721428,45905;699788,53774;669624,57709;555525,101647;514214,120009;501754,124599;490607,130502;469624,141650;436837,158701;411918,178374;339787,234772;324713,247881;309966,261347;310278,261660;196836,394785;173884,426263;163393,445281;152901,462987;133229,499712;111830,533434;111589,534469;104376,554143;99130,563324;97819,564635;91999,583981;90606,595458;89294,611852;80114,638740;71589,665627;62409,704974;57163,741043;53884,777111;58474,752191;58900,750135;59786,740387;65032,704319;66674,704867;66817,704258;65032,703663;74213,664315;82737,637428;91875,610664;91262,610541;92573,594146;99786,563324;105032,554143;105208,553663;112246,534469;133885,500368;153557,463643;164049,445937;174540,426919;197492,395441;310934,262316;341098,234773;413230,178375;438148,158701;470935,141651;491919,130502;503067,124600;515525,120009;556837,101647;670936,57710;701100,53775;722739,45905;747657,39347;800117,32133;875855,28281;936731,30323;966675,0;997494,1967;1028970,5246;1049953,10493;1063724,17051;1080773,13771;1106347,19674;1122085,24264;1121429,24920;1120773,29510;1093888,27543;1084708,24920;1075527,22952;1057822,19018;1040118,15083;1021757,12460;1001429,12460;985035,12460;959462,12460;958260,12076;947002,17706;950937,24264;990281,32133;972773,32439;973068,32462;991593,32133;1007331,34101;1037495,40003;1051921,41971;1076184,47217;1101102,52463;1125364,58365;1149626,65579;1161430,68858;1173233,72792;1173385,72931;1181850,74391;1202362,82014;1205227,86356;1206020,86564;1224381,93778;1240119,100336;1255856,107550;1267660,114108;1275529,118042;1284053,122632;1312905,139028;1349627,162636;1368644,175752;1369194,176145;1378912,182049;1748973,878103;1748696,883591;1756186,884661;1763399,889907;1766678,907613;1779136,928599;1784383,929076;1784383,924008;1789714,909200;1789628,906302;1794874,888596;1802088,888596;1813235,881382;1814546,910237;1811268,924008;1807334,937124;1805366,958766;1804711,969914;1803399,981062;1800603,982927;1800776,983685;1803455,981899;1804711,971225;1805366,960077;1807334,938436;1811268,925320;1814546,911549;1819792,915483;1819137,925320;1817825,935157;1817169,953519;1815858,975160;1812579,998113;1808645,1022377;1804055,1045985;1795530,1095825;1787661,1100416;1777825,1129271;1775202,1156814;1773890,1160749;1762743,1190915;1759464,1193539;1745694,1225672;1760120,1193539;1763399,1190915;1742415,1250592;1731268,1256494;1728956,1261119;1729301,1261740;1731924,1256494;1743071,1250592;1735202,1272889;1720776,1299120;1713563,1312236;1705694,1325352;1699792,1335189;1691268,1354207;1682088,1372569;1667661,1392243;1653235,1410605;1653836,1409367;1637496,1431590;1602087,1470282;1595115,1481009;1602087,1470938;1637496,1432246;1610611,1472905;1596759,1487414;1585638,1495590;1585037,1496514;1578085,1501863;1577824,1503727;1547004,1535205;1514217,1565371;1512701,1566472;1501759,1580454;1475529,1600128;1451014,1618516;1450926,1618622;1475529,1600784;1501759,1581110;1480119,1602751;1462496,1614228;1450305,1619377;1449955,1619802;1436840,1628327;1431898,1630618;1419464,1640706;1407332,1649313;1388971,1661117;1383070,1661773;1376510,1664689;1375490,1665463;1383725,1662428;1389627,1661773;1366021,1679479;1350938,1687349;1335857,1694562;1325204,1696160;1323397,1697186;1273561,1718826;1271020,1719404;1255856,1729319;1264381,1731942;1232905,1745714;1235528,1736533;1225036,1740468;1215201,1743746;1194872,1750304;1192156,1747044;1182413,1748993;1170609,1751616;1146347,1757518;1145547,1757890;1168643,1752271;1180446,1749648;1190282,1747681;1194216,1750960;1214544,1744402;1224380,1741123;1234872,1737188;1232249,1746370;1204708,1759485;1203358,1759107;1184380,1766699;1168643,1771290;1145036,1777191;1135282,1776372;1114881,1780342;1114216,1781782;1059790,1792275;1047330,1788996;1036838,1788996;1018478,1794898;1002085,1796210;985691,1796865;983910,1796102;968970,1798751;950937,1795554;951593,1794898;954871,1790307;939790,1788340;947002,1784405;968642,1783749;989626,1783094;1019789,1783749;1040773,1781782;1080117,1773257;1106347,1767355;1126019,1766699;1127388,1766063;1108315,1766699;1082085,1772601;1042740,1781127;1021757,1783094;991593,1782438;970609,1783094;948969,1783750;949625,1781127;954215,1774569;1156183,1741123;1293233,1689316;1329299,1670298;1349627,1659805;1370611,1648657;1409955,1625049;1441431,1600784;1500447,1554879;1516840,1541763;1532578,1527992;1556185,1506350;1566021,1489956;1580150,1477003;1580264,1476189;1566677,1488644;1556841,1505039;1533234,1526680;1517496,1540451;1501103,1553567;1442087,1599473;1410611,1623737;1371267,1647346;1350283,1658494;1329955,1668986;1293889,1688005;1156839,1739812;954871,1773257;939790,1773257;937822,1768011;922084,1767355;907658,1773257;865691,1773913;834871,1772601;819789,1771290;804707,1768666;813792,1758975;811920,1759485;778071,1753217;776510,1753584;711592,1741779;686018,1736533;663723,1732598;636838,1720138;603395,1707678;568641,1693906;574542,1689316;598805,1693906;609297,1703087;645362,1713580;716838,1731942;734543,1735221;753559,1738500;774543,1743091;797667,1748091;799461,1747681;821100,1750960;821756,1749649;853231,1750960;858477,1751616;907002,1751616;942412,1752927;984379,1749649;989625,1749649;991593,1754895;1032904,1749649;1060445,1743091;1076183,1740468;1086019,1739156;1107658,1733910;1125364,1729975;1143068,1725384;1175544,1719763;1179791,1718171;1145692,1724073;1127987,1728664;1110282,1732598;1088642,1737845;1078807,1739156;1063069,1741779;1020445,1745714;991593,1748337;986347,1748337;944379,1751616;908969,1750304;860445,1750304;855199,1749649;834871,1741123;823723,1748337;823695,1748394;832904,1742435;853232,1750960;821756,1749648;822004,1749488;801428,1746370;777166,1741123;756182,1736533;737166,1733254;719461,1729975;647985,1711613;611920,1701120;601428,1691939;577165,1687348;541100,1668986;530608,1669642;493230,1650624;486673,1638820;487984,1638164;510936,1650624;533886,1663085;540444,1659150;513559,1641443;491263,1631607;460443,1613900;434214,1596849;392902,1579143;377165,1566028;380443,1564716;396181,1569306;363394,1535205;345033,1520122;327984,1505039;306345,1487333;274869,1452575;272709,1445825;266344,1439460;244705,1415851;242082,1404047;233557,1392243;232542,1390650;222409,1383717;202737,1355518;191590,1329287;190278,1329287;175197,1300432;160770,1271577;145688,1238132;131918,1204031;145688,1226984;159459,1255838;164049,1271577;165945,1274359;163611,1262219;157521,1251166;147609,1228874;135851,1209277;121425,1169929;109067,1129597;105007,1117836;87331,1047274;79514,996049;79458,997457;80114,1007950;83392,1032214;87327,1057134;80769,1035493;76179,1007950;70934,1007950;67654,983030;63065,967291;59130,952208;47982,940403;44704,940403;41425,924008;40113,903023;42736,873513;44048,863020;46281,855823;45195,839412;46671,815147;49294,810229;49294,807278;44048,817115;39458,810557;30933,798753;29376,789408;28966,790227;26343,816459;24376,842690;22409,863020;22409,904990;23064,926632;24376,948272;18474,968602;17163,968602;13228,929255;13228,888596;16507,857118;22406,863017;17163,856462;15851,832854;17163,796785;17818,786949;19786,770553;27655,741043;31575,721439;30278,716779;25687,743010;17818,772521;15851,788916;15195,798753;13884,834821;15195,858429;11917,889907;11917,930566;15851,969914;17163,969914;25687,1007294;30278,1038116;40113,1069594;55605,1137284;56957,1150256;59786,1150256;74213,1185013;79458,1202720;69622,1187636;59130,1164028;58475,1170586;52770,1152900;48638,1153535;44048,1138452;28310,1102383;18474,1070250;17818,1043362;13228,1011884;9949,980406;2737,957454;7326,835477;11917,803999;7982,786949;15851,739732;17818,728583;23064,690547;36835,663004;33556,700384;36834,693977;38802,678661;39458,661692;45359,640051;54540,607261;65688,573816;66523,572876;71590,546273;78802,527255;87327,511516;104377,478726;118147,449216;137819,411180;152245,394785;164049,371833;173885,357405;184377,352159;187000,348224;197492,327239;217819,303631;218373,313498;216890,317646;238147,295761;248639,281990;262410,268874;263596,270193;263066,269530;280115,252479;297164,236740;315525,217066;341098,198048;368640,177719;385106,166230;396181,156077;415853,144273;436837,133125;439614,131696;446755,124682;458476,116075;471345,109517;480449,107421;482082,106237;660444,34100;667061,32661;685362,26231;697985,23690;704567,23634;707002,22952;856510,3279;898969,3115;944379,3934;945225,4568;967331,1967;987658,5246;1007987,9180;1018474,11565;1007331,8525;987002,4590;966675,1312;966675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  <o:lock v:ext="edit" aspectratio="t"/>
              </v:shape>
              <v:shape id="Freeform: Shape 18" o:spid="_x0000_s1033" style="position:absolute;left:58081;top:105240;width:4605;height:4546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i/BkUxAAAANsAAAAPAAAAZHJzL2Rvd25yZXYueG1sRI9Ra8Iw&#10;FIXfB/sP4Q58GTPVBy2dUcpgoAMRdT/g0lzbsuamJNFGf/0iCD4ezjnf4SxW0XTiQs63lhVMxhkI&#10;4srqlmsFv8fvjxyED8gaO8uk4EoeVsvXlwUW2g68p8sh1CJB2BeooAmhL6T0VUMG/dj2xMk7WWcw&#10;JOlqqR0OCW46Oc2ymTTYclposKevhqq/w9koMHkZh3nMzWxe7vbbze304953So3eYvkJIlAMz/Cj&#10;vdYKphO4f0k/QC7/AQAA//8DAFBLAQItABQABgAIAAAAIQDb4fbL7gAAAIUBAAATAAAAAAAAAAAA&#10;AAAAAAAAAABbQ29udGVudF9UeXBlc10ueG1sUEsBAi0AFAAGAAgAAAAhAFr0LFu/AAAAFQEAAAsA&#10;AAAAAAAAAAAAAAAAHwEAAF9yZWxzLy5yZWxzUEsBAi0AFAAGAAgAAAAhAKL8GRTEAAAA2wAAAA8A&#10;AAAAAAAAAAAAAAAABwIAAGRycy9kb3ducmV2LnhtbFBLBQYAAAAAAwADALcAAAD4AgAAAAA=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3,2520821r-2442,690l1645133,2521267r1190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2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1,2486082r-14552,2221l1345293,2493385r33139,4069c1380337,2496502,1383195,2496502,1387005,2495549v20002,-2857,39052,-4762,59055,-6667c1448203,2488406,1451715,2487751,1455778,2486992r4713,-910xm1550918,2472281r-49430,7544l1518450,2480309v10478,-476,18336,-2381,24408,-4524l1550918,2472281xm1731355,2470078r-155033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3r354,-1631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5,2535075r938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0,2265793r-4850,-3731xm2099801,2237197r-326,225l2099475,2237694r1514,216l2101380,2237422r-1579,-225xm2120379,2222979r-5623,3885l2113762,2227897r3856,-2468l2120379,2222979xm382287,2175002r35972,42353l389737,2183129r-7450,-8127xm2187820,2174974r-85,30l2187105,2179320v-7620,7620,-10478,12382,-15240,17145c2168055,2201227,2163292,2206942,2153767,2216467r1091,-252l2171865,2197417v3810,-4762,7620,-9525,15240,-17145c2188296,2177177,2188474,2175510,2187820,2174974xm475386,2153526r1886,2295l477367,2155507r-1981,-1981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46888,2237422r31899,35443l482130,2274569v2858,-2857,6668,-5715,10478,-8572c521183,2290762,551663,2315527,583095,2337434v-5715,1905,-10477,3810,-18097,5715c567855,2345054,568808,2346007,571665,2347912v-9525,,-17145,952,-26670,952c539280,2345054,533565,2341244,527850,2337434v-5715,-3810,-10477,-8572,-16192,-12382c498323,2313622,484035,2303144,471653,2291714v-12383,-11430,-24765,-22860,-37148,-33337c422123,2246947,411645,2235517,400215,2225039v-5715,-5715,-11430,-11430,-16192,-16192c379260,2203132,373545,2197417,368783,2191702v952,-1905,10477,3810,5715,-7620c381165,2189797,387833,2195512,393548,2201227v7620,5715,14287,11430,20955,16192c423075,2226944,431648,2235517,440220,2245042r2186,1875l414503,2217419v-6668,-5715,-13335,-10477,-20003,-16192c387833,2195512,382118,2189797,375450,2184082v-6667,-8573,-14287,-17145,-20955,-25718c347828,2149792,341160,2140267,334493,2131694xm2432850,1980247r-483,207l2421963,2005422r10887,-25175xm2422850,1860918r-25242,36461c2392845,1904999,2389035,1912619,2385225,1920239v-4762,7620,-8572,14288,-12382,20955c2363318,1954529,2353793,1967864,2343315,1980247v-8572,13335,-16192,25717,-25717,39052c2309978,2029777,2302358,2040254,2294738,2050732r-1907,1165l2291271,2054208r2514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498930,1857612v-4405,8097,-7977,15003,-7977,17860c2486190,1885949,2480475,1898332,2473808,1909762v6667,-12383,12382,-23813,17145,-34290c2490953,1872615,2494525,1865709,2498930,1857612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0,1790989,2407787,1830865,2386218,1869449r-8559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09l2141045,2177871r-15533,12663l2112810,2205037v-15240,12383,-30480,23813,-46673,35243l2058824,2244899r-19864,16194l2036091,2262956r-4244,3994c2019465,2275522,2007082,2284095,1994700,2291715v-12383,7620,-24765,15240,-37148,22860l1953301,2316730r-25153,16337l1920350,2337000r-7565,5197c1905165,2346960,1896592,2351722,1887067,2356485r-24028,9423l1809482,2392922v-40767,17835,-82698,33504,-125646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09r5353,-20075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2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2,46215l2586541,1451152r11092,-46214l2597632,1404937xm2606205,1395412v-1905,3810,-3810,6668,-5715,12383l2600490,1407795r-1310,25955c2599062,1441132,2599062,1448276,2598585,1458277r-9525,29309l2589060,1490934r11430,-32657c2601443,1438274,2600490,1429702,2602395,1407794r4441,-9621l2606205,1395412xm2565247,1354454r-6242,14754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7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1r5599,-22650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1,383323r-7781,8154l454683,394339r-1284,1451c451546,398815,450698,401003,447840,403860v-19050,21907,-39052,43815,-58102,68580c384023,479107,378308,484822,373545,491490v-5715,6667,-10477,13335,-16192,20002l285782,590597r72523,-80057c364020,503872,368782,497205,374497,490537v5715,-6667,11430,-12382,16193,-19050c409740,446722,429742,425767,448792,402907r5891,-8568l464431,383323r738,-773xm489348,316869v-1585,-200,-4878,1306,-8221,2864l475013,322003r-1455,1846c469748,326707,465938,329564,463080,333374v-9525,5715,-17145,10478,-26670,17145l418313,370522r-17145,20002c397358,393382,394500,396239,389738,401002r-389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8,-3393,9287,-6370l512656,355403r28529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7,48458v6549,357,13693,1072,20360,2024c1511782,52387,1523212,56197,1526070,60007v-5715,-952,-11430,-1905,-20955,-2857c1495590,56197,1482255,53340,1461300,48577v4286,-476,10239,-476,16787,-119xm1588935,40957v13335,952,25717,1905,39052,2857c1644180,48577,1659420,56197,1675612,62864v-22860,-2857,-43815,-7620,-59055,-10477c1601317,48577,1590840,44767,1588935,40957xm1270324,40719v-36672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0l162090,776287v-3810,8573,-6668,19050,-10478,28575c148755,810577,146850,814387,143992,818197r-1905,1905l133634,848201v-1548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799,571l2002949,264417v324309,219099,537534,590139,537534,1010980l2540080,1283368r10880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8,1427648r252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r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5,2151085r10127,-14628c2341410,2120264,2372842,2075497,2378557,2080259v-2857,20003,-30480,45720,-39052,59055c2331885,2148363,2325455,2155031,2319383,2160388r-16154,11875l2302357,2173605r-10099,7769l2291880,2184082v-14288,15240,-28575,31433,-44768,45720c2231872,2245042,2216632,2260282,2199487,2273617r-2203,1598l2181390,2295524v-11430,10478,-24765,19050,-38100,28575l2107680,2350806r-127,155l2143290,2325052v12382,-9525,25717,-19050,38100,-28575c2173770,2309812,2163292,2318384,2149957,2327909v-10953,10002,-18811,14050,-25598,16669l2106651,2352057r-509,618c2099475,2357437,2093760,2361247,2087092,2365057r-7179,3327l2061852,2383036v-6668,5120,-12383,9168,-17622,12501c2034705,2403157,2027085,2407920,2017560,2412682v1905,-2857,-2857,-952,-8572,953l1999459,2417870r-1481,1124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79,2554816r-2719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5,4041l237654,1833304r-8846,-16053l214410,1784873r-17078,-28464c190665,1737359,183045,1718309,176377,1699259r-17951,-58580l152529,1623596v-9989,-33579,-18571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7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6,9822,804,14332l315045,461363r30877,-31786c348780,423862,354495,417195,361162,409575v6668,-6668,14288,-13335,20003,-19050l382888,392440r-770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2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2c567a [3204]" stroked="f">
                <v:fill opacity="24929f"/>
                <v:stroke joinstyle="miter"/>
                <v:path arrowok="t" o:connecttype="custom" o:connectlocs="250396,452084;248244,453243;248372,453298;268293,440317;261334,441974;250895,443300;250398,441974;257688,441311;268293,440317;286395,438582;285971,438702;286188,438660;156530,436091;163903,437997;167052,438162;175834,442471;179810,443300;180059,443383;180970,442471;184450,443466;187930,444294;194786,445889;194889,445786;202842,447111;206653,447774;210464,448106;218252,448437;228857,448271;229317,448271;230348,447691;232668,446946;235029,446904;236645,447111;237080,448271;240787,448271;239627,449929;238964,450757;236810,451752;232834,451752;227697,451420;216595,451089;208310,450426;201020,449431;193729,448271;182627,446614;174011,443797;174111,443725;169040,442140;164566,440151;159430,438494;154127,436671;156530,436091;254068,432538;251536,432924;234028,433809;239793,434517;241284,434185;251557,433025;253248,432696;269799,430137;261200,431449;264150,431534;268397,430746;301188,429754;274218,436937;287866,433895;128279,426396;147334,434517;154127,436671;159264,438494;164401,440151;168874,442140;167880,442968;165229,442471;155784,438991;151145,437168;146505,435179;140374,433025;135072,430705;130930,428551;128279,426396;136066,422253;145180,426894;144020,427556;133415,422419;136066,422253;102430,410985;113697,417282;116017,419933;110715,417116;106738,414630;102430,410985;122188,406732;122189,406779;122749,407457;122810,407173;364171,395854;363569,395904;353627,403030;343851,408333;336892,412476;333081,414133;329104,415790;324299,418276;320653,420430;315351,422585;309883,424574;308392,426065;306072,426894;300273,427888;292816,430208;286023,432362;278566,434517;269287,436837;256197,438991;255866,439488;249572,441062;249735,441145;256724,439398;256860,438991;269950,436837;279229,434517;286685,432362;293479,430208;300935,427888;306735,426894;302809,429249;302924,429214;307066,426728;309386,425899;309540,425856;310546,424739;316014,422751;321316,420596;324962,418442;329767,415956;333743,414299;336470,413113;337886,412144;344845,408002;354621,402699;80032,393562;80661,394102;80876,394211;365283,389236;365226,389275;365226,389322;365489,389360;365557,389275;368862,386762;367884,387438;367711,387618;368382,387189;66503,378415;72761,385784;67799,379829;380594,378410;380580,378415;380470,379166;377819,382149;374671,385629;374860,385585;377819,382315;380470,379332;380594,378410;82698,374679;83027,375078;83043,375023;58189,370880;62497,373698;62708,373947;64671,374381;69124,378503;75255,383475;77907,387121;79398,388944;85694,394247;83872,395738;78008,389222;77741,389275;77741,389275;83290,395442;83872,395738;85694,394247;101436,406676;98287,407670;99447,408499;94808,408664;91825,406676;89008,404521;82049,398721;75587,392921;69622,387121;66805,384304;64154,381321;65148,379995;68462,382978;72107,385795;76581,390601;76961,390927;72107,385795;68627,382978;65314,379995;61668,375520;58189,370880;423220,344531;423136,344567;421326,348911;421480,323770;417089,330113;414935,334090;412781,337736;407644,344531;403171,351325;399194,356794;398862,356997;398591,357399;399028,357126;403005,351657;407479,344862;412615,338068;414770,334422;416924,330445;421397,323982;434715,323194;433328,326302;430345,332268;433328,326302;434715,323194;438630,321496;436476,327959;432665,334919;428854,342045;425374,346520;427694,341879;429682,337239;431174,334754;433162,331439;434985,328125;438630,321496;427905,307291;423883,314370;423809,314540;427860,307410;430111,291256;425277,304466;415108,325254;413619,327608;413610,327627;410130,333593;406650,340057;402674,345028;399360,350663;379807,372703;373345,378172;372725,378643;372457,378914;369755,381117;367546,383641;359426,389772;358154,390576;354699,393394;354200,393718;353461,394413;346999,398721;340537,402699;339797,403073;335422,405916;334065,406600;332749,407504;328275,409990;324095,411630;314779,416330;292921,424483;277690,428400;289999,426065;292319,425568;299775,422916;304415,421425;311871,417613;320322,414630;325736,412507;328110,411150;330264,410487;333246,408830;334030,408285;336063,406344;340537,403693;345627,401198;347496,400047;353959,395738;356775,393087;359924,391098;368043,384966;373842,379498;380304,374029;399857,351988;402547,347413;402674,347017;406982,340388;408307,338399;410070,335954;410627,334919;414107,328953;420900,314867;427528,299787;429475,293655;448240,276586;447743,276917;447743,276917;449805,266764;449746,267057;450229,267637;451720,269294;452714,268631;452739,268504;452051,268963;450394,267471;448328,247939;448213,247946;448003,247957;448075,248745;447909,252888;447246,255374;443270,261671;442275,267140;441281,268963;439624,276917;437801,283215;435813,289346;434653,294152;433328,299124;434385,297479;435316,293986;436144,289015;438133,282883;439956,276586;441613,268631;442607,266808;443601,261340;447578,255042;444927,267803;442938,278409;438464,291998;437579,293375;437201,295436;435979,298958;431339,309067;429185,314370;427860,317187;426203,320170;421729,328125;416924,335913;410793,346354;403999,356628;399525,362429;394720,368063;393063,370383;391241,372703;388424,375023;383817,380125;383950,380658;379145,385629;374008,389275;369865,392590;365941,395458;366552,395407;370860,392258;375002,388944;380139,385298;384944,380326;384778,379663;389418,374526;392235,372206;394057,369886;395714,367566;400520,361932;404993,356131;411787,345857;417918,335416;422723,327627;427197,319673;428854,316690;430179,313873;432333,308570;436973,298461;438796,291666;443270,278077;445258,267471;447909,254711;448507,252469;448075,252391;448240,248248;451886,244436;449956,252477;449956,252477;451886,244436;453377,242779;452383,244934;452383,244934;452155,249449;452051,253717;450394,258816;450394,259398;452383,253717;452714,244933;453487,243259;446252,235653;445166,238220;444761,241951;444238,240208;444047,240454;444595,242282;444264,244934;444927,247088;445440,247059;445092,245928;445424,243276;446252,235653;460171,231179;460502,231344;460336,238305;460502,243111;460005,251894;459508,256865;458017,264157;457520,270289;455034,281557;452714,291335;448572,293158;448903,292163;449566,285203;452051,277912;454040,276752;454040,276751;456194,264157;457354,258191;458348,252059;459176,246259;459508,240790;459673,236150;460005,233664;460171,231179;23337,154340;23419,154381;23427,154358;33334,130587;29689,137381;26706,139867;26699,140026;26411,146370;26419,146355;26706,140033;29689,137547;33334,130753;33458,130835;33520,130711;35322,116169;33002,117827;29523,125118;30319,125755;30345,125643;29689,125118;33168,117827;35222,116359;48081,106723;47872,106891;46983,110307;46424,112026;31180,139867;29026,146662;27037,153622;22729,168205;19912,178148;18587,185606;17924,189417;17427,193229;15936,203504;15438,209801;16267,216430;16655,212818;16598,211624;17261,204664;18752,194389;19935,192969;21653,181474;21569,179474;23206,174781;24180,170840;23889,171520;22895,171188;20409,178314;20575,182292;19415,189915;19250,191240;17593,193229;18090,189417;18752,185606;20078,178148;22895,168205;27203,153622;29191,146662;31345,139867;46590,112026;48081,106723;51064,90151;51064,90151;51892,90814;51892,90814;80921,66557;80889,66583;80793,66692;79439,68111;79097,68609;78874,68861;77907,70265;67799,82197;64982,85511;62165,88991;49715,102754;62331,88826;65148,85345;67965,82031;78072,70099;79097,68609;80793,66692;85127,55130;83697,55628;82634,56023;82380,56344;80558,58002;75918,60985;72770,64465;69787,67945;67799,69768;67731,69683;65852,71943;62662,75900;57526,81534;58354,82528;58370,82514;57691,81700;62828,76065;67965,69768;69953,67945;72936,64465;76084,60985;80723,58002;82546,56345;84534,55599;85162,55404;325127,25189;333578,29001;337223,31984;329104,28007;325127,25189;297621,13092;304249,14583;313528,19223;297621,13092;197872,11994;194392,12429;186935,13423;179645,15080;176497,16075;172851,17069;164874,18636;163406,19223;153299,22703;143357,26681;136398,29830;131758,31652;120325,36955;114857,40436;109555,43916;101104,50213;93151,56510;85539,63152;86191,63968;87807,62859;89182,61834;94145,57505;102098,51207;110549,44910;115851,41430;121319,37950;132752,32647;137226,30327;144186,27178;154127,23201;164235,19721;168481,18886;170532,18185;198448,12162;257129,8431;260671,8783;265476,10440;261831,9943;254209,8452;257129,8431;276412,7126;283206,7623;291490,10937;281217,9114;276412,7126;220986,7084;201848,8120;188592,9943;182296,11600;176828,13589;169206,14583;140374,25686;129936,30327;126787,31487;123970,32978;118668,35795;110383,40104;104087,45076;85860,59327;82051,62640;78325,66043;78404,66122;49738,99763;43938,107718;41287,112523;38636,116998;33665,126278;28258,134800;28197,135061;26375,140033;25049,142353;24718,142684;23247,147573;22895,150473;22564,154616;20244,161411;18090,168205;15770,178148;14444,187263;13616,196378;14776,190080;14883,189561;15107,187097;16433,177983;16848,178121;16884,177967;16433,177817;18753,167874;20907,161079;23216,154316;23061,154285;23392,150142;25215,142353;26540,140033;26585,139912;28363,135061;33831,126444;38802,117164;41453,112689;44104,107883;49904,99929;78569,66288;86191,59328;104418,45076;110715,40104;118999,35795;124302,32978;127119,31487;130267,30327;140706,25686;169537,14583;177159,13589;182627,11600;188924,9943;202180,8120;221318,7147;236700,7663;244267,0;252054,497;260008,1326;265310,2652;268790,4309;273098,3480;279560,4972;283537,6132;283371,6297;283206,7457;276412,6960;274092,6297;271773,5800;267299,4806;262825,3811;258185,3149;253049,3149;248906,3149;242444,3149;242141,3052;239296,4474;240290,6132;250232,8120;245808,8197;245882,8203;250563,8120;254540,8617;262162,10109;265807,10606;271938,11932;278235,13258;284366,14749;290496,16572;293479,17400;296462,18395;296500,18430;298639,18799;303822,20725;304546,21822;304746,21875;309386,23698;313363,25355;317339,27178;320322,28835;322310,29830;324464,30989;331755,35133;341034,41098;345839,44413;345978,44512;348434,46004;441944,221898;441874,223285;443767,223556;445589,224881;446418,229356;449566,234659;450892,234779;450892,233499;452239,229757;452217,229024;453543,224550;455365,224550;458182,222727;458514,230019;457685,233499;456691,236813;456194,242282;456028,245099;455697,247916;454990,248388;455034,248579;455711,248128;456028,245431;456194,242613;456691,237145;457685,233830;458514,230350;459839,231345;459673,233830;459342,236316;459176,240956;458845,246425;458017,252225;457022,258357;455862,264323;453708,276917;451720,278077;449234,285369;448572,292329;448240,293324;445424,300947;444595,301610;441115,309730;444761,301610;445589,300947;440287,316027;437470,317519;436886,318687;436973,318844;437636,317518;440453,316027;438464,321662;434819,328290;432996,331605;431008,334919;429517,337405;427363,342211;425043,346851;421397,351823;417752,356463;417904,356150;413775,361766;404828,371543;403066,374254;404828,371709;413775,361931;406982,372206;403481,375872;400671,377939;400519,378172;398763,379524;398697,379995;390909,387949;382624,395572;382241,395851;379476,399384;372848,404356;366653,409002;366631,409029;372848,404521;379476,399550;374008,405018;369555,407919;366474,409220;366386,409327;363072,411482;361823,412060;358681,414610;355615,416785;350976,419768;349485,419933;347827,420670;347569,420866;349650,420099;351142,419933;345177,424408;341365,426397;337555,428219;334863,428623;334406,428882;321813,434351;321171,434497;317339,437002;319493,437665;311540,441145;312203,438825;309552,439820;307066,440648;301930,442305;301243,441482;298781,441974;295799,442637;289668,444128;289466,444222;295302,442802;298284,442140;300770,441643;301764,442471;306900,440814;309386,439985;312037,438991;311374,441311;304415,444625;304074,444530;299278,446448;295302,447608;289336,449100;286872,448893;281717,449896;281549,450260;267796,452911;264647,452083;261996,452083;257357,453574;253214,453906;249072,454071;248622,453879;244847,454548;240290,453740;240456,453574;241284,452414;237473,451917;239296,450923;244764,450757;250066,450591;257688,450757;262991,450260;272932,448106;279560,446614;284531,446448;284877,446288;280057,446448;273430,447940;263488,450094;258185,450591;250563,450426;245261,450591;239793,450757;239959,450094;241118,448437;292153,439985;326784,426894;335897,422088;341034,419436;346336,416619;356278,410653;364232,404521;379145,392921;383287,389607;387264,386127;393229,380658;395714,376515;399284,373242;399313,373036;395880,376183;393395,380326;387429,385795;383453,389275;379310,392590;364398,404190;356444,410322;346502,416288;341200,419105;336063,421756;326950,426562;292319,439654;241284,448106;237473,448106;236976,446780;232999,446614;229354,448106;218749,448271;210962,447940;207151,447608;203340,446946;205635,444497;205162,444625;196609,443041;196215,443134;179811,440151;173348,438825;167715,437831;160921,434682;152470,431534;143689,428054;145180,426894;151311,428054;153962,430374;163075,433025;181136,437665;185610,438494;190415,439322;195718,440483;201561,441746;202014,441643;207482,442471;207648,442140;215601,442471;216927,442637;229188,442637;238136,442968;248741,442140;250066,442140;250563,443466;261002,442140;267961,440483;271938,439820;274424,439488;279892,438163;284366,437168;288839,436008;297046,434588;298119,434185;289502,435677;285028,436837;280555,437831;275087,439157;272601,439488;268624,440151;257854,441145;250563,441808;249238,441808;238633,442637;229685,442305;217424,442305;216098,442140;210962,439985;208145,441808;208138,441823;210464,440317;215601,442471;207648,442140;207710,442099;202511,441311;196380,439985;191078,438825;186273,437997;181799,437168;163738,432528;154625,429877;151973,427556;145842,426396;136729,421756;134078,421922;124633,417116;122976,414133;123308,413967;129107,417116;134906,420265;136563,419270;129770,414796;124136,412310;116348,407836;109720,403527;99282,399053;95305,395738;96133,395407;100110,396567;91825,387949;87186,384138;82877,380326;77410,375852;69456,367069;68910,365363;67302,363754;61834,357788;61171,354805;59017,351823;58760,351420;56200,349668;51229,342542;48412,335913;48081,335913;44270,328622;40625,321330;36814,312879;33334,304261;36814,310061;40293,317353;41453,321330;41932,322033;41342,318965;39804,316172;37299,310539;34328,305587;30683,295644;27560,285452;26534,282479;22067,264648;20092,251704;20078,252059;20244,254711;21072,260843;22066,267140;20409,261671;19250,254711;17924,254711;17095,248414;15936,244436;14941,240625;12125,237642;11296,237642;10468,233499;10136,228196;10799,220738;11130,218087;11695,216268;11420,212121;11793,205989;12456,204747;12456,204001;11130,206487;9971,204829;7816,201846;7423,199485;7319,199692;6657,206321;6159,212950;5662,218087;5662,228693;5828,234162;6159,239630;4668,244768;4337,244768;3343,234825;3343,224550;4171,216595;5662,218086;4337,216430;4005,210464;4337,201349;4502,198863;5000,194720;6988,187263;7979,182309;7651,181131;6491,187760;4502,195218;4005,199361;3840,201846;3508,210961;3840,216927;3011,224881;3011,235156;4005,245099;4337,245099;6491,254545;7651,262334;10136,270289;14051,287394;14392,290672;15107,290672;18753,299455;20078,303930;17593,300118;14941,294152;14776,295809;13334,291340;12290,291501;11130,287689;7154,278574;4668,270454;4502,263660;3343,255705;2514,247751;691,241951;1851,211127;3011,203172;2017,198863;4005,186932;4502,184114;5828,174503;9308,167542;8479,176988;9307,175369;9805,171499;9971,167211;11462,161742;13782,153456;16598,145005;16809,144767;18090,138044;19912,133238;22067,129261;26375,120975;29854,113518;34825,103906;38471,99763;41453,93963;43939,90317;46590,88991;47253,87997;49904,82694;55040,76728;55180,79222;54805,80270;60177,74739;62828,71259;66308,67945;66607,68278;66473,68111;70782,63802;75090,59825;79729,54853;86191,50047;93151,44910;97312,42007;100110,39441;105081,36458;110383,33641;111085,33280;112889,31507;115851,29332;119103,27675;121404,27145;121816,26846;166886,8617;168558,8254;173182,6629;176372,5986;178035,5972;178651,5800;216430,829;227158,787;238633,994;238847,1154;244433,497;249569,1326;254706,2320;257356,2922;254540,2154;249403,1160;244267,331;244267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  <o:lock v:ext="edit" aspectratio="t"/>
              </v:shape>
              <v:shape id="Freeform: Shape 18" o:spid="_x0000_s1034" style="position:absolute;left:71120;top:95334;width:2370;height:2340;visibility:visible;mso-wrap-style:square;v-text-anchor:middle" coordsize="2647519,261259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9YiL4xQAAANsAAAAPAAAAZHJzL2Rvd25yZXYueG1sRI/dagIx&#10;FITvC75DOII3RbNa0GU1yiIUbKGIPw9w2Bx3FzcnS5K6aZ++KRR6OczMN8xmF00nHuR8a1nBfJaB&#10;IK6sbrlWcL28TnMQPiBr7CyTgi/ysNuOnjZYaDvwiR7nUIsEYV+ggiaEvpDSVw0Z9DPbEyfvZp3B&#10;kKSrpXY4JLjp5CLLltJgy2mhwZ72DVX386dRYPIyDquYm+WqPJ4+3r5v7+75qNRkHMs1iEAx/If/&#10;2getYPECv1/SD5DbHwAAAP//AwBQSwECLQAUAAYACAAAACEA2+H2y+4AAACFAQAAEwAAAAAAAAAA&#10;AAAAAAAAAAAAW0NvbnRlbnRfVHlwZXNdLnhtbFBLAQItABQABgAIAAAAIQBa9CxbvwAAABUBAAAL&#10;AAAAAAAAAAAAAAAAAB8BAABfcmVscy8ucmVsc1BLAQItABQABgAIAAAAIQA9YiL4xQAAANsAAAAP&#10;AAAAAAAAAAAAAAAAAAcCAABkcnMvZG93bnJldi54bWxQSwUGAAAAAAMAAwC3AAAA+QIAAAAA&#10;" path="m1439383,2598425r-12373,6662l1427751,2605405r11632,-6980xm1542263,2530792v-15240,3810,-25718,7620,-40005,9525c1487970,2542222,1470825,2545079,1442250,2547937v,-2858,-1905,-4763,-2857,-7620c1452728,2540317,1465110,2538412,1481303,2536507v15240,-1905,34290,-2858,60960,-5715xm1646323,2520821r-2442,690l1645133,2521267r1190,-446xm899801,2506503v8811,1429,22384,5239,42386,10954c947902,2518409,954570,2518409,960285,2518409v17145,8573,33337,17146,50482,24766c1017435,2544127,1026007,2546032,1033627,2547937r1430,477l1040295,2543175v6667,1905,13335,3810,20002,5715c1066965,2550795,1073632,2551747,1080300,2553652r39412,9166l1120305,2562225v14287,1905,30480,4762,45720,7620c1172692,2570797,1180312,2571750,1187932,2573655v7620,952,15240,1905,21908,1905c1223175,2575560,1237462,2576512,1254607,2577465v17145,,37148,952,60960,-953l1318213,2576512r5927,-3334c1328188,2571750,1333189,2570321,1337475,2568892v4763,,9525,-238,13573,-238c1355096,2568654,1358430,2568892,1360335,2569844r2500,6668l1384147,2576512v-1905,2858,-4762,6668,-6667,9525c1376527,2586990,1375575,2587942,1373670,2590800v-2858,1905,-7620,3810,-12383,5715c1352715,2596515,1347000,2596515,1338427,2596515v-9525,-953,-20002,-953,-29527,-1905c1286992,2593657,1266037,2593657,1245082,2592705v-15240,-953,-31432,-1905,-47625,-3810c1184122,2587942,1169835,2585085,1155547,2583180v-14287,-1905,-27622,-3810,-41910,-6668c1092682,2572702,1069822,2570797,1049820,2566987v-20003,-4762,-38100,-9525,-49530,-16192l1000863,2550379r-29148,-9109c964095,2537459,955522,2533650,945997,2529840v-10477,-2858,-20002,-5715,-29527,-9525c905992,2516505,896467,2513647,885990,2509837v953,-3810,5001,-4762,13811,-3334xm1460491,2486082r-14552,2221l1345293,2493385r33139,4069c1380337,2496502,1383195,2496502,1387005,2495549v20002,-2857,39052,-4762,59055,-6667c1448203,2488406,1451715,2487751,1455778,2486992r4713,-910xm1550918,2472281r-49430,7544l1518450,2480309v10478,-476,18336,-2381,24408,-4524l1550918,2472281xm1731355,2470078r-155033,41286l1654777,2493883r76578,-23805xm737400,2450782v50482,18097,82867,34290,109537,46672c859320,2502217,872655,2506027,885990,2509837v10477,3810,20002,6667,29527,10477c925042,2524124,934567,2526982,945045,2529839v9525,3810,18097,7620,25717,11430c968857,2542222,966952,2544127,965047,2546032v-4762,-953,-10477,-1905,-15240,-2858c931710,2537459,913612,2529839,895515,2523172r-26670,-10478c860272,2508884,850747,2505074,842175,2501264v-12383,-3810,-23813,-8572,-35243,-12382c796455,2484119,785977,2480309,776452,2475547v-9525,-3810,-17145,-8573,-23812,-12383c745972,2458402,741210,2454592,737400,2450782xm782168,2426970v18097,9525,33337,18097,52387,26670c832650,2454592,830745,2455545,827888,2457450v-20003,-9525,-40958,-20003,-60960,-29528c772643,2427922,776453,2427922,782168,2426970xm588810,2362200v31432,13335,47625,25717,64770,36195c657390,2403157,669772,2412682,666915,2413635v-11430,-5715,-21908,-10478,-30480,-16193c627862,2392680,620242,2387917,613575,2383155v-12383,-8573,-20003,-15240,-24765,-20955xm702387,2337759r9,271l705613,2341923r354,-1631l702387,2337759xm2093409,2275234r-3459,288c2073757,2288857,2052802,2303145,2032800,2316480v-20003,13335,-40958,23812,-56198,30480c1964220,2354580,1950885,2362200,1936597,2370772v-7620,2858,-14287,6668,-21907,9525c1907070,2383155,1899450,2386012,1891830,2389822v-5715,4763,-17145,9525,-27623,14288c1853730,2408872,1844205,2412682,1843252,2416492v-9525,3810,-20002,8573,-30480,12383c1802295,2433637,1791817,2436495,1781340,2440305v-1905,1905,-5715,5715,-8573,8572c1768005,2450782,1764195,2451735,1759432,2453640v-11430,2857,-22860,3810,-33337,5715c1710855,2464117,1696567,2468880,1683232,2472690v-13335,3810,-26670,7620,-39052,12382c1630845,2489835,1616557,2492692,1601317,2497455v-15240,4762,-32385,9525,-53340,13335c1498447,2513647,1480350,2519362,1472730,2523172v-953,953,-953,1905,-1905,2858l1434645,2535075r938,480l1475761,2525510r779,-2338c1484160,2518410,1503210,2513647,1551788,2510790v20002,-3810,37147,-8573,53340,-13335c1620368,2492692,1634655,2489835,1647990,2485072v13335,-3810,25718,-7620,39053,-12382c1700378,2468880,1713713,2464117,1729905,2459355v11430,-1905,22860,-2858,33338,-5715l1740675,2467181r660,-206c1748955,2462212,1758480,2456497,1765148,2452687v4762,-1905,8572,-2857,13335,-4762l1779371,2447679r5779,-6422c1795628,2437447,1806105,2433637,1816583,2429827v10477,-4762,20955,-8572,30480,-12382c1848015,2413635,1857540,2409825,1868018,2405062v10477,-4762,21907,-9525,27622,-14287c1903260,2387917,1910880,2385060,1918500,2381250r15676,-6815l1942313,2368867v13335,-8572,27622,-16192,40005,-23812c1997558,2339340,2017560,2327910,2038515,2314575r54894,-39341xm460060,2262062r3616,3102l464910,2265793r-4850,-3731xm2099801,2237197r-326,225l2099475,2237694r1514,216l2101380,2237422r-1579,-225xm2120379,2222979r-5623,3885l2113762,2227897r3856,-2468l2120379,2222979xm382287,2175002r35972,42353l389737,2183129r-7450,-8127xm2187820,2174974r-85,30l2187105,2179320v-7620,7620,-10478,12382,-15240,17145c2168055,2201227,2163292,2206942,2153767,2216467r1091,-252l2171865,2197417v3810,-4762,7620,-9525,15240,-17145c2188296,2177177,2188474,2175510,2187820,2174974xm475386,2153526r1886,2295l477367,2155507r-1981,-1981xm334493,2131694v2857,-2857,12382,1905,24765,16193l360474,2149319r11285,2497c377593,2155745,385451,2163127,397357,2175509v12383,10478,25718,20003,35243,28575c442125,2212657,447840,2220277,447840,2225039v2857,3810,4762,6668,8572,10478c468795,2245994,479272,2255519,492607,2265997v-2857,3810,-7620,5715,-10477,8572l448422,2237115r-1534,307l446888,2237422r31899,35443l482130,2274569v2858,-2857,6668,-5715,10478,-8572c521183,2290762,551663,2315527,583095,2337434v-5715,1905,-10477,3810,-18097,5715c567855,2345054,568808,2346007,571665,2347912v-9525,,-17145,952,-26670,952c539280,2345054,533565,2341244,527850,2337434v-5715,-3810,-10477,-8572,-16192,-12382c498323,2313622,484035,2303144,471653,2291714v-12383,-11430,-24765,-22860,-37148,-33337c422123,2246947,411645,2235517,400215,2225039v-5715,-5715,-11430,-11430,-16192,-16192c379260,2203132,373545,2197417,368783,2191702v952,-1905,10477,3810,5715,-7620c381165,2189797,387833,2195512,393548,2201227v7620,5715,14287,11430,20955,16192c423075,2226944,431648,2235517,440220,2245042r2186,1875l414503,2217419v-6668,-5715,-13335,-10477,-20003,-16192c387833,2195512,382118,2189797,375450,2184082v-6667,-8573,-14287,-17145,-20955,-25718c347828,2149792,341160,2140267,334493,2131694xm2432850,1980247r-483,207l2421963,2005422r10887,-25175xm2422850,1860918r-25242,36461c2392845,1904999,2389035,1912619,2385225,1920239v-4762,7620,-8572,14288,-12382,20955c2363318,1954529,2353793,1967864,2343315,1980247v-8572,13335,-16192,25717,-25717,39052c2309978,2029777,2302358,2040254,2294738,2050732r-1907,1165l2291271,2054208r2514,-1571c2301405,2042160,2309025,2031682,2316645,2021205v8573,-13335,17145,-25718,25718,-39053c2352840,1969770,2362365,1956435,2371890,1943100v3810,-6668,8573,-13335,12383,-20955c2388083,1914525,2392845,1906905,2396655,1899285v8573,-15240,18098,-28575,25718,-37148l2422850,1860918xm2498930,1857612v-4405,8097,-7977,15003,-7977,17860c2486190,1885949,2480475,1898332,2473808,1909762v6667,-12383,12382,-23813,17145,-34290c2490953,1872615,2494525,1865709,2498930,1857612xm2521433,1847850v-2858,12382,-6668,23812,-12383,37147c2503335,1897380,2496668,1910715,2487143,1925002v-7620,15240,-15240,29528,-21908,40958c2457615,1977390,2450948,1985962,2445233,1991677r13335,-26670c2461425,1956435,2466188,1947862,2469998,1938337v3810,-5715,5715,-9525,8572,-14287c2482380,1917382,2486190,1911667,2490000,1905000v3810,-6668,6668,-12383,10478,-19050c2507145,1873567,2514765,1861185,2521433,1847850xm2459780,1766202r-23120,40690l2436235,1807870r23285,-40983l2459780,1766202xm2472460,1674043r-27788,75922c2427320,1790989,2407787,1830865,2386218,1869449r-8559,13531l2377605,1883092v-3810,9525,-11430,21908,-20003,34290c2349030,1929765,2341410,1943100,2337600,1954530v-6668,8572,-15240,18097,-22860,28575c2307120,1993582,2300452,2005012,2295690,2015490v-27623,38100,-72390,86677,-112395,126682c2170912,2152650,2158530,2163127,2146147,2173605r-3564,2709l2141045,2177871r-15533,12663l2112810,2205037v-15240,12383,-30480,23813,-46673,35243l2058824,2244899r-19864,16194l2036091,2262956r-4244,3994c2019465,2275522,2007082,2284095,1994700,2291715v-12383,7620,-24765,15240,-37148,22860l1953301,2316730r-25153,16337l1920350,2337000r-7565,5197c1905165,2346960,1896592,2351722,1887067,2356485r-24028,9423l1809482,2392922v-40767,17835,-82698,33504,-125646,46862l1596280,2462297r70760,-13420c1671802,2447924,1675612,2446972,1680375,2446019v10477,-8572,31432,-13335,42862,-15240c1732762,2427922,1742287,2425064,1749907,2422207v11430,-10478,33338,-16193,42863,-21908c1808962,2394584,1825155,2388869,1841347,2383154r31123,-12205l1886115,2363152r12381,-3809l1915642,2349817r4505,-3131l1931835,2335530v7620,-4763,17145,-10478,25717,-15240l1986810,2305948r10747,-6614c2009940,2291714,2022322,2283142,2034705,2274569v2857,-5715,9525,-10477,16192,-15240c2057565,2254567,2064232,2249804,2068995,2247899v15240,-11430,31432,-22860,46672,-35242c2121382,2199322,2139480,2187892,2149005,2181224v12382,-10477,24765,-20955,37147,-31432c2226157,2109787,2270925,2061209,2298547,2023109r15468,-26295l2314740,1994534v7620,-11430,17145,-24765,24765,-38100c2342363,1952624,2344268,1948814,2347125,1945004r10132,-14053l2360460,1925002v8572,-12383,15240,-24765,20002,-34290c2395702,1864042,2407132,1837372,2419515,1809749v11430,-27622,23812,-55245,38100,-86677c2459044,1714500,2464759,1699974,2468807,1687829r3653,-13786xm2576677,1589722r-2857,1905l2573820,1591627r2857,-1905xm2585674,1533271r-342,1685l2588107,1538287v2858,2858,5715,6668,8573,9525c2598585,1545907,2600490,1544002,2602395,1544002r144,-731l2598585,1545907v-3810,-1905,-6667,-5715,-9525,-8573l2585674,1533271xm2577184,1425070r-665,37l2575314,1425174r411,4528c2575725,1438275,2575725,1444942,2574773,1453515v-953,4762,-1905,8572,-3810,14287c2563343,1480185,2555723,1492567,2548103,1503997v-1905,11430,-2858,20955,-5715,31433l2536673,1545907v-2858,15240,-5715,29528,-9525,45720c2523338,1604010,2520480,1615440,2516670,1627822v-3810,12383,-6667,23813,-11430,35243c2503335,1672590,2501430,1681162,2498573,1690687v-1905,9525,-3810,19050,-7620,28575l2497030,1709809r5353,-20075c2503335,1679257,2505240,1670684,2507145,1661159v3810,-11430,7620,-23812,11430,-35242c2522385,1613534,2525243,1602104,2529053,1589722v3810,-15240,5715,-29528,9525,-45720l2544293,1533524v2857,-10477,3810,-20002,5715,-31432c2557628,1489709,2565248,1478279,2572868,1465897v-4763,24765,-9525,48577,-15240,73342c2555723,1562099,2542388,1593532,2546198,1600199v-8573,26670,-16193,52388,-25718,78105l2515392,1686218r-2175,11851c2512146,1704261,2510479,1710690,2506193,1718310v-13335,19050,-20003,38100,-26670,58102c2475713,1785937,2471903,1796415,2467140,1806892v-1905,5715,-4762,10478,-7620,16193c2456663,1828800,2453805,1834515,2449995,1840230v-8572,15240,-17145,31432,-25717,45720c2417610,1903095,2406180,1914525,2396655,1930717v-7620,18098,-20955,40005,-35242,60008c2347125,2010727,2332838,2031682,2322360,2049780v-8572,11430,-17145,22860,-25717,33337c2287118,2093595,2278545,2104072,2269020,2115502v-2857,4763,-6667,8573,-9525,13335c2255685,2133600,2252828,2137410,2249018,2142172v-5715,4763,-11430,9525,-16193,13335l2206342,2184829r765,3063c2195677,2200275,2188057,2208847,2179485,2216467v-9525,6668,-20003,13335,-29528,20955l2126145,2256472r-22558,16485l2107095,2272665r24765,-18098l2155673,2235517v9525,-6667,20002,-13335,29527,-20955c2192820,2206942,2201393,2198370,2212823,2185987v,-952,,-1905,-953,-3810c2221395,2172652,2229968,2163127,2238540,2152650v4763,-3810,10478,-8573,16193,-13335c2257590,2135505,2261400,2130742,2265210,2125980v2858,-4763,6668,-9525,9525,-13335c2284260,2102167,2292833,2090737,2302358,2080260v8572,-10478,17145,-21908,25717,-33338c2338553,2028825,2352840,2007870,2367128,1987867v14287,-20955,27622,-41910,35242,-60007c2411895,1911667,2423325,1900237,2429993,1883092v8572,-14287,17145,-31432,25717,-45720c2459520,1831657,2462378,1825942,2465235,1820227v2858,-5715,4763,-11430,7620,-16192c2477618,1793557,2481428,1783080,2485238,1773555v7620,-20003,14287,-39053,26670,-58103c2520480,1700212,2518575,1688782,2522385,1676400v10478,-25718,17145,-51435,25718,-78105c2544293,1590675,2557628,1560195,2559533,1537335v5715,-23813,10477,-48578,15240,-73343l2578209,1451109r-2484,-452c2576677,1443037,2576677,1436370,2576677,1426845r507,-1775xm2597632,1404937r-11092,46215l2586541,1451152r11092,-46214l2597632,1404937xm2606205,1395412v-1905,3810,-3810,6668,-5715,12383l2600490,1407795r-1310,25955c2599062,1441132,2599062,1448276,2598585,1458277r-9525,29309l2589060,1490934r11430,-32657c2601443,1438274,2600490,1429702,2602395,1407794r4441,-9621l2606205,1395412xm2565247,1354454r-6242,14754l2556675,1390650r-3005,-10017l2552571,1382047r3152,10508c2554770,1397317,2554770,1402080,2553818,1407795v1905,2857,2857,7620,3810,12382l2560581,1420013r-2001,-6504c2559532,1407794,2559532,1403032,2560485,1398269v1905,-13335,2857,-28575,4762,-43815xm2645258,1328737v952,952,952,952,1905,952c2647163,1345882,2646210,1359217,2646210,1369694v,10478,953,19050,953,27623c2648115,1413509,2647163,1425892,2644305,1447799v953,5715,-952,15240,-2857,28575c2638590,1488757,2635733,1503997,2632875,1518284v-952,11430,-952,23813,-2857,35243c2623350,1574482,2622398,1591627,2615730,1618297v-4762,19050,-8572,38100,-13335,56197c2590965,1685924,2591918,1668779,2578583,1684972v,-953,952,-4763,1905,-5715c2581440,1664017,2577630,1661160,2584298,1639252v4762,-13335,10477,-27622,14287,-41910l2610015,1590675r,-1c2618588,1552574,2615730,1544002,2622398,1518284v1905,-11430,4762,-22860,6667,-34290c2630970,1472564,2632875,1460182,2634780,1448752v1905,-11430,2858,-22860,4763,-33338c2640495,1404937,2641448,1394459,2641448,1383982v-953,-7620,,-17145,952,-26670c2643353,1352549,2643353,1347787,2644305,1343024v,-4762,953,-9525,953,-14287xm134151,887095r474,237l134670,887199r-519,-104xm191618,750570v-15240,24765,-18098,32385,-20955,39052c164948,795337,160185,801052,153518,803910r-41,912l151819,841286r47,-87l153518,804862v5715,-3810,11430,-9525,17145,-14288c173520,783907,177330,776287,191618,751522r714,476l192689,751284r-1071,-714xm203047,667702v-3810,2858,-8572,5715,-13335,9525c183045,689610,178282,700087,169710,719137r4576,3661l174435,722155r-3772,-3018c179235,700087,183998,689609,190665,677227r11808,-8434l203047,667702xm276390,613410r-1203,963l270080,634008v-1310,4405,-2262,7025,-3215,9882c230670,692467,209715,757237,179235,803910v-3810,12382,-7620,25717,-12383,39052c162090,856297,159232,869632,155422,882967v-9525,28575,-23812,59055,-24765,83820c124942,985837,119227,1004887,114465,1023937v-2858,14288,-4763,28575,-7620,42863l103035,1088707v-953,7620,-1905,14288,-2858,21908c97320,1130617,93510,1149667,91605,1169670v-953,12382,-1905,22860,-2858,36195c89700,1215390,91605,1224915,93510,1243965r2232,-20760l95415,1216342v952,-13335,2857,-27623,3810,-40005c101130,1156334,104940,1137284,107797,1117282r6799,-8159l124469,1043051r-479,-11494l133400,1004581r5599,-22650l137325,985837v-1905,-952,-3810,-1905,-5715,-1905c126847,996315,122085,1010602,117322,1024890v,6667,,14287,953,22860c115417,1062990,113512,1076325,111607,1091565v,1905,-952,4762,-952,7620c106845,1102995,104940,1106805,101130,1110615v952,-7620,1905,-14288,2857,-21908l107797,1066800v2858,-14288,4763,-28575,7620,-42863c121132,1004887,126847,985837,131610,966787v952,-24765,15240,-54292,24765,-83820c160185,869632,163042,856297,167805,842962v3810,-13335,8572,-25717,12382,-39052c210667,757237,230670,692467,267817,643890v1905,-6668,3810,-10478,8573,-30480xm293536,518160r-1,l298297,521970r,-1l293536,518160xm465169,382550r-183,146l464431,383323r-7781,8154l454683,394339r-1284,1451c451546,398815,450698,401003,447840,403860v-19050,21907,-39052,43815,-58102,68580c384023,479107,378308,484822,373545,491490v-5715,6667,-10477,13335,-16192,20002l285782,590597r72523,-80057c364020,503872,368782,497205,374497,490537v5715,-6667,11430,-12382,16193,-19050c409740,446722,429742,425767,448792,402907r5891,-8568l464431,383323r738,-773xm489348,316869v-1585,-200,-4878,1306,-8221,2864l475013,322003r-1455,1846c469748,326707,465938,329564,463080,333374v-9525,5715,-17145,10478,-26670,17145l418313,370522r-17145,20002c397358,393382,394500,396239,389738,401002r-389,-486l378546,413504v-3810,5358,-8811,12264,-18336,22741l330683,468630r4762,5714l335536,474264r-3901,-4682c341160,459105,352590,447675,361162,437197v19050,-20955,20003,-27622,29528,-36195c395452,396240,399262,393382,402120,390525r17145,-20003l437362,350520v9525,-5715,17145,-10478,26670,-17145c467842,330517,471652,326707,474510,323850v1905,476,7144,-2381,11430,-4286l489548,318444r-200,-1575xm1868970,144780v21907,8572,37147,15240,48577,21907c1928977,172402,1935645,178117,1938502,183832v-18097,-9525,-34290,-16192,-46672,-22860c1879447,154305,1871827,148590,1868970,144780xm1710855,75247v8572,,22860,2857,38100,8572c1765147,90487,1783245,100012,1802295,110489,1750860,94297,1716570,83819,1710855,75247xm1137451,68937v-3810,-357,-9525,119,-20003,2500c1104113,73342,1088873,75247,1074585,77152v-13335,2858,-28575,6668,-41910,9525c1026960,88582,1021245,90487,1014578,92392v-6668,1905,-13335,3810,-20955,5715l947769,107115r-8439,3375c920280,117157,900278,122872,881228,130492v-19050,7620,-38100,14288,-57150,22860c809790,160020,796455,165735,784073,171450v-8573,1905,-18098,6667,-26670,10477c734543,190500,713588,201930,691680,212407v-10477,5715,-20955,13335,-31432,20003c649770,239077,639293,245745,629768,252412v-11430,11430,-32385,27623,-48578,36195c565950,300037,550710,312420,535470,324802r-43757,38172l495465,367665v1905,-952,5298,-3393,9287,-6370l512656,355403r28529,-24886c556425,318134,571665,306704,586905,294322v16192,-8573,36195,-24765,48577,-36195c645960,251459,655485,244792,665962,238124v10478,-6667,20003,-13335,31433,-20002c719302,207644,741210,196214,763117,187642v8573,-3810,18098,-8573,25718,-13335c801217,168592,815505,162877,828840,156209v19050,-8572,38100,-15240,57150,-22860c905040,125729,925042,120014,944092,113347r24407,-4794l980289,104524,1140765,69904r-3314,-967xm1478087,48458v6549,357,13693,1072,20360,2024c1511782,52387,1523212,56197,1526070,60007v-5715,-952,-11430,-1905,-20955,-2857c1495590,56197,1482255,53340,1461300,48577v4286,-476,10239,-476,16787,-119xm1588935,40957v13335,952,25717,1905,39052,2857c1644180,48577,1659420,56197,1675612,62864v-22860,-2857,-43815,-7620,-59055,-10477c1601317,48577,1590840,44767,1588935,40957xm1270324,40719v-36672,238,-73343,2143,-110014,5953c1135545,47624,1109827,52387,1084110,57149v-12383,1905,-24765,5715,-36195,9525c1036485,70484,1026007,74294,1016482,78104v-15240,1905,-28575,3810,-43815,5715c914565,101917,859320,123824,806932,147637v-20002,7620,-40957,18097,-60007,26670c741210,176212,734542,179069,728827,180974v-5715,2858,-11430,5715,-16192,8573c702157,195262,691680,200977,682155,205739v-19050,10478,-34290,20003,-47625,24765c619290,239077,610717,248602,598335,259079v-42863,24765,-80963,59055,-104775,81915l471664,360034r-21421,19559l450697,380047c388785,439102,334492,503872,285915,573404v-14288,20003,-25718,34290,-33338,45720c244957,630554,240195,639127,237337,646747v-4762,8572,-10477,17145,-15240,25717c212572,690562,203047,708659,193522,725804r-31083,48980l162090,776287v-3810,8573,-6668,19050,-10478,28575c148755,810577,146850,814387,143992,818197r-1905,1905l133634,848201v-1548,7144,-2024,12383,-2024,16669c131610,873442,132562,879157,129705,888682v-4763,13335,-8573,25718,-13335,39053c112560,941070,107797,953452,103987,966787v-4762,20003,-8572,38100,-13335,57150c87795,1042035,85890,1059180,83032,1076325v-2857,17145,-3810,35242,-4762,52387c81127,1115377,83032,1102995,84937,1092517r618,-2987l86842,1075372v2858,-17145,4763,-35242,7620,-52387l96848,1023781r207,-885l94463,1022032v4762,-20003,8572,-38100,13335,-57150c111608,951547,115418,938212,120180,925829r13274,-38873l132563,886777v2857,-9525,1905,-15240,1905,-23812c134468,854392,135420,842010,144945,818197v1905,-3810,3810,-8572,7620,-13335l152821,804166r10222,-27879c173520,759142,183045,742950,194475,726757v9525,-18097,18098,-36195,28575,-53340c227813,665797,233528,656272,238290,647700v2858,-7620,7620,-16193,15240,-27623c261150,608647,272580,594360,286868,574357,335445,503872,389738,440055,451650,381000v15240,-13335,27623,-26670,43815,-40005c519278,318135,557378,283845,600240,259080v12383,-9525,20955,-20003,36195,-28575c649770,225742,665010,216217,684060,205740v9525,-4763,20003,-10478,30480,-16193c720255,186690,725018,183832,730733,180975v5715,-2858,11430,-4763,18097,-6668c767880,164782,788835,155257,808838,147637,860273,123825,916470,101917,974573,83820v15240,-1905,28575,-3810,43815,-5715c1027913,74295,1038390,70485,1049820,66675v11430,-3810,23813,-7620,36195,-9525c1111733,52387,1138403,47625,1162215,46672v36672,-3334,73343,-5239,110014,-5596l1360655,44043r-90331,-3324xm1404150,v14287,952,30480,1905,44767,2857c1465110,3810,1480350,5715,1494637,7620v15240,952,23813,3810,30480,7620c1531785,19050,1536547,22860,1545120,24765v13335,,7620,-7620,24765,-4763c1582267,21907,1594650,25717,1607032,28575v7620,1905,15240,4762,22860,6667c1629892,35242,1629892,36195,1628940,36195v952,2857,,4762,-953,6667c1614652,41910,1602270,40957,1588935,40005v-4763,-953,-8573,-1905,-13335,-3810c1570837,35242,1567027,34290,1562265,33337v-8573,-1905,-17145,-3810,-25718,-5715c1527975,25717,1519402,23812,1510830,21907v-8573,-952,-17145,-2857,-26670,-3810l1454633,18097v-8573,,-17145,,-23813,c1416533,18097,1405103,18097,1393673,18097r-1745,-557l1375575,25717v-8573,2857,16192,4762,5715,9525c1401292,39052,1421295,42862,1438440,46672r-25432,444l1413437,47149v10240,714,19765,952,26908,-477c1447965,47625,1455585,48577,1463205,49530v20955,4762,34290,6667,43815,8572c1516545,60007,1522260,60007,1527975,60960v11430,2857,23813,5715,35243,7620c1575600,70485,1587030,74295,1599413,76200v11430,2857,23812,5715,35242,8572l1669898,95250r17145,4762l1704188,105727r221,202l1716704,108049v10626,2500,23217,6667,29795,11072l1750661,125427r1152,303c1760385,129540,1769910,133350,1778483,136207v7620,2858,15240,5715,22860,9525c1808963,149542,1816583,152400,1824203,156210v3810,2857,9525,5715,17145,9525c1845158,167640,1848968,169545,1852778,171450v3810,1905,8572,3810,12382,6667c1882305,186690,1899450,195262,1907070,201930v17145,11430,35243,21907,53340,34290c1968983,241935,1978508,248602,1988033,255270r799,571l2002949,264417v324309,219099,537534,590139,537534,1010980l2540080,1283368r10880,1554c2554770,1287779,2557627,1289684,2561437,1292542v953,10477,2858,13335,4763,25717c2571915,1329689,2578582,1339214,2584297,1348739r7621,693l2591918,1342072r7743,-21509l2599537,1316355v2858,-28575,4763,-27623,7620,-25718c2610967,1289685,2614777,1289685,2617635,1290637v5715,-3810,10477,-8572,16192,-10477c2634780,1294447,2634780,1306830,2635732,1322070v-1905,6667,-2857,13335,-4762,20002c2629065,1348740,2627160,1355407,2625255,1361122v-953,10478,-1905,20955,-2858,31433l2621445,1408747v-953,5715,-953,10478,-1905,16193l2615478,1427648r252,1101l2619621,1426155r1824,-15503l2622397,1394460v953,-10478,1905,-20955,2858,-31433c2627160,1357312,2629065,1350645,2630970,1343977v1905,-6667,3810,-13335,4762,-20002c2638590,1325880,2640495,1327785,2643352,1329690v,4762,,9525,-952,14287c2641447,1348740,2641447,1353502,2640495,1358265v-953,9525,-1905,18097,-953,26670c2638590,1394460,2638590,1404937,2637637,1416367v-1905,10478,-2857,21908,-4762,33338c2630970,1461135,2630017,1472565,2627160,1484947v-1905,11430,-4763,22860,-6668,34290c2613825,1544955,2615730,1553527,2608110,1591627v-3810,1905,-7620,3810,-11430,6668c2592870,1611630,2587155,1626870,2582392,1640205v-6667,21907,-1905,24765,-3810,40005c2577630,1682115,2576677,1684972,2576677,1685925v-5715,15240,-11430,30480,-16192,43815c2558580,1731645,2557627,1732597,2555722,1733550v-6667,15240,-13335,31432,-20002,46672c2543340,1764982,2550007,1748790,2556675,1733550v1905,-1905,2857,-1905,4762,-3810c2553817,1770697,2541435,1796415,2530957,1816417r-16192,8573l2511407,1831707r501,902c2512860,1830704,2513813,1827847,2515718,1824989v4762,-1905,10477,-4762,16192,-8572c2532863,1826894,2525243,1840229,2520480,1848802v-6667,13335,-14287,25717,-20955,38100c2495715,1893569,2492858,1899284,2489048,1905952v-3810,6667,-7620,12382,-11430,19050c2474760,1928812,2472855,1933574,2469045,1939289v-3810,9525,-7620,18098,-12382,27623l2443328,1993582v-6668,9525,-13335,20002,-20955,28575c2415705,2030729,2408085,2040254,2401418,2048827r873,-1798l2378557,2079307v-5715,-5715,-37147,39053,-51435,56198l2316995,2151085r10127,-14628c2341410,2120264,2372842,2075497,2378557,2080259v-2857,20003,-30480,45720,-39052,59055c2331885,2148363,2325455,2155031,2319383,2160388r-16154,11875l2302357,2173605r-10099,7769l2291880,2184082v-14288,15240,-28575,31433,-44768,45720c2231872,2245042,2216632,2260282,2199487,2273617r-2203,1598l2181390,2295524v-11430,10478,-24765,19050,-38100,28575l2107680,2350806r-127,155l2143290,2325052v12382,-9525,25717,-19050,38100,-28575c2173770,2309812,2163292,2318384,2149957,2327909v-10953,10002,-18811,14050,-25598,16669l2106651,2352057r-509,618c2099475,2357437,2093760,2361247,2087092,2365057r-7179,3327l2061852,2383036v-6668,5120,-12383,9168,-17622,12501c2034705,2403157,2027085,2407920,2017560,2412682v1905,-2857,-2857,-952,-8572,953l1999459,2417870r-1481,1124l2009940,2414587v5715,-1905,9525,-3810,8573,-952c2011845,2423160,1998510,2431732,1984223,2439352v-7620,3810,-14288,7620,-21908,11431c1954695,2454592,1947075,2457450,1940408,2461260r-15474,2321l1922310,2465070v-23813,11430,-47625,20955,-72390,31432l1846229,2497341r-22026,14401c1829918,2512695,1832775,2513647,1836585,2515552v-17145,15240,-40005,18098,-45720,20003c1791818,2531745,1793723,2526982,1794675,2522220v-4762,1905,-9525,3810,-15240,5715c1774673,2529840,1769910,2530792,1765148,2532697v-9525,2858,-20003,5715,-29528,9525l1731675,2537487r-14153,2830c1711807,2541270,1706092,2543175,1700377,2544127v-11430,2858,-23812,6668,-35242,8573l1663973,2553240r33547,-8161c1703235,2543174,1708950,2542222,1714665,2541269v5715,-952,10477,-2857,14287,-2857c1729905,2540317,1731810,2542222,1734667,2543174v10478,-2857,20003,-5715,29528,-9525c1768957,2531744,1773720,2530792,1778482,2528887v4763,-1905,9525,-3810,15240,-5715c1792770,2526982,1790865,2531744,1789912,2536507v-13335,6667,-26670,12382,-40005,19050l1747946,2555008r-27566,11026c1711808,2568892,1704188,2570797,1697520,2572702v-14287,3810,-24765,5715,-34290,8572c1663707,2578893,1657754,2578893,1649062,2580084r-29634,5766l1618462,2587942v-24765,5715,-52387,10477,-79057,15240c1530832,2602229,1531785,2600324,1521307,2598419v-4762,,-9525,,-15240,c1498447,2601277,1488922,2604134,1479397,2606992v-8572,952,-16192,1905,-23812,1905c1447965,2608897,1440345,2609849,1431772,2609849r-2587,-1108l1407484,2612588v-7858,119,-15716,-1310,-26194,-4644c1381290,2607944,1382243,2606992,1382243,2606992v1905,-1905,2857,-3810,4762,-6668c1379385,2599372,1371765,2598419,1365098,2597467v2857,-1905,7620,-3810,10477,-5715c1386053,2591752,1396530,2591752,1407008,2590799v10477,-952,20002,-952,30480,-952l1481302,2590799r30480,-2857c1531785,2584132,1550835,2579369,1568932,2575559v16193,-4762,27623,-6667,38100,-8572c1617510,2566034,1627035,2566034,1635607,2566034r1988,-923l1609890,2566035v-10478,952,-22860,3810,-38100,8572c1553692,2578417,1534642,2583180,1514640,2586990v-9525,952,-19050,1905,-30480,2857c1470825,2589847,1455585,2589847,1440345,2588895v-9525,,-20003,952,-30480,952c1399387,2590800,1388910,2590800,1378432,2590800v-952,-1905,,-2858,953,-3810c1381290,2584132,1384147,2581275,1386052,2577465v93345,-3810,199073,-21908,293370,-48578c1748955,2508885,1814677,2485072,1878495,2453640v15240,-8573,33337,-18098,52387,-27623c1940407,2421255,1950885,2416492,1960410,2410777v9525,-5715,20002,-10477,30480,-16192c2010892,2383155,2029942,2371725,2048040,2360295v18097,-12383,33337,-23813,45720,-35243c2122335,2304097,2150910,2283142,2179485,2258377v7620,-6667,16192,-12382,23812,-19050c2210917,2232660,2218537,2225992,2226157,2219325v12383,-10478,22860,-20003,34290,-31433c2265210,2179320,2270925,2171700,2274735,2164080r20523,-18813l2295423,2144085r-19735,18090c2271878,2169795,2266163,2177415,2261400,2185987v-11430,11430,-21907,20955,-34290,31433c2219490,2224087,2211870,2230755,2204250,2237422v-7620,6668,-15240,12383,-23812,19050c2151863,2280285,2124240,2302192,2094713,2323147v-12383,11430,-28575,23813,-45720,35243c2030895,2369820,2011845,2382202,1991843,2392680v-10478,5715,-20003,10477,-30480,16192c1951838,2414587,1941360,2419350,1931835,2424112v-19050,9525,-37147,19050,-52387,27623c1815630,2482215,1749908,2506027,1680375,2526982v-94297,26670,-200025,44768,-293370,48578c1379385,2575560,1370813,2575560,1365098,2575560v-953,-2858,-2858,-4763,-2858,-7620c1358430,2566035,1348905,2566987,1339380,2566987v-8572,2858,-20002,5715,-20955,8573c1294613,2576512,1275563,2576512,1257465,2576512v-17145,-952,-31432,-1905,-44767,-1905c1205078,2573655,1198410,2572702,1190790,2572702v-7620,-952,-15240,-1905,-21907,-3810l1182079,2554816r-2719,741l1130192,2546452r-2267,533c1090778,2541270,1060298,2535555,1033628,2529840v-13335,-2858,-25718,-5715,-37148,-7620c985050,2519362,974573,2517457,964095,2516505v-12382,-5715,-25717,-11430,-39052,-18098c911708,2493645,897420,2487930,876465,2480310v-17145,-6668,-34290,-13335,-50482,-20003c830745,2455545,832650,2454592,834555,2453640v12383,2857,23813,4762,35243,6667c875513,2465070,880275,2468880,885038,2473642v13335,2858,27622,8573,52387,15240c975525,2503170,1006958,2509837,1041248,2515552v8572,1905,17145,2858,25717,4763c1075538,2521267,1085063,2523172,1094588,2525077v9525,1905,20002,3810,30480,6668l1158657,2539008r2605,-596c1171740,2540317,1181265,2541270,1192695,2543175v952,-953,952,-953,952,-1905c1208887,2542222,1225080,2542222,1239367,2543175v2858,,6668,952,7620,952c1271752,2545080,1294612,2544127,1317472,2544127v18098,953,35243,953,51435,1905c1389862,2545080,1410817,2542222,1429867,2541270v2858,,6668,,7620,c1438440,2544127,1440345,2546032,1440345,2548890v28575,-1905,45720,-4763,60007,-7620c1514640,2539365,1525117,2536507,1540357,2531745v7620,-953,15240,-1905,22860,-3810c1567980,2526982,1572742,2526982,1577505,2526030v11430,-2858,20955,-4763,31432,-7620c1617510,2516505,1626082,2514600,1634655,2512695v8572,-1905,17145,-4763,25717,-6668l1707545,2497863r6168,-2313c1697520,2498407,1680375,2501265,1664183,2504122v-8573,1905,-17145,4763,-25718,6668c1629893,2512695,1621320,2514600,1612748,2516505v-11430,2857,-20003,4762,-31433,7620c1576553,2525077,1571790,2525077,1567028,2526030v-7620,952,-15240,1905,-22860,3810c1517498,2532697,1498448,2533650,1482255,2535555v-15240,1905,-27622,3810,-41910,3810c1438440,2539365,1435583,2539365,1432725,2539365v-19050,1905,-40005,4762,-60960,4762c1355573,2543175,1338428,2543175,1320330,2542222v-22860,,-45720,953,-70485,c1247940,2542222,1245083,2541270,1242225,2541270v-10477,-3810,-18097,-7620,-29527,-12383c1207935,2532697,1201268,2535555,1196505,2539365r-41,82l1209840,2530792v11430,4762,20003,8572,29528,12382c1224128,2543174,1207935,2542222,1193648,2541269r360,-233l1164120,2536507v-12382,-2857,-23812,-4762,-35242,-7620c1118400,2526030,1107923,2524125,1098398,2522220v-9525,-1905,-19050,-2858,-27623,-4763c1062203,2515552,1053630,2514600,1045058,2512695v-34290,-5715,-65723,-12383,-103823,-26670c916470,2480310,902183,2474595,888848,2470785v-5715,-3810,-10478,-8573,-15240,-13335c862178,2455545,850748,2453640,838365,2450782v-18097,-8572,-34290,-17145,-52387,-26670c780263,2424112,776453,2425065,770738,2425065v-19050,-9525,-36195,-18098,-54293,-27623c713588,2391727,709778,2386012,706920,2380297v,,953,,1905,-952c719303,2386012,730733,2391727,742163,2397442v11430,5715,21907,11430,33337,18098c779310,2413635,782168,2411730,785025,2409825v-18097,-8573,-29527,-18098,-39052,-25718c736448,2376487,726923,2371725,713588,2369820v-26670,-19050,-35243,-19050,-44768,-25718c655485,2335530,643103,2327910,630720,2319337v-30480,-17145,-21907,953,-60007,-25717c563093,2287905,556425,2282190,547853,2274570v1905,,3810,-953,4762,-1905c561188,2275522,567855,2277427,575475,2279332v-16192,-18097,-19050,-25717,-47625,-49530c518325,2222182,509753,2214562,501180,2207895v-8572,-7620,-17145,-14288,-24765,-21908c470700,2180272,455460,2174557,444983,2160270v-16193,-17145,-29528,-33338,-45720,-50483l396126,2099983r-9246,-9246c376403,2080260,365925,2068830,355448,2056447v-1905,-6667,-16193,-24765,-3810,-17145c346875,2033587,343065,2026920,339255,2022157r-1475,-2313l323062,2009774v-11430,-13335,-20955,-27622,-28575,-40957c286867,1954529,281152,1941194,278295,1930717r-1905,c268770,1917382,261150,1903095,254483,1888807v-6668,-14287,-14288,-27622,-20955,-41910c225908,1830705,218288,1814512,211620,1798320v-6667,-16193,-13335,-33338,-20002,-49530c199238,1759267,205905,1769745,211620,1782127v5715,12383,11430,25718,20003,41910c235433,1829752,236385,1839277,238290,1846897r2755,4041l237654,1833304r-8846,-16053l214410,1784873r-17078,-28464c190665,1737359,183045,1718309,176377,1699259r-17951,-58580l152529,1623596v-9989,-33579,-18571,-67765,-25676,-102488l115498,1446707r-81,2045c115417,1453515,115417,1457325,116370,1463992v1905,11430,3810,22860,4762,35243c123037,1511617,124942,1524000,126847,1535430v-4762,-8573,-6667,-20003,-9525,-31433c115417,1491615,113512,1478280,110655,1463992v-4763,,-5715,,-7620,c102082,1453515,101130,1443990,98272,1427797v-1905,-7620,-4762,-15240,-6667,-22860c89700,1397317,87795,1389697,85890,1383030v-5715,-6668,-10478,-11430,-16193,-17145c67792,1365885,66840,1365885,64935,1365885v-1905,-5715,-3810,-14288,-4763,-23813c59220,1332547,58267,1322070,58267,1311592v,-20002,953,-38100,3810,-42862c63030,1263015,63030,1258252,63982,1253490r3244,-10453l65649,1219200v238,-11906,1190,-24289,2143,-35243l71602,1176814r,-4287c69697,1178242,66840,1182052,63982,1186815v-1905,-3810,-4762,-5715,-6667,-9525c53505,1171575,54457,1120140,44932,1160145r-2262,-13573l42075,1147762v-953,12383,-2858,25718,-3810,38100c37312,1198245,35407,1211580,35407,1223962v-952,9525,-1905,20003,-2857,29528l32550,1314449v,10478,,20955,952,31433c34455,1356359,35407,1366837,35407,1377314v-3810,953,-2857,36195,-8572,29528c25882,1406842,25882,1406842,24930,1406842v-5715,-20955,-5715,-39053,-5715,-57150c19215,1331594,22072,1313497,19215,1290637v952,-16193,2857,-30480,4762,-45720l32546,1253485r-7616,-9520c23025,1234440,23025,1223962,23025,1209675v,-14288,952,-31433,1905,-52388c24930,1152525,25882,1147762,25882,1143000v953,-7620,1905,-16193,2858,-23813c32550,1105852,36360,1089660,40170,1076325r5695,-28474l43980,1041082v-1905,12383,-4763,23813,-6668,38100c33502,1092517,29692,1108710,25882,1122045v-952,7620,-1905,16192,-2857,23812c23025,1150620,22072,1155382,22072,1160145v,20955,-952,38100,-1905,52387c20167,1226820,21120,1237297,22072,1246822v-1905,16193,-3810,30480,-4762,45720c20167,1315402,17310,1333500,17310,1351597v,18098,,36195,5715,57150c23025,1408747,23977,1408747,24930,1408747v3810,18098,7620,35243,12382,54293c38265,1475422,41122,1486852,43980,1507807v4762,16193,9525,31433,14287,45720c60410,1580673,74877,1623893,80770,1651843r1964,18842l86843,1670685v10477,26670,17145,40957,20955,50482c112560,1730692,114465,1737360,115418,1746885v-3810,-953,-8573,-10478,-14288,-21908c95415,1713547,90653,1700212,85890,1690687v-4762,-12382,3810,21908,-952,9525l76651,1674524r-6001,923c67792,1667827,65887,1660207,63982,1653540,53505,1643062,45885,1621155,41122,1601152v-4762,-20002,-8572,-39052,-14287,-46672c22072,1537335,22072,1519237,25882,1515427v-1905,-15240,-4762,-30480,-6667,-45720c17310,1454467,16357,1439227,14452,1423987,10642,1412557,6832,1403032,3975,1390650v-5715,-64770,-6668,-140018,6667,-177165c11595,1197292,12547,1177290,17310,1167765v-1905,-8573,-3810,-16193,-5715,-24765c13500,1126807,11595,1089660,23025,1074420v952,-6668,1905,-11430,2857,-16193c27787,1034415,29692,1018222,33502,1002982v6668,-13335,15240,-35242,20003,-40005c58267,973455,46837,1000125,48742,1017270r4761,-9306l56362,985718v1905,-10121,3334,-19407,953,-24646c60172,949642,63030,941069,65887,929639v4763,-15240,8573,-31432,13335,-47625c83985,865822,89700,849629,95415,833437r1213,-1365l103988,793432v3810,-7620,7620,-18098,10477,-27623c118275,756284,123038,748664,126848,742949v8572,-16192,15240,-32385,24765,-47625c158280,680084,164948,667702,171615,652462v953,-13335,20003,-38100,28575,-55245c204953,591502,210668,585787,221145,573404v6668,-14287,12383,-24765,17145,-33337c243053,531494,247815,525779,252578,519112v5715,-5715,14287,-15240,15240,-7620c268770,510539,270675,507682,271628,505777v4762,-10478,9525,-20003,15240,-30480c296393,464819,307823,446722,316395,441007v-6429,12144,536,9822,804,14332l315045,461363r30877,-31786c348780,423862,354495,417195,361162,409575v6668,-6668,14288,-13335,20003,-19050l382888,392440r-770,-963c390690,382904,398310,374332,406883,366712v7620,-7620,16192,-15240,24765,-22860c442125,333374,448793,324802,458318,315277v12382,-9525,25717,-19050,37147,-27623c508800,277177,522135,267652,535470,258127r23919,-16687l575475,226694v9525,-5715,19050,-11430,28575,-17145c613575,203834,624052,199072,634530,193357r4035,-2075l648937,181094v5834,-4406,12264,-8692,17026,-12502c673583,162877,679298,160496,684656,159067r13224,-3044l700252,154304c782167,109537,869797,74294,959332,49529r9612,-2090l995527,38099v6192,-1905,12621,-3096,18336,-3691l1023424,34327r3536,-990c1097445,17144,1169835,7619,1244130,4762v18574,476,39767,,61674,-238c1327712,4285,1350334,4285,1371765,5714r1228,921l1405103,2857v10477,1905,20002,2857,29527,4762c1444155,9524,1453680,10477,1464158,13334r15234,3463l1463205,12382v-9525,-1905,-20003,-3810,-29528,-5715c1424152,4762,1414627,3810,1404150,1905v,,,-953,,-1905xe" fillcolor="#2c567a [3204]" stroked="f">
                <v:fill opacity="24929f"/>
                <v:stroke joinstyle="miter"/>
                <v:path arrowok="t" o:connecttype="custom" o:connectlocs="128894,232730;127786,233327;127853,233355;138107,226672;134525,227525;129151,228208;128895,227525;132648,227184;138107,226672;147426,225779;147207,225841;147319,225819;80576,224497;84371,225478;85992,225563;90513,227781;92560,228208;92688,228251;93157,227781;94948,228293;96739,228720;100268,229541;100321,229488;104416,230170;106377,230511;108339,230682;112348,230853;117807,230767;118044,230767;118575,230469;119769,230085;120984,230063;121816,230170;122040,230767;123948,230767;123351,231620;123010,232047;121901,232559;119854,232559;117210,232388;111495,232218;107230,231876;103477,231365;99724,230767;94010,229914;89574,228464;89626,228427;87015,227611;84712,226587;82068,225734;79339,224795;80576,224497;130785,222668;129481,222867;120469,223322;123436,223686;124204,223516;129492,222919;130363,222749;138882,221432;134456,222107;135975,222151;138160,221746;155040,221234;141157,224932;148183,223367;66033,219506;75842,223686;79339,224795;81983,225734;84627,226587;86930,227611;86418,228037;85054,227781;80192,225990;77804,225051;75415,224028;72259,222919;69530,221724;67398,220615;66033,219506;70042,217373;74733,219762;74136,220103;68677,217459;70042,217373;52727,211572;58527,214814;59721,216179;56992,214729;54945,213449;52727,211572;62898,209383;62898,209407;63186,209756;63218,209610;187461,203783;187152,203809;182034,207477;177001,210207;173419,212340;171457,213193;169410,214046;166937,215326;165060,216435;162331,217544;159516,218568;158748,219336;157554,219762;154569,220274;150731,221468;147234,222577;143395,223686;138619,224881;131881,225990;131710,226246;128470,227056;128554,227099;132152,226199;132222,225990;138960,224881;143737,223686;147575,222577;151072,221468;154910,220274;157896,219762;155875,220975;155934,220957;158066,219677;159260,219250;159340,219228;159857,218653;162672,217629;165401,216520;167278,215411;169751,214132;171799,213278;173202,212668;173931,212169;177513,210037;182546,207307;41198,202603;41521,202881;41632,202938;188034,200376;188005,200396;188005,200421;188140,200440;188175,200396;189876,199103;189373,199451;189284,199543;189629,199322;34233,194806;37454,198599;34900,195534;195916,194803;195908,194806;195852,195192;194487,196728;192866,198520;192964,198497;194487,196813;195852,195278;195916,194803;42570,192882;42739,193088;42747,193060;29953,190927;32171,192377;32280,192505;33290,192729;35583,194851;38739,197410;40103,199287;40871,200226;44112,202956;43174,203724;40155,200369;40018,200396;40018,200396;42875,203571;43174,203724;44112,202956;52215,209354;50595,209866;51192,210293;48803,210378;47268,209354;45818,208245;42236,205259;38909,202273;35839,199287;34389,197837;33024,196301;33536,195619;35242,197155;37118,198605;39421,201079;39617,201247;37118,198605;35327,197155;33621,195619;31744,193316;29953,190927;217858,177362;217814,177381;216883,179617;216962,166675;214702,169940;213593,171988;212484,173865;209840,177362;207537,180860;205490,183675;205319,183780;205180,183987;205405,183846;207452,181031;209755,177533;212399,174035;213508,172158;214617,170111;216920,166784;223775,166378;223061,167978;221525,171049;223061,167978;223775,166378;225790,165504;224681,168831;222720,172414;220758,176083;218967,178386;220161,175997;221184,173609;221952,172329;222975,170623;223914,168917;225790,165504;220269,158191;218199,161836;218161,161923;220246,158253;221405,149937;218916,156737;213682,167439;212915,168651;212911,168661;211119,171732;209328,175059;207281,177618;205575,180519;195510,191865;192184,194681;191865,194923;191727,195063;190336,196197;189199,197496;185019,200652;184364,201066;182586,202517;182329,202683;181949,203041;178622,205259;175296,207307;174915,207500;172663,208963;171964,209315;171287,209781;168984,211060;166832,211904;162036,214324;150785,218521;142944,220538;149281,219336;150475,219080;154313,217715;156701,216947;160540,214985;164890,213449;167677,212356;168899,211658;170007,211316;171543,210463;171946,210183;172993,209184;175296,207819;177916,206534;178878,205942;182205,203724;183654,202359;185275,201335;189455,198178;192440,195363;195766,192548;205831,181201;207216,178846;207281,178642;209499,175230;210181,174206;211089,172947;211375,172414;213166,169343;216664,162092;220075,154328;221078,151172;230737,142385;230481,142555;230481,142555;231543,137329;231512,137480;231761,137778;232528,138631;233040,138290;233053,138224;232699,138460;231846,137693;230783,127637;230723,127641;230615,127647;230652,128052;230567,130185;230226,131465;228178,134707;227667,137522;227155,138460;226302,142555;225364,145797;224340,148954;223743,151428;223061,153987;223605,153140;224084,151342;224511,148783;225534,145627;226473,142385;227326,138290;227837,137351;228349,134536;230396,131294;229031,137863;228008,143323;225705,150319;225249,151027;225054,152089;224425,153902;222037,159106;220928,161836;220246,163286;219393,164822;217090,168917;214617,172926;211461,178301;207964,183590;205661,186576;203187,189477;202334,190671;201396,191865;199946,193060;197574,195686;197643,195960;195169,198520;192525,200396;190393,202103;188373,203579;188687,203553;190905,201932;193037,200226;195681,198349;198155,195790;198069,195448;200458,192804;201908,191609;202846,190415;203699,189221;206172,186320;208475,183334;211972,178045;215128,172670;217602,168661;219905,164566;220758,163030;221440,161580;222549,158850;224937,153646;225875,150148;228178,143153;229202,137693;230567,131124;230874,129970;230652,129929;230737,127796;232614,125834;231620,129974;231621,129974;232614,125834;233381,124981;232870,126090;232870,126090;232752,128415;232699,130612;231846,133237;231846,133537;232870,130612;233040,126090;233438,125228;229714,121313;229155,122634;228946,124555;228677,123657;228579,123784;228861,124725;228690,126090;229031,127199;229296,127185;229117,126602;229287,125237;229714,121313;236879,119009;237049,119095;236964,122678;237049,125152;236793,129673;236537,132233;235770,135986;235514,139143;234234,144944;233040,149977;230908,150916;231078,150404;231420,146821;232699,143067;233723,142470;233723,142470;234831,135986;235428,132915;235940,129759;236367,126773;236537,123957;236623,121569;236793,120289;236879,119009;12013,79453;12055,79475;12059,79463;17159,67225;15283,70723;13747,72003;13744,72085;13595,75350;13599,75343;13747,72088;15283,70808;17159,67311;17223,67353;17255,67289;18183,59803;16988,60656;15197,64410;15607,64738;15620,64680;15283,64410;17074,60656;18131,59901;24750,54941;24643,55027;24185,56785;23897,57671;16050,72003;14941,75501;13918,79084;11700,86591;10250,91710;9568,95549;9227,97511;8971,99473;8203,104762;7947,108004;8374,111417;8574,109557;8544,108943;8885,105360;9653,100070;10262,99339;11146,93422;11103,92392;11946,89976;12447,87947;12297,88297;11785,88127;10506,91795;10591,93843;9994,97767;9909,98449;9056,99473;9312,97511;9653,95549;10335,91710;11785,86591;14003,79084;15027,75501;16135,72003;23983,57671;24750,54941;26286,46409;26286,46409;26712,46751;26712,46751;41655,34263;41639,34276;41589,34333;40892,35063;40716,35319;40601,35449;40103,36172;34900,42314;33450,44021;32000,45812;25591,52897;32086,45727;33536,43935;34986,42229;40189,36087;40716,35319;41589,34333;43820,28381;43084,28637;42537,28840;42406,29006;41468,29859;39080,31395;37459,33186;35924,34978;34900,35916;34866,35873;33898,37036;32256,39073;29612,41973;30039,42485;30047,42478;29697,42058;32341,39158;34986,35916;36009,34978;37544,33186;39165,31395;41553,29859;42492,29006;43515,28622;43838,28522;167363,12967;171713,14929;173590,16465;169410,14418;167363,12967;153204,6740;156616,7507;161393,9896;153204,6740;101857,6174;100066,6398;96227,6910;92474,7763;90854,8275;88977,8787;84871,9594;84115,9896;78913,11688;73795,13735;70212,15356;67824,16294;61939,19024;59124,20816;56395,22607;52045,25849;47950,29091;44032,32510;44368,32930;45200,32360;45908,31832;48462,29603;52556,26361;56906,23119;59636,21328;62451,19536;68336,16806;70639,15612;74221,13991;79339,11944;84542,10152;86728,9723;87783,9362;102154,6261;132360,4340;134183,4521;136657,5375;134781,5119;130857,4351;132360,4340;142287,3668;145784,3924;150048,5630;144760,4692;142287,3668;113755,3647;103904,4180;97080,5119;93839,5972;91024,6995;87101,7507;72259,13223;66886,15612;65265,16209;63815,16977;61086,18427;56821,20645;53580,23205;44197,30541;42237,32247;40319,33999;40359,34039;25603,51357;22618,55452;21253,57926;19888,60230;17330,65007;14546,69394;14515,69529;13577,72088;12894,73282;12724,73453;11967,75970;11785,77463;11615,79595;10421,83093;9312,86591;8118,91710;7435,96402;7009,101094;7606,97852;7661,97585;7777,96317;8459,91624;8673,91696;8691,91616;8459,91539;9653,86420;10762,82923;11951,79441;11871,79425;12041,77292;12980,73282;13662,72088;13685,72026;14600,69529;17415,65093;19974,60315;21338,58012;22703,55538;25689,51443;40445,34125;44368,30541;53751,23205;56992,20645;61256,18427;63986,16977;65436,16209;67057,15612;72430,13223;87271,7507;91195,6996;94010,5972;97251,5119;104074,4180;113926,3679;121844,3945;125739,0;129748,256;133842,682;136572,1365;138363,2218;140581,1791;143907,2559;145954,3156;145869,3242;145784,3839;142287,3583;141092,3242;139898,2986;137595,2474;135292,1962;132904,1621;130260,1621;128128,1621;124801,1621;124645,1571;123180,2303;123692,3156;128810,4180;126533,4220;126571,4223;128981,4180;131028,4436;134951,5204;136828,5460;139984,6142;143225,6825;146381,7593;149537,8531;151072,8958;152607,9470;152627,9488;153728,9677;156396,10669;156769,11234;156872,11261;159260,12199;161307,13053;163354,13991;164890,14844;165913,15356;167022,15953;170775,18086;175552,21157;178025,22863;178097,22915;179361,23683;227496,114232;227460,114946;228434,115085;229372,115768;229799,118071;231420,120801;232102,120863;232102,120204;232795,118277;232784,117900;233467,115597;234405,115597;235855,114659;236025,118412;235599,120204;235087,121910;234831,124725;234746,126176;234576,127626;234212,127868;234234,127967;234583,127735;234746,126346;234831,124896;235087,122081;235599,120374;236025,118583;236708,119095;236623,120374;236452,121654;236367,124043;236196,126858;235770,129844;235258,133000;234661,136072;233552,142555;232528,143153;231249,146906;230908,150489;230737,151001;229287,154925;228861,155267;227070,159447;228946,155267;229372,154925;226643,162689;225193,163457;224892,164058;224937,164139;225278,163457;226728,162689;225705,165589;223828,169002;222890,170708;221867,172414;221099,173694;219990,176168;218796,178557;216920,181116;215043,183505;215121,183344;212996,186235;208390,191268;207483,192664;208390,191353;212996,186320;209499,191609;207697,193497;206250,194560;206172,194681;205268,195376;205234,195619;201225,199714;196960,203638;196763,203781;195340,205600;191928,208160;188739,210552;188728,210566;191928,208245;195340,205686;192525,208501;190233,209994;188647,210664;188602,210719;186896,211828;186253,212126;184635,213438;183057,214558;180669,216094;179902,216179;179048,216558;178916,216659;179987,216264;180755,216179;177684,218482;175722,219506;173760,220445;172375,220653;172140,220786;165657,223601;165327,223676;163354,224966;164463,225307;160369,227099;160710,225905;159345,226416;158066,226843;155422,227696;155069,227272;153801,227525;152266,227867;149110,228635;149006,228683;152010,227952;153545,227611;154825,227355;155337,227781;157981,226928;159260,226502;160625,225990;160284,227184;156701,228890;156526,228841;154057,229829;152010,230426;148940,231194;147671,231087;145017,231604;144931,231791;137851,233156;136231,232729;134866,232729;132478,233497;130345,233668;128213,233753;127981,233654;126038,233998;123692,233583;123778,233497;124204,232900;122242,232644;123180,232132;125995,232047;128725,231962;132648,232047;135378,231791;140495,230682;143907,229914;146466,229829;146644,229746;144163,229829;140751,230597;135634,231706;132904,231962;128981,231876;126251,231962;123436,232047;123522,231706;124119,230853;150389,226502;168216,219762;172907,217288;175552,215923;178281,214473;183399,211402;187493,208245;195169,202273;197302,200567;199349,198776;202419,195960;203699,193827;205537,192142;205551,192037;203784,193657;202505,195790;199434,198605;197387,200396;195255,202103;187578,208074;183484,211231;178366,214302;175637,215752;172993,217117;168301,219592;150475,226331;124204,230682;122242,230682;121986,230000;119939,229914;118063,230682;112604,230767;108595,230597;106633,230426;104672,230085;105853,228824;105610,228890;101207,228075;101004,228123;92560,226587;89233,225905;86333,225393;82836,223772;78486,222151;73965,220359;74733,219762;77889,220359;79254,221554;83945,222919;93242,225307;95545,225734;98019,226160;100748,226758;103756,227408;103989,227355;106804,227781;106889,227611;110983,227781;111666,227867;117977,227867;122583,228037;128042,227611;128725,227611;128981,228293;134354,227611;137936,226758;139984,226416;141263,226246;144078,225563;146381,225051;148684,224454;152908,223723;153460,223516;149025,224284;146722,224881;144419,225393;141604,226075;140325,226246;138278,226587;132734,227099;128981,227440;128298,227440;122839,227867;118233,227696;111922,227696;111239,227611;108595,226502;107145,227440;107141,227448;108339,226672;110983,227781;106889,227611;106921,227590;104245,227184;101089,226502;98360,225905;95886,225478;93583,225051;84286,222663;79595,221298;78230,220103;75074,219506;70383,217117;69018,217203;64156,214729;63304,213193;63474,213108;66459,214729;69445,216350;70298,215838;66801,213534;63901,212255;59892,209951;56480,207733;51106,205430;49059,203724;49486,203553;51533,204150;47268,199714;44880,197752;42662,195790;39848,193486;35753,188965;35472,188087;34644,187258;31830,184187;31489,182652;30380,181116;30248,180909;28930,180007;26371,176339;24921,172926;24750,172926;22789,169172;20912,165419;18950,161068;17159,156632;18950,159618;20741,163371;21338,165419;21585,165781;21282,164201;20489,162763;19200,159864;17671,157314;15794,152195;14187,146949;13659,145419;11359,136239;10343,129575;10335,129759;10421,131124;10847,134280;11359,137522;10506,134707;9909,131124;9227,131124;8800,127882;8203,125834;7691,123872;6241,122337;5815,122337;5388,120204;5218,117474;5559,113635;5729,112270;6020,111334;5879,109199;6071,106042;6412,105402;6412,105018;5729,106298;5132,105445;4024,103909;3821,102694;3768,102800;3427,106213;3171,109625;2915,112270;2915,117730;3000,120545;3171,123360;2403,126005;2232,126005;1721,120886;1721,115597;2147,111502;2914,112269;2232,111417;2062,108345;2232,103653;2318,102374;2574,100241;3597,96402;4107,93852;3938,93245;3341,96658;2318,100497;2062,102630;1977,103909;1806,108601;1977,111673;1550,115768;1550,121057;2062,126176;2232,126176;3341,131038;3938,135048;5218,139143;7233,147949;7409,149636;7777,149636;9653,154158;10335,156461;9056,154499;7691,151428;7606,152281;6864,149980;6327,150063;5729,148101;3682,143408;2403,139228;2318,135730;1721,131635;1294,127540;356,124555;953,108687;1550,104592;1038,102374;2062,96231;2318,94781;3000,89833;4791,86250;4365,91113;4791,90279;5047,88287;5132,86079;5900,83264;7094,78998;8544,74647;8653,74525;9312,71064;10250,68590;11359,66543;13577,62277;15368,58438;17927,53490;19803,51357;21338,48372;22618,46495;23983,45812;24324,45300;25689,42570;28333,39499;28405,40783;28212,41322;30977,38475;32341,36684;34133,34978;34287,35149;34218,35063;36436,32845;38653,30797;41042,28238;44368,25764;47950,23119;50092,21625;51533,20304;54092,18768;56821,17318;57182,17132;58111,16220;59636,15100;61310,14247;62494,13974;62706,13820;85907,4436;86767,4249;89148,3412;90790,3082;91646,3075;91963,2986;111410,427;116933,405;122839,512;122949,594;125825,256;128469,682;131113,1194;132477,1504;131028,1109;128383,597;125739,171;125739,0" o:connectangles="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,0"/>
                <o:lock v:ext="edit" aspectratio="t"/>
              </v:shape>
              <v:rect id="Rectangle 2" o:spid="_x0000_s1035" style="position:absolute;top:15324;width:56146;height:2743;flip:y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agDKwwAAANoAAAAPAAAAZHJzL2Rvd25yZXYueG1sRI9BawIx&#10;FITvhf6H8ApeSs3qQWVrFBUFj9YWe31uXjdbk5d1E3XtrzeC0OMwM98w42nrrDhTEyrPCnrdDARx&#10;4XXFpYKvz9XbCESIyBqtZ1JwpQDTyfPTGHPtL/xB520sRYJwyFGBibHOpQyFIYeh62vi5P34xmFM&#10;simlbvCS4M7KfpYNpMOK04LBmhaGisP25BS46+5vt/8+Ll/nFY7sZm+H5renVOelnb2DiNTG//Cj&#10;vdYK+nC/km6AnNwAAAD//wMAUEsBAi0AFAAGAAgAAAAhANvh9svuAAAAhQEAABMAAAAAAAAAAAAA&#10;AAAAAAAAAFtDb250ZW50X1R5cGVzXS54bWxQSwECLQAUAAYACAAAACEAWvQsW78AAAAVAQAACwAA&#10;AAAAAAAAAAAAAAAfAQAAX3JlbHMvLnJlbHNQSwECLQAUAAYACAAAACEAzGoAysMAAADaAAAADwAA&#10;AAAAAAAAAAAAAAAHAgAAZHJzL2Rvd25yZXYueG1sUEsFBgAAAAADAAMAtwAAAPcCAAAAAA==&#10;" fillcolor="#2c567a [3204]" stroked="f"/>
              <w10:wrap anchorx="page" anchory="page"/>
            </v:group>
          </w:pict>
        </mc:Fallback>
      </mc:AlternateContent>
    </w:r>
    <w:r w:rsidR="00D45945" w:rsidRPr="00615018">
      <w:rPr>
        <w:noProof/>
        <w:color w:val="000000" w:themeColor="text1"/>
        <w:lang w:eastAsia="en-US"/>
      </w:rPr>
      <w:t xml:space="preserve"> 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A6817"/>
    <w:rsid w:val="00083BAA"/>
    <w:rsid w:val="000900C1"/>
    <w:rsid w:val="000D7B45"/>
    <w:rsid w:val="000E5896"/>
    <w:rsid w:val="001766D6"/>
    <w:rsid w:val="001C6E26"/>
    <w:rsid w:val="00204F5C"/>
    <w:rsid w:val="00224485"/>
    <w:rsid w:val="0026243D"/>
    <w:rsid w:val="002B31E2"/>
    <w:rsid w:val="002C003A"/>
    <w:rsid w:val="0033581C"/>
    <w:rsid w:val="00374677"/>
    <w:rsid w:val="003E24DF"/>
    <w:rsid w:val="00454CEC"/>
    <w:rsid w:val="004A2B0D"/>
    <w:rsid w:val="00564809"/>
    <w:rsid w:val="005C2210"/>
    <w:rsid w:val="005E7AC8"/>
    <w:rsid w:val="00615018"/>
    <w:rsid w:val="0062123A"/>
    <w:rsid w:val="00646E75"/>
    <w:rsid w:val="006F6F10"/>
    <w:rsid w:val="00765BD2"/>
    <w:rsid w:val="00783E79"/>
    <w:rsid w:val="007B5AE8"/>
    <w:rsid w:val="007F5192"/>
    <w:rsid w:val="0085357E"/>
    <w:rsid w:val="008B7FD5"/>
    <w:rsid w:val="008E6185"/>
    <w:rsid w:val="00A47EE0"/>
    <w:rsid w:val="00A65AD5"/>
    <w:rsid w:val="00A96CF8"/>
    <w:rsid w:val="00AD330B"/>
    <w:rsid w:val="00B50294"/>
    <w:rsid w:val="00C175B3"/>
    <w:rsid w:val="00C539B0"/>
    <w:rsid w:val="00C664CF"/>
    <w:rsid w:val="00C665CF"/>
    <w:rsid w:val="00C70786"/>
    <w:rsid w:val="00C70B15"/>
    <w:rsid w:val="00C8222A"/>
    <w:rsid w:val="00CC07A2"/>
    <w:rsid w:val="00CC550A"/>
    <w:rsid w:val="00D03493"/>
    <w:rsid w:val="00D45945"/>
    <w:rsid w:val="00D66593"/>
    <w:rsid w:val="00DA4BFB"/>
    <w:rsid w:val="00DA6817"/>
    <w:rsid w:val="00DA79AD"/>
    <w:rsid w:val="00DF0640"/>
    <w:rsid w:val="00E14A80"/>
    <w:rsid w:val="00E24FD6"/>
    <w:rsid w:val="00E47372"/>
    <w:rsid w:val="00E55D74"/>
    <w:rsid w:val="00E6540C"/>
    <w:rsid w:val="00E81E2A"/>
    <w:rsid w:val="00EC0CFE"/>
    <w:rsid w:val="00EE0952"/>
    <w:rsid w:val="00FA4057"/>
    <w:rsid w:val="00FA5901"/>
    <w:rsid w:val="00FE0F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DE15F2A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8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iPriority="6" w:unhideWhenUsed="1" w:qFormat="1"/>
    <w:lsdException w:name="Signature" w:semiHidden="1" w:uiPriority="7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iPriority="4" w:unhideWhenUsed="1" w:qFormat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semiHidden="1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5357E"/>
    <w:pPr>
      <w:spacing w:before="40" w:after="200" w:line="288" w:lineRule="auto"/>
    </w:pPr>
    <w:rPr>
      <w:rFonts w:eastAsiaTheme="minorHAnsi"/>
      <w:kern w:val="20"/>
      <w:szCs w:val="20"/>
    </w:rPr>
  </w:style>
  <w:style w:type="paragraph" w:styleId="Heading1">
    <w:name w:val="heading 1"/>
    <w:basedOn w:val="Normal"/>
    <w:next w:val="Normal"/>
    <w:link w:val="Heading1Char"/>
    <w:uiPriority w:val="8"/>
    <w:unhideWhenUsed/>
    <w:qFormat/>
    <w:rsid w:val="003E24DF"/>
    <w:pPr>
      <w:spacing w:before="0" w:after="360" w:line="240" w:lineRule="auto"/>
      <w:contextualSpacing/>
      <w:outlineLvl w:val="0"/>
    </w:pPr>
    <w:rPr>
      <w:rFonts w:asciiTheme="majorHAnsi" w:eastAsiaTheme="majorEastAsia" w:hAnsiTheme="majorHAnsi" w:cstheme="majorBidi"/>
      <w:caps/>
      <w:color w:val="21405B" w:themeColor="accent1" w:themeShade="BF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4A2B0D"/>
    <w:pPr>
      <w:keepNext/>
      <w:keepLines/>
      <w:spacing w:after="0"/>
      <w:outlineLvl w:val="1"/>
    </w:pPr>
    <w:rPr>
      <w:rFonts w:asciiTheme="majorHAnsi" w:eastAsiaTheme="majorEastAsia" w:hAnsiTheme="majorHAnsi" w:cstheme="majorBidi"/>
      <w:color w:val="21405B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8"/>
    <w:rsid w:val="003E24DF"/>
    <w:rPr>
      <w:rFonts w:asciiTheme="majorHAnsi" w:eastAsiaTheme="majorEastAsia" w:hAnsiTheme="majorHAnsi" w:cstheme="majorBidi"/>
      <w:caps/>
      <w:color w:val="21405B" w:themeColor="accent1" w:themeShade="BF"/>
      <w:kern w:val="20"/>
      <w:sz w:val="20"/>
      <w:szCs w:val="20"/>
    </w:rPr>
  </w:style>
  <w:style w:type="paragraph" w:customStyle="1" w:styleId="Recipient">
    <w:name w:val="Recipient"/>
    <w:basedOn w:val="Heading2"/>
    <w:uiPriority w:val="3"/>
    <w:qFormat/>
    <w:rsid w:val="0085357E"/>
    <w:pPr>
      <w:spacing w:before="1200"/>
    </w:pPr>
    <w:rPr>
      <w:b/>
      <w:color w:val="2C567A" w:themeColor="accent1"/>
    </w:rPr>
  </w:style>
  <w:style w:type="paragraph" w:styleId="Salutation">
    <w:name w:val="Salutation"/>
    <w:basedOn w:val="Normal"/>
    <w:link w:val="SalutationChar"/>
    <w:uiPriority w:val="4"/>
    <w:unhideWhenUsed/>
    <w:qFormat/>
    <w:rsid w:val="003E24DF"/>
    <w:pPr>
      <w:spacing w:before="720"/>
    </w:pPr>
  </w:style>
  <w:style w:type="character" w:customStyle="1" w:styleId="SalutationChar">
    <w:name w:val="Salutation Char"/>
    <w:basedOn w:val="DefaultParagraphFont"/>
    <w:link w:val="Salutation"/>
    <w:uiPriority w:val="4"/>
    <w:rsid w:val="003E24DF"/>
    <w:rPr>
      <w:rFonts w:eastAsiaTheme="minorHAnsi"/>
      <w:color w:val="595959" w:themeColor="text1" w:themeTint="A6"/>
      <w:kern w:val="20"/>
      <w:sz w:val="20"/>
      <w:szCs w:val="20"/>
    </w:rPr>
  </w:style>
  <w:style w:type="paragraph" w:styleId="Closing">
    <w:name w:val="Closing"/>
    <w:basedOn w:val="Normal"/>
    <w:next w:val="Signature"/>
    <w:link w:val="ClosingChar"/>
    <w:uiPriority w:val="6"/>
    <w:unhideWhenUsed/>
    <w:qFormat/>
    <w:rsid w:val="003E24DF"/>
    <w:pPr>
      <w:spacing w:before="480" w:after="960" w:line="240" w:lineRule="auto"/>
    </w:pPr>
  </w:style>
  <w:style w:type="character" w:customStyle="1" w:styleId="ClosingChar">
    <w:name w:val="Closing Char"/>
    <w:basedOn w:val="DefaultParagraphFont"/>
    <w:link w:val="Closing"/>
    <w:uiPriority w:val="6"/>
    <w:rsid w:val="003E24DF"/>
    <w:rPr>
      <w:rFonts w:eastAsiaTheme="minorHAnsi"/>
      <w:color w:val="595959" w:themeColor="text1" w:themeTint="A6"/>
      <w:kern w:val="20"/>
      <w:sz w:val="20"/>
      <w:szCs w:val="20"/>
    </w:rPr>
  </w:style>
  <w:style w:type="paragraph" w:styleId="Signature">
    <w:name w:val="Signature"/>
    <w:basedOn w:val="Normal"/>
    <w:link w:val="SignatureChar"/>
    <w:uiPriority w:val="7"/>
    <w:unhideWhenUsed/>
    <w:qFormat/>
    <w:rsid w:val="00204F5C"/>
    <w:pPr>
      <w:spacing w:after="0"/>
    </w:pPr>
    <w:rPr>
      <w:b/>
      <w:bCs/>
    </w:rPr>
  </w:style>
  <w:style w:type="character" w:customStyle="1" w:styleId="SignatureChar">
    <w:name w:val="Signature Char"/>
    <w:basedOn w:val="DefaultParagraphFont"/>
    <w:link w:val="Signature"/>
    <w:uiPriority w:val="7"/>
    <w:rsid w:val="00204F5C"/>
    <w:rPr>
      <w:rFonts w:eastAsiaTheme="minorHAnsi"/>
      <w:b/>
      <w:bCs/>
      <w:kern w:val="20"/>
      <w:szCs w:val="20"/>
    </w:rPr>
  </w:style>
  <w:style w:type="paragraph" w:styleId="Header">
    <w:name w:val="header"/>
    <w:basedOn w:val="Normal"/>
    <w:link w:val="HeaderChar"/>
    <w:uiPriority w:val="99"/>
    <w:semiHidden/>
    <w:rsid w:val="000D7B45"/>
    <w:pPr>
      <w:spacing w:after="0" w:line="240" w:lineRule="auto"/>
      <w:ind w:right="567"/>
      <w:jc w:val="right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0D7B45"/>
    <w:rPr>
      <w:rFonts w:eastAsiaTheme="minorHAnsi"/>
      <w:kern w:val="20"/>
      <w:szCs w:val="20"/>
    </w:rPr>
  </w:style>
  <w:style w:type="character" w:styleId="Strong">
    <w:name w:val="Strong"/>
    <w:basedOn w:val="DefaultParagraphFont"/>
    <w:uiPriority w:val="1"/>
    <w:semiHidden/>
    <w:qFormat/>
    <w:rsid w:val="003E24DF"/>
    <w:rPr>
      <w:b/>
      <w:bCs/>
    </w:rPr>
  </w:style>
  <w:style w:type="paragraph" w:customStyle="1" w:styleId="ContactInfo">
    <w:name w:val="Contact Info"/>
    <w:basedOn w:val="Normal"/>
    <w:uiPriority w:val="1"/>
    <w:qFormat/>
    <w:rsid w:val="003E24DF"/>
    <w:pPr>
      <w:spacing w:before="0" w:after="0"/>
    </w:pPr>
  </w:style>
  <w:style w:type="character" w:customStyle="1" w:styleId="Heading2Char">
    <w:name w:val="Heading 2 Char"/>
    <w:basedOn w:val="DefaultParagraphFont"/>
    <w:link w:val="Heading2"/>
    <w:uiPriority w:val="9"/>
    <w:rsid w:val="004A2B0D"/>
    <w:rPr>
      <w:rFonts w:asciiTheme="majorHAnsi" w:eastAsiaTheme="majorEastAsia" w:hAnsiTheme="majorHAnsi" w:cstheme="majorBidi"/>
      <w:color w:val="21405B" w:themeColor="accent1" w:themeShade="BF"/>
      <w:kern w:val="20"/>
      <w:sz w:val="26"/>
      <w:szCs w:val="26"/>
    </w:rPr>
  </w:style>
  <w:style w:type="paragraph" w:styleId="NormalWeb">
    <w:name w:val="Normal (Web)"/>
    <w:basedOn w:val="Normal"/>
    <w:uiPriority w:val="99"/>
    <w:semiHidden/>
    <w:unhideWhenUsed/>
    <w:rsid w:val="00083BAA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kern w:val="0"/>
      <w:szCs w:val="24"/>
    </w:rPr>
  </w:style>
  <w:style w:type="character" w:styleId="PlaceholderText">
    <w:name w:val="Placeholder Text"/>
    <w:basedOn w:val="DefaultParagraphFont"/>
    <w:uiPriority w:val="99"/>
    <w:semiHidden/>
    <w:rsid w:val="001766D6"/>
    <w:rPr>
      <w:color w:val="808080"/>
    </w:rPr>
  </w:style>
  <w:style w:type="paragraph" w:styleId="Footer">
    <w:name w:val="footer"/>
    <w:basedOn w:val="Normal"/>
    <w:link w:val="FooterChar"/>
    <w:uiPriority w:val="99"/>
    <w:unhideWhenUsed/>
    <w:rsid w:val="00D45945"/>
    <w:pPr>
      <w:tabs>
        <w:tab w:val="center" w:pos="4680"/>
        <w:tab w:val="right" w:pos="9360"/>
      </w:tabs>
      <w:spacing w:before="0"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45945"/>
    <w:rPr>
      <w:rFonts w:eastAsiaTheme="minorHAnsi"/>
      <w:color w:val="595959" w:themeColor="text1" w:themeTint="A6"/>
      <w:kern w:val="20"/>
      <w:sz w:val="20"/>
      <w:szCs w:val="20"/>
    </w:rPr>
  </w:style>
  <w:style w:type="paragraph" w:styleId="Title">
    <w:name w:val="Title"/>
    <w:basedOn w:val="Heading1"/>
    <w:next w:val="Normal"/>
    <w:link w:val="TitleChar"/>
    <w:uiPriority w:val="10"/>
    <w:rsid w:val="00D45945"/>
    <w:rPr>
      <w:color w:val="000000" w:themeColor="text1"/>
    </w:rPr>
  </w:style>
  <w:style w:type="character" w:customStyle="1" w:styleId="TitleChar">
    <w:name w:val="Title Char"/>
    <w:basedOn w:val="DefaultParagraphFont"/>
    <w:link w:val="Title"/>
    <w:uiPriority w:val="10"/>
    <w:rsid w:val="00D45945"/>
    <w:rPr>
      <w:rFonts w:asciiTheme="majorHAnsi" w:eastAsiaTheme="majorEastAsia" w:hAnsiTheme="majorHAnsi" w:cstheme="majorBidi"/>
      <w:caps/>
      <w:color w:val="000000" w:themeColor="text1"/>
      <w:kern w:val="20"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C0CFE"/>
    <w:pPr>
      <w:spacing w:before="0"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C0CFE"/>
    <w:rPr>
      <w:rFonts w:ascii="Segoe UI" w:eastAsiaTheme="minorHAnsi" w:hAnsi="Segoe UI" w:cs="Segoe UI"/>
      <w:kern w:val="20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header" Target="header1.xml"/><Relationship Id="rId4" Type="http://schemas.openxmlformats.org/officeDocument/2006/relationships/customXml" Target="../customXml/item4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820419\AppData\Roaming\Microsoft\Templates\Blue%20spheres%20letterhead.dotx" TargetMode="External"/></Relationships>
</file>

<file path=word/theme/theme1.xml><?xml version="1.0" encoding="utf-8"?>
<a:theme xmlns:a="http://schemas.openxmlformats.org/drawingml/2006/main" name="Office Theme">
  <a:themeElements>
    <a:clrScheme name="Contoso v1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2C567A"/>
      </a:accent1>
      <a:accent2>
        <a:srgbClr val="0072C7"/>
      </a:accent2>
      <a:accent3>
        <a:srgbClr val="0D1D51"/>
      </a:accent3>
      <a:accent4>
        <a:srgbClr val="666666"/>
      </a:accent4>
      <a:accent5>
        <a:srgbClr val="3C76A6"/>
      </a:accent5>
      <a:accent6>
        <a:srgbClr val="1E44BC"/>
      </a:accent6>
      <a:hlink>
        <a:srgbClr val="0563C1"/>
      </a:hlink>
      <a:folHlink>
        <a:srgbClr val="954F72"/>
      </a:folHlink>
    </a:clrScheme>
    <a:fontScheme name="Contoso v1">
      <a:majorFont>
        <a:latin typeface="Corbe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1c2eb7a32e66fb6e4260f3771546a5e2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04e1f6479c48b08974ba73b5ca973489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9B77FCE-B8CA-4B76-8ADD-85EF0AC07C15}">
  <ds:schemaRefs>
    <ds:schemaRef ds:uri="http://schemas.microsoft.com/office/2006/documentManagement/types"/>
    <ds:schemaRef ds:uri="71af3243-3dd4-4a8d-8c0d-dd76da1f02a5"/>
    <ds:schemaRef ds:uri="http://schemas.microsoft.com/office/infopath/2007/PartnerControls"/>
    <ds:schemaRef ds:uri="http://purl.org/dc/dcmitype/"/>
    <ds:schemaRef ds:uri="http://schemas.openxmlformats.org/package/2006/metadata/core-properties"/>
    <ds:schemaRef ds:uri="http://schemas.microsoft.com/office/2006/metadata/properties"/>
    <ds:schemaRef ds:uri="http://purl.org/dc/elements/1.1/"/>
    <ds:schemaRef ds:uri="16c05727-aa75-4e4a-9b5f-8a80a1165891"/>
    <ds:schemaRef ds:uri="http://www.w3.org/XML/1998/namespace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2E7C3EAB-E09B-41CC-82A6-14BA506A5C1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E625E85-2963-4DE1-A09D-459C4EC9176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11C90FE-D6D8-487A-92F8-3ABE83E0DDB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lue spheres letterhead</Template>
  <TotalTime>0</TotalTime>
  <Pages>1</Pages>
  <Words>187</Words>
  <Characters>1068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3-31T13:22:00Z</dcterms:created>
  <dcterms:modified xsi:type="dcterms:W3CDTF">2021-03-31T18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